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H30_03人口・労働統計課\人口\02_人口統計\03年齢別\H30年齢別\05_H30公表資料\02_ホームページ\HP用\HP用_松崎\"/>
    </mc:Choice>
  </mc:AlternateContent>
  <bookViews>
    <workbookView xWindow="0" yWindow="0" windowWidth="20490" windowHeight="7470"/>
  </bookViews>
  <sheets>
    <sheet name="表１･２" sheetId="1" r:id="rId1"/>
    <sheet name="表３" sheetId="2" r:id="rId2"/>
    <sheet name="表４・５" sheetId="3" r:id="rId3"/>
    <sheet name="表６" sheetId="4" r:id="rId4"/>
    <sheet name="表７" sheetId="5" r:id="rId5"/>
    <sheet name="表８" sheetId="6" r:id="rId6"/>
    <sheet name="表９" sheetId="7" r:id="rId7"/>
    <sheet name="表10" sheetId="8" r:id="rId8"/>
    <sheet name="表11-1" sheetId="9" r:id="rId9"/>
    <sheet name="表11-2" sheetId="10" r:id="rId10"/>
    <sheet name="表11-3" sheetId="11" r:id="rId11"/>
    <sheet name="表12" sheetId="12" r:id="rId12"/>
    <sheet name="表13" sheetId="13" r:id="rId13"/>
    <sheet name="表14-1" sheetId="14" r:id="rId14"/>
    <sheet name="表14-2" sheetId="15" r:id="rId15"/>
    <sheet name="表14-3" sheetId="16" r:id="rId16"/>
    <sheet name="表14-4" sheetId="17" r:id="rId17"/>
    <sheet name="表14-5" sheetId="18" r:id="rId18"/>
    <sheet name="表14-6" sheetId="19" r:id="rId19"/>
    <sheet name="表14-7" sheetId="20" r:id="rId20"/>
    <sheet name="表15-1" sheetId="21" r:id="rId21"/>
    <sheet name="表15-2" sheetId="22" r:id="rId22"/>
    <sheet name="表15-3" sheetId="23" r:id="rId23"/>
    <sheet name="表15-4" sheetId="24" r:id="rId24"/>
    <sheet name="表15-5" sheetId="25" r:id="rId25"/>
    <sheet name="表15-6" sheetId="26" r:id="rId26"/>
    <sheet name="表15-7" sheetId="27" r:id="rId27"/>
    <sheet name="表16-1" sheetId="28" r:id="rId28"/>
    <sheet name="表16-2" sheetId="29" r:id="rId29"/>
    <sheet name="表16-3" sheetId="30" r:id="rId30"/>
    <sheet name="表16-4" sheetId="31" r:id="rId31"/>
    <sheet name="参考資料1" sheetId="32" r:id="rId32"/>
    <sheet name="参考資料2" sheetId="33" r:id="rId33"/>
  </sheets>
  <definedNames>
    <definedName name="_xlnm.Print_Area" localSheetId="31">参考資料1!$A$1:$K$76</definedName>
    <definedName name="_xlnm.Print_Area" localSheetId="32">参考資料2!$A$1:$L$60</definedName>
    <definedName name="_xlnm.Print_Area" localSheetId="0">表１･２!$A$1:$I$63</definedName>
    <definedName name="_xlnm.Print_Area" localSheetId="8">'表11-1'!$A$1:$AA$81</definedName>
    <definedName name="_xlnm.Print_Area" localSheetId="9">'表11-2'!$A$1:$AA$81</definedName>
    <definedName name="_xlnm.Print_Area" localSheetId="10">'表11-3'!$A$1:$AA$81</definedName>
    <definedName name="_xlnm.Print_Area" localSheetId="11">表12!$A$1:$L$65</definedName>
    <definedName name="_xlnm.Print_Area" localSheetId="12">表13!$A$1:$K$80</definedName>
    <definedName name="_xlnm.Print_Area" localSheetId="13">'表14-1'!$A$1:$Y$65</definedName>
    <definedName name="_xlnm.Print_Area" localSheetId="14">'表14-2'!$A$1:$Y$65</definedName>
    <definedName name="_xlnm.Print_Area" localSheetId="15">'表14-3'!$A$1:$Y$65</definedName>
    <definedName name="_xlnm.Print_Area" localSheetId="16">'表14-4'!$A$1:$Y$65</definedName>
    <definedName name="_xlnm.Print_Area" localSheetId="17">'表14-5'!$A$1:$Y$65</definedName>
    <definedName name="_xlnm.Print_Area" localSheetId="18">'表14-6'!$A$1:$Y$65</definedName>
    <definedName name="_xlnm.Print_Area" localSheetId="19">'表14-7'!$A$1:$Y$65</definedName>
    <definedName name="_xlnm.Print_Area" localSheetId="20">'表15-1'!$A$1:$Z$52</definedName>
    <definedName name="_xlnm.Print_Area" localSheetId="27">'表16-1'!$A$1:$N$72</definedName>
    <definedName name="_xlnm.Print_Area" localSheetId="28">'表16-2'!$A$1:$N$72</definedName>
    <definedName name="_xlnm.Print_Area" localSheetId="29">'表16-3'!$A$1:$N$72</definedName>
    <definedName name="_xlnm.Print_Area" localSheetId="30">'表16-4'!$A$1:$N$72</definedName>
    <definedName name="_xlnm.Print_Area" localSheetId="1">表３!$A$1:$H$72</definedName>
    <definedName name="_xlnm.Print_Area" localSheetId="2">表４・５!$A$1:$I$51</definedName>
    <definedName name="_xlnm.Print_Area" localSheetId="3">表６!$A$1:$N$38</definedName>
    <definedName name="_xlnm.Print_Area" localSheetId="5">表８!$A$1:$I$59</definedName>
    <definedName name="_xlnm.Print_Area" localSheetId="6">表９!$A$1:$I$3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4" i="4" l="1"/>
  <c r="N12" i="4"/>
  <c r="N34" i="4" s="1"/>
  <c r="N11" i="4"/>
  <c r="N33" i="4" s="1"/>
  <c r="N10" i="4" l="1"/>
  <c r="N32" i="4" s="1"/>
  <c r="N13" i="4"/>
  <c r="N24" i="4"/>
  <c r="N6" i="4"/>
  <c r="N28" i="4" s="1"/>
  <c r="N35" i="4" l="1"/>
  <c r="F50" i="3" l="1"/>
  <c r="H25" i="1"/>
  <c r="G25" i="1"/>
  <c r="F25" i="1"/>
  <c r="E25" i="1"/>
</calcChain>
</file>

<file path=xl/sharedStrings.xml><?xml version="1.0" encoding="utf-8"?>
<sst xmlns="http://schemas.openxmlformats.org/spreadsheetml/2006/main" count="8549" uniqueCount="918">
  <si>
    <t>◆年齢別人口</t>
    <rPh sb="1" eb="4">
      <t>ネンレイベツ</t>
    </rPh>
    <rPh sb="4" eb="6">
      <t>ジンコウ</t>
    </rPh>
    <phoneticPr fontId="3"/>
  </si>
  <si>
    <t>【表１】年齢（３区分）別人口及び構成比の推移〈神奈川県、全国〉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8">
      <t>コウセイ</t>
    </rPh>
    <rPh sb="18" eb="19">
      <t>ヒ</t>
    </rPh>
    <rPh sb="20" eb="22">
      <t>スイイ</t>
    </rPh>
    <rPh sb="23" eb="27">
      <t>カナガワケン</t>
    </rPh>
    <rPh sb="28" eb="30">
      <t>ゼンコク</t>
    </rPh>
    <phoneticPr fontId="3"/>
  </si>
  <si>
    <t>　　調　査　時　点</t>
    <rPh sb="2" eb="5">
      <t>チョウサ</t>
    </rPh>
    <rPh sb="6" eb="9">
      <t>ジテン</t>
    </rPh>
    <phoneticPr fontId="3"/>
  </si>
  <si>
    <t>総　　数</t>
    <rPh sb="0" eb="4">
      <t>ソウスウ</t>
    </rPh>
    <phoneticPr fontId="3"/>
  </si>
  <si>
    <t>年少人口</t>
    <rPh sb="0" eb="2">
      <t>ネンショウ</t>
    </rPh>
    <rPh sb="2" eb="4">
      <t>ジンコウ</t>
    </rPh>
    <phoneticPr fontId="3"/>
  </si>
  <si>
    <t>生産年齢人口</t>
    <rPh sb="0" eb="2">
      <t>セイサン</t>
    </rPh>
    <rPh sb="2" eb="4">
      <t>ネンレイ</t>
    </rPh>
    <rPh sb="4" eb="6">
      <t>ジンコウ</t>
    </rPh>
    <phoneticPr fontId="3"/>
  </si>
  <si>
    <t>老年人口</t>
    <rPh sb="0" eb="2">
      <t>ロウネン</t>
    </rPh>
    <rPh sb="2" eb="4">
      <t>ジンコウ</t>
    </rPh>
    <phoneticPr fontId="3"/>
  </si>
  <si>
    <t>年齢不詳</t>
    <rPh sb="0" eb="2">
      <t>ネンレイ</t>
    </rPh>
    <rPh sb="2" eb="4">
      <t>フショウ</t>
    </rPh>
    <phoneticPr fontId="3"/>
  </si>
  <si>
    <t>（各年１月１日現在）</t>
    <rPh sb="1" eb="2">
      <t>カク</t>
    </rPh>
    <rPh sb="2" eb="3">
      <t>ネン</t>
    </rPh>
    <rPh sb="4" eb="5">
      <t>ツキ</t>
    </rPh>
    <rPh sb="6" eb="7">
      <t>ヒ</t>
    </rPh>
    <rPh sb="7" eb="9">
      <t>ゲンザイ</t>
    </rPh>
    <phoneticPr fontId="3"/>
  </si>
  <si>
    <t>（0～14歳）　</t>
    <rPh sb="5" eb="6">
      <t>サイ</t>
    </rPh>
    <phoneticPr fontId="3"/>
  </si>
  <si>
    <t>(15～64歳）</t>
    <rPh sb="6" eb="7">
      <t>サイ</t>
    </rPh>
    <phoneticPr fontId="3"/>
  </si>
  <si>
    <t>(65歳以上）</t>
    <rPh sb="3" eb="4">
      <t>サイ</t>
    </rPh>
    <rPh sb="4" eb="6">
      <t>イジョウ</t>
    </rPh>
    <phoneticPr fontId="3"/>
  </si>
  <si>
    <t>神　奈　川　県</t>
    <rPh sb="0" eb="7">
      <t>カナガワケン</t>
    </rPh>
    <phoneticPr fontId="3"/>
  </si>
  <si>
    <t>実　　数</t>
    <rPh sb="0" eb="1">
      <t>ジツ</t>
    </rPh>
    <rPh sb="3" eb="4">
      <t>スウ</t>
    </rPh>
    <phoneticPr fontId="3"/>
  </si>
  <si>
    <t>人</t>
    <rPh sb="0" eb="1">
      <t>ニン</t>
    </rPh>
    <phoneticPr fontId="3"/>
  </si>
  <si>
    <t>平成</t>
    <rPh sb="0" eb="2">
      <t>ヘイセイ</t>
    </rPh>
    <phoneticPr fontId="3"/>
  </si>
  <si>
    <t>30年</t>
    <rPh sb="2" eb="3">
      <t>ネン</t>
    </rPh>
    <phoneticPr fontId="6"/>
  </si>
  <si>
    <t>29年</t>
    <rPh sb="2" eb="3">
      <t>ネン</t>
    </rPh>
    <phoneticPr fontId="6"/>
  </si>
  <si>
    <t>28年</t>
    <rPh sb="2" eb="3">
      <t>ネン</t>
    </rPh>
    <phoneticPr fontId="6"/>
  </si>
  <si>
    <t>27年</t>
    <rPh sb="2" eb="3">
      <t>ネン</t>
    </rPh>
    <phoneticPr fontId="6"/>
  </si>
  <si>
    <t>26年</t>
    <rPh sb="2" eb="3">
      <t>ネン</t>
    </rPh>
    <phoneticPr fontId="6"/>
  </si>
  <si>
    <t>構　成　比</t>
    <rPh sb="0" eb="1">
      <t>コウセイヒ</t>
    </rPh>
    <rPh sb="2" eb="3">
      <t>セイ</t>
    </rPh>
    <rPh sb="4" eb="5">
      <t>ヒ</t>
    </rPh>
    <phoneticPr fontId="3"/>
  </si>
  <si>
    <t>％</t>
    <phoneticPr fontId="3"/>
  </si>
  <si>
    <t>％</t>
    <phoneticPr fontId="3"/>
  </si>
  <si>
    <t>％</t>
    <phoneticPr fontId="3"/>
  </si>
  <si>
    <t>％</t>
    <phoneticPr fontId="3"/>
  </si>
  <si>
    <t>平成</t>
  </si>
  <si>
    <t>-</t>
    <phoneticPr fontId="3"/>
  </si>
  <si>
    <t>-</t>
    <phoneticPr fontId="3"/>
  </si>
  <si>
    <t>-</t>
    <phoneticPr fontId="3"/>
  </si>
  <si>
    <t>-</t>
    <phoneticPr fontId="3"/>
  </si>
  <si>
    <t>全　　　国</t>
    <rPh sb="0" eb="1">
      <t>ゼン</t>
    </rPh>
    <rPh sb="4" eb="5">
      <t>クニ</t>
    </rPh>
    <phoneticPr fontId="3"/>
  </si>
  <si>
    <t>　実　　数</t>
    <rPh sb="1" eb="5">
      <t>ジッスウ</t>
    </rPh>
    <phoneticPr fontId="3"/>
  </si>
  <si>
    <t>万人</t>
    <rPh sb="0" eb="1">
      <t>マン</t>
    </rPh>
    <rPh sb="1" eb="2">
      <t>ニン</t>
    </rPh>
    <phoneticPr fontId="3"/>
  </si>
  <si>
    <t>　構　成　比</t>
    <rPh sb="1" eb="2">
      <t>コウセイヒ</t>
    </rPh>
    <rPh sb="3" eb="4">
      <t>セイ</t>
    </rPh>
    <rPh sb="5" eb="6">
      <t>ヒ</t>
    </rPh>
    <phoneticPr fontId="3"/>
  </si>
  <si>
    <t>(注)</t>
    <rPh sb="1" eb="2">
      <t>チュウ</t>
    </rPh>
    <phoneticPr fontId="3"/>
  </si>
  <si>
    <t>　を基礎人口としているため年齢不詳人口が同数となっている。</t>
    <rPh sb="2" eb="4">
      <t>キソ</t>
    </rPh>
    <rPh sb="4" eb="6">
      <t>ジンコウ</t>
    </rPh>
    <rPh sb="13" eb="15">
      <t>ネンレイ</t>
    </rPh>
    <rPh sb="15" eb="17">
      <t>フショウ</t>
    </rPh>
    <rPh sb="17" eb="19">
      <t>ジンコウ</t>
    </rPh>
    <rPh sb="20" eb="22">
      <t>ドウスウ</t>
    </rPh>
    <phoneticPr fontId="3"/>
  </si>
  <si>
    <t>2　「平成28年１月１日現在」から「平成30年1月1日現在」までは、平成27年10月1日現在の国勢調査</t>
    <rPh sb="3" eb="5">
      <t>ヘイセイ</t>
    </rPh>
    <rPh sb="7" eb="8">
      <t>ネン</t>
    </rPh>
    <rPh sb="9" eb="10">
      <t>ガツ</t>
    </rPh>
    <rPh sb="11" eb="14">
      <t>ニチゲンザイ</t>
    </rPh>
    <rPh sb="18" eb="20">
      <t>ヘイセイ</t>
    </rPh>
    <rPh sb="22" eb="23">
      <t>ネン</t>
    </rPh>
    <rPh sb="24" eb="25">
      <t>ガツ</t>
    </rPh>
    <rPh sb="26" eb="29">
      <t>ニチゲンザイ</t>
    </rPh>
    <rPh sb="34" eb="36">
      <t>ヘイセイ</t>
    </rPh>
    <rPh sb="38" eb="39">
      <t>ネン</t>
    </rPh>
    <rPh sb="41" eb="42">
      <t>ガツ</t>
    </rPh>
    <rPh sb="43" eb="44">
      <t>ニチ</t>
    </rPh>
    <rPh sb="44" eb="46">
      <t>ゲンザイ</t>
    </rPh>
    <rPh sb="47" eb="49">
      <t>コクセイ</t>
    </rPh>
    <rPh sb="49" eb="51">
      <t>チョウサ</t>
    </rPh>
    <phoneticPr fontId="3"/>
  </si>
  <si>
    <t>3　全国の数値は､総務省統計局発行｢人口推計月報｣による各年１月１日現在推計人口(確定値)を使</t>
    <rPh sb="46" eb="47">
      <t>ツカ</t>
    </rPh>
    <phoneticPr fontId="3"/>
  </si>
  <si>
    <t xml:space="preserve">  用している。(単位未満は四捨五入してあり、総人口の数字と内訳の計が一致しない場合がある。）</t>
    <rPh sb="9" eb="11">
      <t>タンイ</t>
    </rPh>
    <rPh sb="11" eb="13">
      <t>ミマン</t>
    </rPh>
    <rPh sb="14" eb="18">
      <t>シシャゴニュウ</t>
    </rPh>
    <rPh sb="23" eb="26">
      <t>ソウジンコウ</t>
    </rPh>
    <rPh sb="27" eb="29">
      <t>スウジ</t>
    </rPh>
    <rPh sb="30" eb="32">
      <t>ウチワケ</t>
    </rPh>
    <rPh sb="33" eb="34">
      <t>ケイ</t>
    </rPh>
    <rPh sb="35" eb="37">
      <t>イッチ</t>
    </rPh>
    <rPh sb="40" eb="42">
      <t>バアイ</t>
    </rPh>
    <phoneticPr fontId="3"/>
  </si>
  <si>
    <t>4　神奈川県の総数には年齢不詳を含んでいるが、構成比は年齢不詳を除いて算出している。</t>
    <rPh sb="2" eb="6">
      <t>カナガワケン</t>
    </rPh>
    <rPh sb="7" eb="9">
      <t>ソウスウ</t>
    </rPh>
    <rPh sb="11" eb="13">
      <t>ネンレイ</t>
    </rPh>
    <rPh sb="13" eb="15">
      <t>フショウ</t>
    </rPh>
    <rPh sb="16" eb="17">
      <t>フク</t>
    </rPh>
    <rPh sb="23" eb="25">
      <t>コウセイ</t>
    </rPh>
    <rPh sb="25" eb="26">
      <t>ヒ</t>
    </rPh>
    <rPh sb="27" eb="29">
      <t>ネンレイ</t>
    </rPh>
    <rPh sb="29" eb="31">
      <t>フショウ</t>
    </rPh>
    <rPh sb="32" eb="33">
      <t>ノゾ</t>
    </rPh>
    <rPh sb="35" eb="37">
      <t>サンシュツ</t>
    </rPh>
    <phoneticPr fontId="3"/>
  </si>
  <si>
    <t>【表２】年齢構造指数の推移〈神奈川県、全国〉</t>
    <rPh sb="1" eb="2">
      <t>ヒョウ</t>
    </rPh>
    <rPh sb="4" eb="6">
      <t>ネンレイ</t>
    </rPh>
    <rPh sb="6" eb="8">
      <t>コウゾウ</t>
    </rPh>
    <rPh sb="8" eb="10">
      <t>シスウ</t>
    </rPh>
    <rPh sb="11" eb="13">
      <t>スイイ</t>
    </rPh>
    <rPh sb="14" eb="18">
      <t>カナガワケン</t>
    </rPh>
    <rPh sb="19" eb="21">
      <t>ゼンコク</t>
    </rPh>
    <phoneticPr fontId="3"/>
  </si>
  <si>
    <t>調査時点（各年１月１日現在）</t>
    <rPh sb="0" eb="2">
      <t>チョウサ</t>
    </rPh>
    <rPh sb="2" eb="4">
      <t>ジテン</t>
    </rPh>
    <rPh sb="5" eb="7">
      <t>カクネン</t>
    </rPh>
    <rPh sb="8" eb="9">
      <t>ツキ</t>
    </rPh>
    <rPh sb="10" eb="11">
      <t>ヒ</t>
    </rPh>
    <rPh sb="11" eb="13">
      <t>ゲンザイ</t>
    </rPh>
    <phoneticPr fontId="3"/>
  </si>
  <si>
    <t>年少人口指数</t>
    <rPh sb="0" eb="2">
      <t>ネンショウ</t>
    </rPh>
    <rPh sb="2" eb="4">
      <t>ジンコウ</t>
    </rPh>
    <rPh sb="4" eb="6">
      <t>シスウ</t>
    </rPh>
    <phoneticPr fontId="3"/>
  </si>
  <si>
    <t>老年人口指数</t>
    <rPh sb="0" eb="2">
      <t>ロウネン</t>
    </rPh>
    <rPh sb="2" eb="4">
      <t>ジンコウ</t>
    </rPh>
    <rPh sb="4" eb="6">
      <t>シスウ</t>
    </rPh>
    <phoneticPr fontId="3"/>
  </si>
  <si>
    <t>従属人口指数</t>
    <rPh sb="0" eb="2">
      <t>ジュウゾク</t>
    </rPh>
    <rPh sb="2" eb="4">
      <t>ジンコウ</t>
    </rPh>
    <rPh sb="4" eb="6">
      <t>シスウ</t>
    </rPh>
    <phoneticPr fontId="3"/>
  </si>
  <si>
    <t>老年化指数</t>
    <rPh sb="0" eb="2">
      <t>ロウネン</t>
    </rPh>
    <rPh sb="2" eb="3">
      <t>カ</t>
    </rPh>
    <rPh sb="3" eb="5">
      <t>シスウ</t>
    </rPh>
    <phoneticPr fontId="3"/>
  </si>
  <si>
    <t>神奈川県</t>
    <rPh sb="0" eb="4">
      <t>カナガワケン</t>
    </rPh>
    <phoneticPr fontId="3"/>
  </si>
  <si>
    <t>全　国</t>
    <rPh sb="0" eb="3">
      <t>ゼンコク</t>
    </rPh>
    <phoneticPr fontId="3"/>
  </si>
  <si>
    <t>（注）</t>
    <rPh sb="1" eb="2">
      <t>チュウ</t>
    </rPh>
    <phoneticPr fontId="3"/>
  </si>
  <si>
    <t>年少人口指数＝</t>
    <rPh sb="0" eb="2">
      <t>ネンショウ</t>
    </rPh>
    <rPh sb="2" eb="4">
      <t>ジンコウ</t>
    </rPh>
    <rPh sb="4" eb="6">
      <t>シスウ</t>
    </rPh>
    <phoneticPr fontId="3"/>
  </si>
  <si>
    <t>×１００</t>
    <phoneticPr fontId="3"/>
  </si>
  <si>
    <t>老年人口指数＝　</t>
    <rPh sb="0" eb="1">
      <t>ロウレイ</t>
    </rPh>
    <rPh sb="1" eb="2">
      <t>ネン</t>
    </rPh>
    <rPh sb="2" eb="4">
      <t>ジンコウ</t>
    </rPh>
    <rPh sb="4" eb="6">
      <t>シスウ</t>
    </rPh>
    <phoneticPr fontId="3"/>
  </si>
  <si>
    <t>従属人口指数＝　　　</t>
    <rPh sb="0" eb="2">
      <t>ジュウゾク</t>
    </rPh>
    <rPh sb="2" eb="4">
      <t>ジンコウ</t>
    </rPh>
    <rPh sb="4" eb="6">
      <t>シスウ</t>
    </rPh>
    <phoneticPr fontId="3"/>
  </si>
  <si>
    <t>年少人口＋老年人口</t>
    <rPh sb="0" eb="2">
      <t>ネンショウ</t>
    </rPh>
    <rPh sb="2" eb="4">
      <t>ジンコウ</t>
    </rPh>
    <rPh sb="5" eb="7">
      <t>ロウネン</t>
    </rPh>
    <rPh sb="7" eb="9">
      <t>ジンコウ</t>
    </rPh>
    <phoneticPr fontId="3"/>
  </si>
  <si>
    <t>老 年 化 指 数＝　　　　</t>
    <rPh sb="0" eb="1">
      <t>ロウ</t>
    </rPh>
    <rPh sb="2" eb="3">
      <t>トシ</t>
    </rPh>
    <rPh sb="4" eb="5">
      <t>カ</t>
    </rPh>
    <rPh sb="6" eb="7">
      <t>ユビ</t>
    </rPh>
    <rPh sb="8" eb="9">
      <t>カズ</t>
    </rPh>
    <phoneticPr fontId="3"/>
  </si>
  <si>
    <t>【表３】年齢（10歳階級）別、男女別人口及び構成比＜神奈川県＞</t>
    <rPh sb="1" eb="2">
      <t>ヒョウ</t>
    </rPh>
    <rPh sb="4" eb="6">
      <t>ネンレイ</t>
    </rPh>
    <rPh sb="9" eb="10">
      <t>サイ</t>
    </rPh>
    <rPh sb="10" eb="12">
      <t>カイキュウ</t>
    </rPh>
    <rPh sb="13" eb="14">
      <t>ベツ</t>
    </rPh>
    <rPh sb="15" eb="17">
      <t>ダンジョ</t>
    </rPh>
    <rPh sb="17" eb="18">
      <t>ベツ</t>
    </rPh>
    <rPh sb="18" eb="20">
      <t>ジンコウ</t>
    </rPh>
    <rPh sb="20" eb="21">
      <t>オヨ</t>
    </rPh>
    <rPh sb="22" eb="25">
      <t>コウセイヒ</t>
    </rPh>
    <rPh sb="26" eb="30">
      <t>カナガワケン</t>
    </rPh>
    <phoneticPr fontId="3"/>
  </si>
  <si>
    <t>調</t>
    <rPh sb="0" eb="1">
      <t>チョウ</t>
    </rPh>
    <phoneticPr fontId="3"/>
  </si>
  <si>
    <t>総　　数</t>
    <rPh sb="0" eb="1">
      <t>フサ</t>
    </rPh>
    <rPh sb="3" eb="4">
      <t>カズ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査</t>
    <rPh sb="0" eb="1">
      <t>サ</t>
    </rPh>
    <phoneticPr fontId="3"/>
  </si>
  <si>
    <t>年齢階級</t>
    <rPh sb="0" eb="2">
      <t>ネンレイ</t>
    </rPh>
    <rPh sb="2" eb="4">
      <t>カイキュウ</t>
    </rPh>
    <phoneticPr fontId="3"/>
  </si>
  <si>
    <t>年</t>
    <rPh sb="0" eb="1">
      <t>ネン</t>
    </rPh>
    <phoneticPr fontId="3"/>
  </si>
  <si>
    <t>実　　数</t>
    <rPh sb="0" eb="1">
      <t>ミ</t>
    </rPh>
    <rPh sb="3" eb="4">
      <t>カズ</t>
    </rPh>
    <phoneticPr fontId="3"/>
  </si>
  <si>
    <t>構成比</t>
    <rPh sb="0" eb="3">
      <t>コウセイヒ</t>
    </rPh>
    <phoneticPr fontId="3"/>
  </si>
  <si>
    <t>実　　数</t>
  </si>
  <si>
    <t>構成比</t>
  </si>
  <si>
    <t>％</t>
    <phoneticPr fontId="3"/>
  </si>
  <si>
    <t>％</t>
    <phoneticPr fontId="3"/>
  </si>
  <si>
    <r>
      <t>総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　　数</t>
    </r>
    <rPh sb="0" eb="1">
      <t>フサ</t>
    </rPh>
    <rPh sb="4" eb="5">
      <t>カズ</t>
    </rPh>
    <phoneticPr fontId="3"/>
  </si>
  <si>
    <t>‐</t>
    <phoneticPr fontId="3"/>
  </si>
  <si>
    <t>‐</t>
    <phoneticPr fontId="3"/>
  </si>
  <si>
    <t>‐</t>
    <phoneticPr fontId="3"/>
  </si>
  <si>
    <t>平</t>
    <rPh sb="0" eb="1">
      <t>ヘイ</t>
    </rPh>
    <phoneticPr fontId="3"/>
  </si>
  <si>
    <r>
      <t>　　 　</t>
    </r>
    <r>
      <rPr>
        <sz val="10"/>
        <rFont val="ＭＳ Ｐ明朝"/>
        <family val="1"/>
        <charset val="128"/>
      </rPr>
      <t xml:space="preserve"> 0～9歳</t>
    </r>
    <rPh sb="8" eb="9">
      <t>サイ</t>
    </rPh>
    <phoneticPr fontId="3"/>
  </si>
  <si>
    <t>成</t>
    <rPh sb="0" eb="1">
      <t>セイ</t>
    </rPh>
    <phoneticPr fontId="3"/>
  </si>
  <si>
    <r>
      <t>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10～19</t>
    </r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20～29</t>
    </r>
    <phoneticPr fontId="3"/>
  </si>
  <si>
    <t>　　  30～39</t>
    <phoneticPr fontId="3"/>
  </si>
  <si>
    <t>　　  40～49</t>
    <phoneticPr fontId="3"/>
  </si>
  <si>
    <t>月</t>
    <rPh sb="0" eb="1">
      <t>ガツ</t>
    </rPh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50～5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60～69</t>
    </r>
    <phoneticPr fontId="3"/>
  </si>
  <si>
    <t>日</t>
    <rPh sb="0" eb="1">
      <t>ニチ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70～79</t>
    </r>
    <phoneticPr fontId="3"/>
  </si>
  <si>
    <t>現</t>
    <rPh sb="0" eb="1">
      <t>ウツツ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80～89</t>
    </r>
    <phoneticPr fontId="3"/>
  </si>
  <si>
    <t>在</t>
    <rPh sb="0" eb="1">
      <t>ザイ</t>
    </rPh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90～99</t>
    </r>
    <phoneticPr fontId="3"/>
  </si>
  <si>
    <t>100歳以上</t>
    <rPh sb="3" eb="6">
      <t>サイイジョウ</t>
    </rPh>
    <phoneticPr fontId="3"/>
  </si>
  <si>
    <r>
      <t>年 齢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不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詳</t>
    </r>
    <rPh sb="0" eb="1">
      <t>トシ</t>
    </rPh>
    <rPh sb="2" eb="3">
      <t>ヨワイ</t>
    </rPh>
    <rPh sb="4" eb="5">
      <t>フ</t>
    </rPh>
    <rPh sb="6" eb="7">
      <t>ショウ</t>
    </rPh>
    <phoneticPr fontId="3"/>
  </si>
  <si>
    <t>‐</t>
  </si>
  <si>
    <t>‐</t>
    <phoneticPr fontId="3"/>
  </si>
  <si>
    <t>‐</t>
    <phoneticPr fontId="3"/>
  </si>
  <si>
    <r>
      <t>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10～19</t>
    </r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20～29</t>
    </r>
    <phoneticPr fontId="3"/>
  </si>
  <si>
    <t>　　  30～39</t>
    <phoneticPr fontId="3"/>
  </si>
  <si>
    <r>
      <t xml:space="preserve"> 　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50～5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70～7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 </t>
    </r>
    <r>
      <rPr>
        <sz val="10"/>
        <rFont val="ＭＳ Ｐ明朝"/>
        <family val="1"/>
        <charset val="128"/>
      </rPr>
      <t>80～89</t>
    </r>
    <phoneticPr fontId="3"/>
  </si>
  <si>
    <r>
      <t xml:space="preserve">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90～99</t>
    </r>
    <phoneticPr fontId="3"/>
  </si>
  <si>
    <t>‐</t>
    <phoneticPr fontId="3"/>
  </si>
  <si>
    <r>
      <t>　　 　</t>
    </r>
    <r>
      <rPr>
        <sz val="11"/>
        <rFont val="ＭＳ Ｐゴシック"/>
        <family val="3"/>
        <charset val="128"/>
      </rPr>
      <t xml:space="preserve"> </t>
    </r>
    <r>
      <rPr>
        <sz val="10"/>
        <rFont val="ＭＳ Ｐ明朝"/>
        <family val="1"/>
        <charset val="128"/>
      </rPr>
      <t>0～9歳</t>
    </r>
    <rPh sb="8" eb="9">
      <t>サイ</t>
    </rPh>
    <phoneticPr fontId="3"/>
  </si>
  <si>
    <t>　 　 10～19</t>
  </si>
  <si>
    <t xml:space="preserve"> 　　 20～29</t>
  </si>
  <si>
    <t>　　  30～39</t>
  </si>
  <si>
    <t>　　  40～49</t>
  </si>
  <si>
    <t xml:space="preserve"> 　　 50～59</t>
  </si>
  <si>
    <t>　    60～69</t>
  </si>
  <si>
    <t>　    70～79</t>
  </si>
  <si>
    <t>　    80～89</t>
  </si>
  <si>
    <t>　    90～99</t>
  </si>
  <si>
    <t>‐</t>
    <phoneticPr fontId="3"/>
  </si>
  <si>
    <r>
      <t xml:space="preserve">　　   </t>
    </r>
    <r>
      <rPr>
        <sz val="10"/>
        <rFont val="ＭＳ Ｐ明朝"/>
        <family val="1"/>
        <charset val="128"/>
      </rPr>
      <t xml:space="preserve"> 0～9歳</t>
    </r>
    <rPh sb="9" eb="10">
      <t>サイ</t>
    </rPh>
    <phoneticPr fontId="3"/>
  </si>
  <si>
    <r>
      <t xml:space="preserve">　　 </t>
    </r>
    <r>
      <rPr>
        <sz val="11"/>
        <rFont val="ＭＳ Ｐゴシック"/>
        <family val="3"/>
        <charset val="128"/>
      </rPr>
      <t xml:space="preserve">  </t>
    </r>
    <r>
      <rPr>
        <sz val="10"/>
        <rFont val="ＭＳ Ｐ明朝"/>
        <family val="1"/>
        <charset val="128"/>
      </rPr>
      <t xml:space="preserve"> 0～9歳</t>
    </r>
    <rPh sb="9" eb="10">
      <t>サイ</t>
    </rPh>
    <phoneticPr fontId="3"/>
  </si>
  <si>
    <t>（注）　総数には年齢不詳を含んでいるが、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0" eb="22">
      <t>コウセイ</t>
    </rPh>
    <rPh sb="22" eb="23">
      <t>ヒ</t>
    </rPh>
    <rPh sb="24" eb="26">
      <t>ネンレイ</t>
    </rPh>
    <rPh sb="26" eb="28">
      <t>フショウ</t>
    </rPh>
    <rPh sb="29" eb="30">
      <t>ノゾ</t>
    </rPh>
    <rPh sb="32" eb="34">
      <t>サンシュツ</t>
    </rPh>
    <phoneticPr fontId="3"/>
  </si>
  <si>
    <t>【表４】年齢（３区分、５歳階級）別、男女別人口〈神奈川県〉及び性比〈神奈川県、全国〉</t>
    <rPh sb="1" eb="2">
      <t>ヒョウ</t>
    </rPh>
    <rPh sb="4" eb="6">
      <t>ネンレイ</t>
    </rPh>
    <rPh sb="8" eb="10">
      <t>クブン</t>
    </rPh>
    <rPh sb="12" eb="13">
      <t>サイ</t>
    </rPh>
    <rPh sb="13" eb="15">
      <t>カイキュウ</t>
    </rPh>
    <rPh sb="16" eb="17">
      <t>ベツ</t>
    </rPh>
    <rPh sb="18" eb="20">
      <t>ダンジョ</t>
    </rPh>
    <rPh sb="20" eb="21">
      <t>ベツ</t>
    </rPh>
    <rPh sb="21" eb="23">
      <t>ジンコウ</t>
    </rPh>
    <rPh sb="24" eb="28">
      <t>カナガワケン</t>
    </rPh>
    <rPh sb="29" eb="30">
      <t>オヨ</t>
    </rPh>
    <rPh sb="31" eb="32">
      <t>セイ</t>
    </rPh>
    <rPh sb="32" eb="33">
      <t>ヒ</t>
    </rPh>
    <rPh sb="34" eb="38">
      <t>カナガワケン</t>
    </rPh>
    <rPh sb="39" eb="41">
      <t>ゼンコク</t>
    </rPh>
    <phoneticPr fontId="11"/>
  </si>
  <si>
    <t>年齢階級</t>
    <rPh sb="0" eb="2">
      <t>ネンレイ</t>
    </rPh>
    <rPh sb="2" eb="4">
      <t>カイキュウ</t>
    </rPh>
    <phoneticPr fontId="11"/>
  </si>
  <si>
    <t>神奈川県</t>
    <rPh sb="0" eb="4">
      <t>カナガワケン</t>
    </rPh>
    <phoneticPr fontId="11"/>
  </si>
  <si>
    <t>全国</t>
    <rPh sb="0" eb="2">
      <t>ゼンコク</t>
    </rPh>
    <phoneticPr fontId="11"/>
  </si>
  <si>
    <t>平成30年１月１日現在</t>
    <rPh sb="0" eb="2">
      <t>ヘイセイ</t>
    </rPh>
    <rPh sb="4" eb="5">
      <t>ネン</t>
    </rPh>
    <rPh sb="6" eb="7">
      <t>ツキ</t>
    </rPh>
    <rPh sb="8" eb="9">
      <t>ヒ</t>
    </rPh>
    <rPh sb="9" eb="11">
      <t>ゲンザイ</t>
    </rPh>
    <phoneticPr fontId="11"/>
  </si>
  <si>
    <t>平成29.１.１　　     現在</t>
    <rPh sb="0" eb="2">
      <t>ヘイセイ</t>
    </rPh>
    <rPh sb="15" eb="17">
      <t>ゲンザイ</t>
    </rPh>
    <phoneticPr fontId="11"/>
  </si>
  <si>
    <t>平成28.１.１　　     現在</t>
    <rPh sb="0" eb="2">
      <t>ヘイセイ</t>
    </rPh>
    <rPh sb="15" eb="17">
      <t>ゲンザイ</t>
    </rPh>
    <phoneticPr fontId="11"/>
  </si>
  <si>
    <t>平成30.１.１
現在</t>
    <rPh sb="0" eb="2">
      <t>ヘイセイ</t>
    </rPh>
    <rPh sb="9" eb="11">
      <t>ゲンザイ</t>
    </rPh>
    <phoneticPr fontId="11"/>
  </si>
  <si>
    <t>総　数</t>
    <rPh sb="0" eb="3">
      <t>ソウスウ</t>
    </rPh>
    <phoneticPr fontId="11"/>
  </si>
  <si>
    <t>男　（Ａ）</t>
    <rPh sb="0" eb="1">
      <t>オトコ</t>
    </rPh>
    <phoneticPr fontId="11"/>
  </si>
  <si>
    <t>女　（Ｂ）</t>
    <phoneticPr fontId="11"/>
  </si>
  <si>
    <t>性　比　　      　(A/B×100）</t>
    <rPh sb="0" eb="1">
      <t>セイ</t>
    </rPh>
    <rPh sb="2" eb="3">
      <t>ヒ</t>
    </rPh>
    <phoneticPr fontId="11"/>
  </si>
  <si>
    <t>性　比</t>
    <rPh sb="0" eb="1">
      <t>セイ</t>
    </rPh>
    <rPh sb="2" eb="3">
      <t>ヒ</t>
    </rPh>
    <phoneticPr fontId="11"/>
  </si>
  <si>
    <t>男</t>
    <rPh sb="0" eb="1">
      <t>オトコ</t>
    </rPh>
    <phoneticPr fontId="11"/>
  </si>
  <si>
    <t>女</t>
    <rPh sb="0" eb="1">
      <t>オンナ</t>
    </rPh>
    <phoneticPr fontId="11"/>
  </si>
  <si>
    <t>人</t>
    <rPh sb="0" eb="1">
      <t>ニン</t>
    </rPh>
    <phoneticPr fontId="11"/>
  </si>
  <si>
    <t>総　　数</t>
    <phoneticPr fontId="11"/>
  </si>
  <si>
    <t>歳</t>
    <rPh sb="0" eb="1">
      <t>サイ</t>
    </rPh>
    <phoneticPr fontId="11"/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歳以上</t>
    <rPh sb="3" eb="4">
      <t>サイ</t>
    </rPh>
    <rPh sb="4" eb="6">
      <t>イジョウ</t>
    </rPh>
    <phoneticPr fontId="11"/>
  </si>
  <si>
    <t>年齢不詳</t>
  </si>
  <si>
    <t>‐</t>
    <phoneticPr fontId="11"/>
  </si>
  <si>
    <t>‐</t>
    <phoneticPr fontId="11"/>
  </si>
  <si>
    <t>‐</t>
    <phoneticPr fontId="11"/>
  </si>
  <si>
    <t>15～64</t>
    <phoneticPr fontId="11"/>
  </si>
  <si>
    <t>65歳以上</t>
    <rPh sb="3" eb="5">
      <t>イジョウ</t>
    </rPh>
    <phoneticPr fontId="11"/>
  </si>
  <si>
    <t>【表５】男女別平均年齢の推移及び前年調査との比較増減〈神奈川県〉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2" eb="14">
      <t>スイイ</t>
    </rPh>
    <rPh sb="14" eb="15">
      <t>オヨ</t>
    </rPh>
    <rPh sb="16" eb="18">
      <t>ゼンネン</t>
    </rPh>
    <rPh sb="18" eb="20">
      <t>チョウサ</t>
    </rPh>
    <rPh sb="22" eb="24">
      <t>ヒカク</t>
    </rPh>
    <rPh sb="24" eb="26">
      <t>ゾウゲン</t>
    </rPh>
    <rPh sb="27" eb="31">
      <t>カナガワケン</t>
    </rPh>
    <phoneticPr fontId="11"/>
  </si>
  <si>
    <t>調査時点</t>
    <rPh sb="0" eb="2">
      <t>チョウサ</t>
    </rPh>
    <rPh sb="2" eb="4">
      <t>ジテン</t>
    </rPh>
    <phoneticPr fontId="11"/>
  </si>
  <si>
    <t>男女計</t>
    <rPh sb="0" eb="2">
      <t>ダンジョ</t>
    </rPh>
    <rPh sb="2" eb="3">
      <t>ケイ</t>
    </rPh>
    <phoneticPr fontId="11"/>
  </si>
  <si>
    <t>男女差</t>
    <rPh sb="0" eb="3">
      <t>ダンジョサ</t>
    </rPh>
    <phoneticPr fontId="11"/>
  </si>
  <si>
    <t>対前年比較</t>
    <rPh sb="0" eb="1">
      <t>タイ</t>
    </rPh>
    <rPh sb="1" eb="3">
      <t>ゼンネン</t>
    </rPh>
    <rPh sb="3" eb="5">
      <t>ヒカク</t>
    </rPh>
    <phoneticPr fontId="11"/>
  </si>
  <si>
    <t>各年１月１日現在</t>
    <rPh sb="0" eb="2">
      <t>カクネン</t>
    </rPh>
    <rPh sb="3" eb="4">
      <t>ツキ</t>
    </rPh>
    <rPh sb="5" eb="6">
      <t>ヒ</t>
    </rPh>
    <rPh sb="6" eb="8">
      <t>ゲンザイ</t>
    </rPh>
    <phoneticPr fontId="11"/>
  </si>
  <si>
    <t>（Ａ）</t>
    <phoneticPr fontId="11"/>
  </si>
  <si>
    <t>（Ｂ）</t>
    <phoneticPr fontId="11"/>
  </si>
  <si>
    <t>（Ｂ-Ａ）</t>
    <phoneticPr fontId="11"/>
  </si>
  <si>
    <t>平成30</t>
    <rPh sb="0" eb="2">
      <t>ヘイセイ</t>
    </rPh>
    <phoneticPr fontId="11"/>
  </si>
  <si>
    <t>年</t>
    <rPh sb="0" eb="1">
      <t>ネン</t>
    </rPh>
    <phoneticPr fontId="11"/>
  </si>
  <si>
    <t xml:space="preserve"> </t>
    <phoneticPr fontId="11"/>
  </si>
  <si>
    <t>年</t>
  </si>
  <si>
    <t>【表６】年齢（３区分）別人口及び構成比&lt;神奈川県、地域&gt;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9">
      <t>コウセイヒ</t>
    </rPh>
    <rPh sb="20" eb="24">
      <t>カナガワケン</t>
    </rPh>
    <rPh sb="25" eb="27">
      <t>チイキ</t>
    </rPh>
    <phoneticPr fontId="3"/>
  </si>
  <si>
    <t>実   数</t>
    <rPh sb="0" eb="1">
      <t>ミ</t>
    </rPh>
    <rPh sb="4" eb="5">
      <t>カズ</t>
    </rPh>
    <phoneticPr fontId="3"/>
  </si>
  <si>
    <t>構  成  比</t>
    <rPh sb="0" eb="1">
      <t>ガマエ</t>
    </rPh>
    <rPh sb="3" eb="4">
      <t>シゲル</t>
    </rPh>
    <rPh sb="6" eb="7">
      <t>ヒ</t>
    </rPh>
    <phoneticPr fontId="3"/>
  </si>
  <si>
    <t>地域名</t>
    <rPh sb="0" eb="3">
      <t>チイキメイ</t>
    </rPh>
    <phoneticPr fontId="3"/>
  </si>
  <si>
    <t>総数</t>
    <rPh sb="0" eb="2">
      <t>ソウスウ</t>
    </rPh>
    <phoneticPr fontId="3"/>
  </si>
  <si>
    <t>年齢
不詳</t>
    <rPh sb="0" eb="2">
      <t>ネンレイ</t>
    </rPh>
    <rPh sb="3" eb="5">
      <t>フショウ</t>
    </rPh>
    <phoneticPr fontId="3"/>
  </si>
  <si>
    <t>年少
人口</t>
    <rPh sb="0" eb="2">
      <t>ネンショウ</t>
    </rPh>
    <rPh sb="3" eb="5">
      <t>ジンコウ</t>
    </rPh>
    <phoneticPr fontId="3"/>
  </si>
  <si>
    <t>生産年齢
人口</t>
    <rPh sb="0" eb="2">
      <t>セイサン</t>
    </rPh>
    <rPh sb="2" eb="4">
      <t>ネンレイ</t>
    </rPh>
    <rPh sb="5" eb="7">
      <t>ジンコウ</t>
    </rPh>
    <phoneticPr fontId="3"/>
  </si>
  <si>
    <t>老年
人口</t>
    <rPh sb="0" eb="2">
      <t>ロウネン</t>
    </rPh>
    <rPh sb="3" eb="5">
      <t>ジンコウ</t>
    </rPh>
    <phoneticPr fontId="3"/>
  </si>
  <si>
    <t>（0～14歳）</t>
    <rPh sb="5" eb="6">
      <t>サイ</t>
    </rPh>
    <phoneticPr fontId="3"/>
  </si>
  <si>
    <t>(15～64歳)</t>
    <rPh sb="6" eb="7">
      <t>サイ</t>
    </rPh>
    <phoneticPr fontId="3"/>
  </si>
  <si>
    <t>(65歳以上)</t>
    <rPh sb="3" eb="6">
      <t>サイイジョウ</t>
    </rPh>
    <phoneticPr fontId="3"/>
  </si>
  <si>
    <t>(A)</t>
    <phoneticPr fontId="3"/>
  </si>
  <si>
    <t>％</t>
    <phoneticPr fontId="3"/>
  </si>
  <si>
    <t>県計</t>
    <rPh sb="0" eb="1">
      <t>ケン</t>
    </rPh>
    <rPh sb="1" eb="2">
      <t>ケイ</t>
    </rPh>
    <phoneticPr fontId="3"/>
  </si>
  <si>
    <t>-</t>
  </si>
  <si>
    <t>成</t>
    <rPh sb="0" eb="1">
      <t>ナ</t>
    </rPh>
    <phoneticPr fontId="3"/>
  </si>
  <si>
    <t>横浜</t>
    <rPh sb="0" eb="2">
      <t>ヨコハマ</t>
    </rPh>
    <phoneticPr fontId="3"/>
  </si>
  <si>
    <t>年</t>
    <phoneticPr fontId="3"/>
  </si>
  <si>
    <t>川崎</t>
    <rPh sb="0" eb="2">
      <t>カワサキ</t>
    </rPh>
    <phoneticPr fontId="3"/>
  </si>
  <si>
    <t>横須賀三浦</t>
    <rPh sb="0" eb="3">
      <t>ヨコスカ</t>
    </rPh>
    <rPh sb="3" eb="5">
      <t>ミウラ</t>
    </rPh>
    <phoneticPr fontId="3"/>
  </si>
  <si>
    <t>月</t>
    <phoneticPr fontId="3"/>
  </si>
  <si>
    <t>県央</t>
    <rPh sb="0" eb="2">
      <t>ケンオウ</t>
    </rPh>
    <phoneticPr fontId="3"/>
  </si>
  <si>
    <t>湘南</t>
    <rPh sb="0" eb="2">
      <t>ショウナン</t>
    </rPh>
    <phoneticPr fontId="3"/>
  </si>
  <si>
    <t>日　現　在</t>
    <rPh sb="2" eb="3">
      <t>ゲン</t>
    </rPh>
    <rPh sb="4" eb="5">
      <t>ザイ</t>
    </rPh>
    <phoneticPr fontId="3"/>
  </si>
  <si>
    <t>県西</t>
    <rPh sb="0" eb="2">
      <t>ケンセイ</t>
    </rPh>
    <phoneticPr fontId="3"/>
  </si>
  <si>
    <t>(B)</t>
    <phoneticPr fontId="3"/>
  </si>
  <si>
    <t>％</t>
  </si>
  <si>
    <t>平</t>
    <rPh sb="0" eb="1">
      <t>ヒラ</t>
    </rPh>
    <phoneticPr fontId="3"/>
  </si>
  <si>
    <t>年</t>
    <phoneticPr fontId="3"/>
  </si>
  <si>
    <t>月</t>
    <phoneticPr fontId="3"/>
  </si>
  <si>
    <t>(A-B)</t>
    <phoneticPr fontId="3"/>
  </si>
  <si>
    <t>ポイント</t>
    <phoneticPr fontId="3"/>
  </si>
  <si>
    <t>ポイント</t>
  </si>
  <si>
    <t>-</t>
    <phoneticPr fontId="3"/>
  </si>
  <si>
    <t>成</t>
    <rPh sb="0" eb="1">
      <t>シゲル</t>
    </rPh>
    <phoneticPr fontId="3"/>
  </si>
  <si>
    <t>-</t>
    <phoneticPr fontId="3"/>
  </si>
  <si>
    <t>～</t>
    <phoneticPr fontId="3"/>
  </si>
  <si>
    <t>増</t>
    <rPh sb="0" eb="1">
      <t>ゾウ</t>
    </rPh>
    <phoneticPr fontId="3"/>
  </si>
  <si>
    <t>減</t>
    <rPh sb="0" eb="1">
      <t>ゲン</t>
    </rPh>
    <phoneticPr fontId="3"/>
  </si>
  <si>
    <t>【表７】男女別平均年齢及び前年調査との比較増減&lt;神奈川県、地域&gt;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1" eb="12">
      <t>オヨ</t>
    </rPh>
    <rPh sb="13" eb="15">
      <t>ゼンネン</t>
    </rPh>
    <rPh sb="15" eb="17">
      <t>チョウサ</t>
    </rPh>
    <rPh sb="19" eb="21">
      <t>ヒカク</t>
    </rPh>
    <rPh sb="21" eb="23">
      <t>ゾウゲン</t>
    </rPh>
    <rPh sb="24" eb="28">
      <t>カナガワケン</t>
    </rPh>
    <rPh sb="29" eb="31">
      <t>チイキ</t>
    </rPh>
    <phoneticPr fontId="3"/>
  </si>
  <si>
    <t>平 成 30年 1 月 1 日 現 在 (A)</t>
    <rPh sb="0" eb="1">
      <t>ヒラ</t>
    </rPh>
    <rPh sb="2" eb="3">
      <t>シゲル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3"/>
  </si>
  <si>
    <t>平 成 29年 1 月 1 日 現 在 (B)</t>
    <rPh sb="0" eb="1">
      <t>ヒラ</t>
    </rPh>
    <rPh sb="2" eb="3">
      <t>シゲル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3"/>
  </si>
  <si>
    <t>増 減 ( A - B )</t>
    <rPh sb="0" eb="1">
      <t>ゾウ</t>
    </rPh>
    <rPh sb="2" eb="3">
      <t>ゲン</t>
    </rPh>
    <phoneticPr fontId="3"/>
  </si>
  <si>
    <t>男女計</t>
    <rPh sb="0" eb="2">
      <t>ダンジョ</t>
    </rPh>
    <rPh sb="2" eb="3">
      <t>ケイ</t>
    </rPh>
    <phoneticPr fontId="3"/>
  </si>
  <si>
    <t>男女差</t>
    <rPh sb="0" eb="3">
      <t>ダンジョサ</t>
    </rPh>
    <phoneticPr fontId="3"/>
  </si>
  <si>
    <t>a</t>
    <phoneticPr fontId="3"/>
  </si>
  <si>
    <t>b</t>
    <phoneticPr fontId="3"/>
  </si>
  <si>
    <t>b-a</t>
    <phoneticPr fontId="3"/>
  </si>
  <si>
    <t>a</t>
  </si>
  <si>
    <t>b</t>
  </si>
  <si>
    <t>b-a</t>
  </si>
  <si>
    <t>歳</t>
    <rPh sb="0" eb="1">
      <t>サイ</t>
    </rPh>
    <phoneticPr fontId="3"/>
  </si>
  <si>
    <t>歳</t>
  </si>
  <si>
    <t>【表８】　年齢（３区分、５歳階級）別人口〈神奈川県、地域〉</t>
    <rPh sb="9" eb="11">
      <t>クブン</t>
    </rPh>
    <rPh sb="26" eb="28">
      <t>チイキ</t>
    </rPh>
    <phoneticPr fontId="21"/>
  </si>
  <si>
    <t>　年齢階級</t>
    <rPh sb="1" eb="3">
      <t>ネンレイ</t>
    </rPh>
    <rPh sb="3" eb="5">
      <t>カイキュウ</t>
    </rPh>
    <phoneticPr fontId="21"/>
  </si>
  <si>
    <t>県  計</t>
    <rPh sb="0" eb="1">
      <t>ケンケイ</t>
    </rPh>
    <rPh sb="3" eb="4">
      <t>ケイ</t>
    </rPh>
    <phoneticPr fontId="21"/>
  </si>
  <si>
    <t>横  浜</t>
    <rPh sb="0" eb="1">
      <t>ヨコ</t>
    </rPh>
    <rPh sb="3" eb="4">
      <t>ハマ</t>
    </rPh>
    <phoneticPr fontId="21"/>
  </si>
  <si>
    <t>川  崎</t>
    <rPh sb="0" eb="1">
      <t>カワ</t>
    </rPh>
    <rPh sb="3" eb="4">
      <t>ザキ</t>
    </rPh>
    <phoneticPr fontId="21"/>
  </si>
  <si>
    <t>横須賀三浦</t>
    <rPh sb="0" eb="3">
      <t>ヨコスカ</t>
    </rPh>
    <rPh sb="3" eb="5">
      <t>ミウラ</t>
    </rPh>
    <phoneticPr fontId="21"/>
  </si>
  <si>
    <t>県  央</t>
    <rPh sb="0" eb="1">
      <t>ケン</t>
    </rPh>
    <rPh sb="3" eb="4">
      <t>オウ</t>
    </rPh>
    <phoneticPr fontId="21"/>
  </si>
  <si>
    <t>湘  南</t>
    <rPh sb="0" eb="1">
      <t>ショウナン</t>
    </rPh>
    <rPh sb="3" eb="4">
      <t>ナン</t>
    </rPh>
    <phoneticPr fontId="21"/>
  </si>
  <si>
    <t>県  西</t>
    <rPh sb="0" eb="1">
      <t>ケン</t>
    </rPh>
    <rPh sb="3" eb="4">
      <t>ニシ</t>
    </rPh>
    <phoneticPr fontId="21"/>
  </si>
  <si>
    <t>人</t>
  </si>
  <si>
    <t>人</t>
    <rPh sb="0" eb="1">
      <t>ニン</t>
    </rPh>
    <phoneticPr fontId="21"/>
  </si>
  <si>
    <t>総　　数</t>
  </si>
  <si>
    <t xml:space="preserve">   0～ 4歳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>平</t>
    <rPh sb="0" eb="1">
      <t>タイラ</t>
    </rPh>
    <phoneticPr fontId="21"/>
  </si>
  <si>
    <t xml:space="preserve">  20～24</t>
    <phoneticPr fontId="21"/>
  </si>
  <si>
    <t>成</t>
    <rPh sb="0" eb="1">
      <t>セイ</t>
    </rPh>
    <phoneticPr fontId="21"/>
  </si>
  <si>
    <t xml:space="preserve">  25～29</t>
    <phoneticPr fontId="21"/>
  </si>
  <si>
    <t xml:space="preserve">  30～34</t>
    <phoneticPr fontId="21"/>
  </si>
  <si>
    <t>年</t>
    <rPh sb="0" eb="1">
      <t>ネン</t>
    </rPh>
    <phoneticPr fontId="21"/>
  </si>
  <si>
    <t xml:space="preserve">  35～39</t>
    <phoneticPr fontId="21"/>
  </si>
  <si>
    <t xml:space="preserve">  40～44</t>
    <phoneticPr fontId="21"/>
  </si>
  <si>
    <t>月</t>
    <rPh sb="0" eb="1">
      <t>ガツ</t>
    </rPh>
    <phoneticPr fontId="21"/>
  </si>
  <si>
    <t xml:space="preserve">  45～49</t>
    <phoneticPr fontId="21"/>
  </si>
  <si>
    <t xml:space="preserve">  50～54</t>
    <phoneticPr fontId="21"/>
  </si>
  <si>
    <t>日</t>
    <rPh sb="0" eb="1">
      <t>ヒ</t>
    </rPh>
    <phoneticPr fontId="21"/>
  </si>
  <si>
    <t xml:space="preserve">  55～59</t>
    <phoneticPr fontId="21"/>
  </si>
  <si>
    <t>現</t>
    <rPh sb="0" eb="1">
      <t>ゲン</t>
    </rPh>
    <phoneticPr fontId="21"/>
  </si>
  <si>
    <t xml:space="preserve">  60～64</t>
    <phoneticPr fontId="21"/>
  </si>
  <si>
    <t>在</t>
    <rPh sb="0" eb="1">
      <t>ザイ</t>
    </rPh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>100歳以上</t>
    <phoneticPr fontId="21"/>
  </si>
  <si>
    <t xml:space="preserve">  0～14歳</t>
    <phoneticPr fontId="21"/>
  </si>
  <si>
    <t xml:space="preserve"> 15～64歳</t>
    <phoneticPr fontId="21"/>
  </si>
  <si>
    <t xml:space="preserve"> 65歳以上</t>
    <phoneticPr fontId="21"/>
  </si>
  <si>
    <t>人</t>
    <rPh sb="0" eb="1">
      <t>ニン</t>
    </rPh>
    <phoneticPr fontId="27"/>
  </si>
  <si>
    <t xml:space="preserve">   0～ 4歳</t>
  </si>
  <si>
    <t xml:space="preserve">   5～ 9</t>
  </si>
  <si>
    <t xml:space="preserve">  10～14</t>
  </si>
  <si>
    <t xml:space="preserve">  15～19</t>
  </si>
  <si>
    <t xml:space="preserve">  20～24</t>
  </si>
  <si>
    <t xml:space="preserve">  25～29</t>
  </si>
  <si>
    <t xml:space="preserve">  30～34</t>
  </si>
  <si>
    <t xml:space="preserve">  35～39</t>
  </si>
  <si>
    <t xml:space="preserve">  40～44</t>
  </si>
  <si>
    <t xml:space="preserve">  45～49</t>
  </si>
  <si>
    <t xml:space="preserve">  50～54</t>
  </si>
  <si>
    <t xml:space="preserve">  55～59</t>
  </si>
  <si>
    <t xml:space="preserve">  60～64</t>
  </si>
  <si>
    <t xml:space="preserve">  65～69</t>
  </si>
  <si>
    <t xml:space="preserve">  70～74</t>
  </si>
  <si>
    <t xml:space="preserve">  75～79</t>
  </si>
  <si>
    <t xml:space="preserve">  80～84</t>
  </si>
  <si>
    <t xml:space="preserve">  85～89</t>
  </si>
  <si>
    <t xml:space="preserve">  90～94</t>
  </si>
  <si>
    <t xml:space="preserve">  95～99</t>
  </si>
  <si>
    <t>100歳以上</t>
  </si>
  <si>
    <t xml:space="preserve">  0～14歳</t>
  </si>
  <si>
    <t xml:space="preserve"> 15～64歳</t>
  </si>
  <si>
    <t xml:space="preserve"> 65歳以上</t>
  </si>
  <si>
    <t>【表９】　年齢（10歳階級）別人口〈神奈川県、地域〉</t>
    <rPh sb="23" eb="25">
      <t>チイキ</t>
    </rPh>
    <phoneticPr fontId="21"/>
  </si>
  <si>
    <t>年齢階級</t>
    <rPh sb="0" eb="2">
      <t>ネンレイ</t>
    </rPh>
    <rPh sb="2" eb="4">
      <t>カイキュウ</t>
    </rPh>
    <phoneticPr fontId="21"/>
  </si>
  <si>
    <t xml:space="preserve"> 湘  南</t>
    <rPh sb="1" eb="2">
      <t>ショウナン</t>
    </rPh>
    <rPh sb="4" eb="5">
      <t>ナン</t>
    </rPh>
    <phoneticPr fontId="21"/>
  </si>
  <si>
    <t xml:space="preserve">   0～ 9歳</t>
    <phoneticPr fontId="21"/>
  </si>
  <si>
    <t xml:space="preserve">  10～19</t>
    <phoneticPr fontId="21"/>
  </si>
  <si>
    <t xml:space="preserve">  20～29</t>
    <phoneticPr fontId="21"/>
  </si>
  <si>
    <t xml:space="preserve">  30～39</t>
    <phoneticPr fontId="21"/>
  </si>
  <si>
    <t xml:space="preserve">  40～49</t>
    <phoneticPr fontId="21"/>
  </si>
  <si>
    <t xml:space="preserve">  50～59</t>
    <phoneticPr fontId="21"/>
  </si>
  <si>
    <t xml:space="preserve">  60～69</t>
    <phoneticPr fontId="21"/>
  </si>
  <si>
    <t xml:space="preserve">  70～79</t>
    <phoneticPr fontId="21"/>
  </si>
  <si>
    <t xml:space="preserve">  80～89</t>
    <phoneticPr fontId="21"/>
  </si>
  <si>
    <t xml:space="preserve">  90～99</t>
    <phoneticPr fontId="21"/>
  </si>
  <si>
    <t>100歳以上</t>
    <phoneticPr fontId="21"/>
  </si>
  <si>
    <t>平</t>
  </si>
  <si>
    <t xml:space="preserve">   0～ 9歳</t>
  </si>
  <si>
    <t>成</t>
  </si>
  <si>
    <t xml:space="preserve">  10～19</t>
  </si>
  <si>
    <t xml:space="preserve">  20～29</t>
  </si>
  <si>
    <t xml:space="preserve">  30～39</t>
  </si>
  <si>
    <t xml:space="preserve">  40～49</t>
  </si>
  <si>
    <t>月</t>
  </si>
  <si>
    <t xml:space="preserve">  50～59</t>
  </si>
  <si>
    <t xml:space="preserve">  60～69</t>
  </si>
  <si>
    <t>日</t>
  </si>
  <si>
    <t xml:space="preserve">  70～79</t>
  </si>
  <si>
    <t>現</t>
  </si>
  <si>
    <t xml:space="preserve">  80～89</t>
  </si>
  <si>
    <t>在</t>
  </si>
  <si>
    <t xml:space="preserve">  90～99</t>
  </si>
  <si>
    <t>【表10】年齢（３区分）別人口比率、平均年齢及び老年化指数の市区町村状況</t>
    <rPh sb="1" eb="2">
      <t>ヒョウ</t>
    </rPh>
    <rPh sb="5" eb="7">
      <t>ネンレイ</t>
    </rPh>
    <rPh sb="9" eb="11">
      <t>クブン</t>
    </rPh>
    <rPh sb="12" eb="13">
      <t>ベツ</t>
    </rPh>
    <rPh sb="13" eb="16">
      <t>ジンコウヒ</t>
    </rPh>
    <rPh sb="16" eb="17">
      <t>リツ</t>
    </rPh>
    <rPh sb="18" eb="20">
      <t>ヘイキン</t>
    </rPh>
    <rPh sb="20" eb="22">
      <t>ネンレイ</t>
    </rPh>
    <rPh sb="22" eb="23">
      <t>オヨ</t>
    </rPh>
    <rPh sb="24" eb="26">
      <t>ロウネン</t>
    </rPh>
    <rPh sb="26" eb="27">
      <t>カ</t>
    </rPh>
    <rPh sb="27" eb="29">
      <t>シスウ</t>
    </rPh>
    <rPh sb="30" eb="32">
      <t>シク</t>
    </rPh>
    <rPh sb="32" eb="34">
      <t>チョウソン</t>
    </rPh>
    <rPh sb="34" eb="36">
      <t>ジョウキョウ</t>
    </rPh>
    <phoneticPr fontId="3"/>
  </si>
  <si>
    <t>　　　　　　（平成30年１月１日現在）</t>
    <rPh sb="7" eb="9">
      <t>ヘイセイ</t>
    </rPh>
    <rPh sb="11" eb="12">
      <t>ネン</t>
    </rPh>
    <rPh sb="13" eb="14">
      <t>ツキ</t>
    </rPh>
    <rPh sb="15" eb="16">
      <t>ヒ</t>
    </rPh>
    <rPh sb="16" eb="18">
      <t>ゲンザイ</t>
    </rPh>
    <phoneticPr fontId="3"/>
  </si>
  <si>
    <t>（１）年少人口（０～14歳）の比率　　［神奈川県  12.3％　全国　12.3％］</t>
    <rPh sb="3" eb="5">
      <t>ネンショウ</t>
    </rPh>
    <rPh sb="5" eb="7">
      <t>ジンコウ</t>
    </rPh>
    <rPh sb="12" eb="13">
      <t>サイ</t>
    </rPh>
    <rPh sb="15" eb="17">
      <t>ヒリツ</t>
    </rPh>
    <rPh sb="20" eb="24">
      <t>カナガワケン</t>
    </rPh>
    <rPh sb="32" eb="34">
      <t>ゼンコク</t>
    </rPh>
    <phoneticPr fontId="3"/>
  </si>
  <si>
    <t>＊高い順</t>
    <rPh sb="1" eb="2">
      <t>タカ</t>
    </rPh>
    <rPh sb="3" eb="4">
      <t>ジュン</t>
    </rPh>
    <phoneticPr fontId="3"/>
  </si>
  <si>
    <t>＊低い順</t>
    <rPh sb="1" eb="2">
      <t>ヒク</t>
    </rPh>
    <rPh sb="3" eb="4">
      <t>ジュン</t>
    </rPh>
    <phoneticPr fontId="3"/>
  </si>
  <si>
    <t>順　位</t>
    <rPh sb="0" eb="3">
      <t>ジュンイ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比率％</t>
    <rPh sb="0" eb="2">
      <t>ヒリツ</t>
    </rPh>
    <phoneticPr fontId="3"/>
  </si>
  <si>
    <t>前年順位</t>
    <rPh sb="0" eb="2">
      <t>ゼンネン</t>
    </rPh>
    <rPh sb="2" eb="4">
      <t>ジュンイ</t>
    </rPh>
    <phoneticPr fontId="3"/>
  </si>
  <si>
    <t>都筑区</t>
  </si>
  <si>
    <t>箱根町</t>
  </si>
  <si>
    <t>開成町</t>
  </si>
  <si>
    <t>真鶴町</t>
  </si>
  <si>
    <t>宮前区</t>
  </si>
  <si>
    <t>湯河原町</t>
  </si>
  <si>
    <t>綾瀬市</t>
  </si>
  <si>
    <t>三浦市</t>
    <rPh sb="0" eb="1">
      <t>サン</t>
    </rPh>
    <rPh sb="1" eb="2">
      <t>ウラ</t>
    </rPh>
    <phoneticPr fontId="12"/>
  </si>
  <si>
    <t>藤沢市</t>
  </si>
  <si>
    <t>山北町</t>
  </si>
  <si>
    <t>（２）生産年齢人口（15～64歳）の比率　　［神奈川県  62.8％　全国　59.9％］</t>
    <rPh sb="3" eb="5">
      <t>セイサン</t>
    </rPh>
    <rPh sb="5" eb="7">
      <t>ネンレイ</t>
    </rPh>
    <rPh sb="7" eb="9">
      <t>ジンコウ</t>
    </rPh>
    <rPh sb="15" eb="16">
      <t>サイ</t>
    </rPh>
    <rPh sb="18" eb="20">
      <t>ヒリツ</t>
    </rPh>
    <rPh sb="23" eb="27">
      <t>カナガワケン</t>
    </rPh>
    <rPh sb="35" eb="37">
      <t>ゼンコク</t>
    </rPh>
    <phoneticPr fontId="3"/>
  </si>
  <si>
    <t>中原区</t>
    <rPh sb="0" eb="3">
      <t>ナカハラク</t>
    </rPh>
    <phoneticPr fontId="3"/>
  </si>
  <si>
    <t>湯河原町</t>
    <rPh sb="0" eb="4">
      <t>ユガワラマチ</t>
    </rPh>
    <phoneticPr fontId="3"/>
  </si>
  <si>
    <t>多摩区</t>
    <rPh sb="0" eb="3">
      <t>タマク</t>
    </rPh>
    <phoneticPr fontId="3"/>
  </si>
  <si>
    <t>真鶴町</t>
    <rPh sb="0" eb="2">
      <t>マナヅル</t>
    </rPh>
    <rPh sb="2" eb="3">
      <t>マチ</t>
    </rPh>
    <phoneticPr fontId="3"/>
  </si>
  <si>
    <t>西区</t>
    <rPh sb="0" eb="2">
      <t>ニシク</t>
    </rPh>
    <phoneticPr fontId="3"/>
  </si>
  <si>
    <t>三浦市</t>
    <rPh sb="0" eb="3">
      <t>ミウラシ</t>
    </rPh>
    <phoneticPr fontId="12"/>
  </si>
  <si>
    <t>高津区</t>
    <rPh sb="0" eb="3">
      <t>タカツク</t>
    </rPh>
    <phoneticPr fontId="3"/>
  </si>
  <si>
    <t>山北町</t>
    <rPh sb="0" eb="3">
      <t>ヤマキタマチ</t>
    </rPh>
    <phoneticPr fontId="3"/>
  </si>
  <si>
    <t>港北区</t>
    <rPh sb="0" eb="3">
      <t>コウホクク</t>
    </rPh>
    <phoneticPr fontId="3"/>
  </si>
  <si>
    <t>清川村</t>
    <rPh sb="0" eb="2">
      <t>キヨカワ</t>
    </rPh>
    <rPh sb="2" eb="3">
      <t>ムラ</t>
    </rPh>
    <phoneticPr fontId="3"/>
  </si>
  <si>
    <t>（３）老年人口（65歳以上）の比率　　［神奈川県  24.9％　全国　27.8％］</t>
    <rPh sb="3" eb="5">
      <t>ロウネン</t>
    </rPh>
    <rPh sb="5" eb="7">
      <t>ジンコウ</t>
    </rPh>
    <rPh sb="10" eb="11">
      <t>サイ</t>
    </rPh>
    <rPh sb="11" eb="13">
      <t>イジョウ</t>
    </rPh>
    <rPh sb="15" eb="17">
      <t>ヒリツ</t>
    </rPh>
    <rPh sb="20" eb="24">
      <t>カナガワケン</t>
    </rPh>
    <rPh sb="32" eb="34">
      <t>ゼンコク</t>
    </rPh>
    <phoneticPr fontId="3"/>
  </si>
  <si>
    <t>都筑区</t>
    <rPh sb="0" eb="2">
      <t>ツヅキ</t>
    </rPh>
    <rPh sb="2" eb="3">
      <t>ク</t>
    </rPh>
    <phoneticPr fontId="3"/>
  </si>
  <si>
    <t>三浦市</t>
    <rPh sb="0" eb="2">
      <t>ミウラ</t>
    </rPh>
    <rPh sb="2" eb="3">
      <t>シ</t>
    </rPh>
    <phoneticPr fontId="3"/>
  </si>
  <si>
    <t>箱根町</t>
    <rPh sb="0" eb="3">
      <t>ハコネマチ</t>
    </rPh>
    <phoneticPr fontId="3"/>
  </si>
  <si>
    <t>（４）平均年齢　　［神奈川県  45.64歳］</t>
    <rPh sb="3" eb="5">
      <t>ヘイキン</t>
    </rPh>
    <rPh sb="5" eb="7">
      <t>ネンレイ</t>
    </rPh>
    <rPh sb="10" eb="14">
      <t>カナガワケン</t>
    </rPh>
    <rPh sb="21" eb="22">
      <t>サイ</t>
    </rPh>
    <phoneticPr fontId="3"/>
  </si>
  <si>
    <t>平均年齢</t>
    <rPh sb="0" eb="2">
      <t>ヘイキン</t>
    </rPh>
    <rPh sb="2" eb="4">
      <t>ネンレイ</t>
    </rPh>
    <phoneticPr fontId="3"/>
  </si>
  <si>
    <t>清川村</t>
    <rPh sb="0" eb="3">
      <t>キヨカワムラ</t>
    </rPh>
    <phoneticPr fontId="3"/>
  </si>
  <si>
    <t>（5）老年化指数（年少人口に対する老年人口の比率）　　［神奈川県  202.3　全国　226.4］</t>
    <rPh sb="3" eb="5">
      <t>ロウネン</t>
    </rPh>
    <rPh sb="5" eb="6">
      <t>カ</t>
    </rPh>
    <rPh sb="6" eb="8">
      <t>シスウ</t>
    </rPh>
    <rPh sb="9" eb="11">
      <t>ネンショウ</t>
    </rPh>
    <rPh sb="11" eb="13">
      <t>ジンコウ</t>
    </rPh>
    <rPh sb="14" eb="15">
      <t>タイ</t>
    </rPh>
    <rPh sb="17" eb="19">
      <t>ロウネン</t>
    </rPh>
    <rPh sb="19" eb="21">
      <t>ジンコウ</t>
    </rPh>
    <rPh sb="22" eb="24">
      <t>ヒリツ</t>
    </rPh>
    <rPh sb="28" eb="32">
      <t>カナガワケン</t>
    </rPh>
    <rPh sb="40" eb="42">
      <t>ゼンコク</t>
    </rPh>
    <phoneticPr fontId="3"/>
  </si>
  <si>
    <t>指数</t>
    <rPh sb="0" eb="2">
      <t>シスウ</t>
    </rPh>
    <phoneticPr fontId="3"/>
  </si>
  <si>
    <t>湯河原町</t>
    <rPh sb="0" eb="3">
      <t>ユガワラ</t>
    </rPh>
    <rPh sb="3" eb="4">
      <t>マチ</t>
    </rPh>
    <phoneticPr fontId="3"/>
  </si>
  <si>
    <t>宮前区</t>
    <rPh sb="0" eb="3">
      <t>ミヤマエク</t>
    </rPh>
    <phoneticPr fontId="3"/>
  </si>
  <si>
    <t>港北区</t>
    <rPh sb="0" eb="2">
      <t>コウホク</t>
    </rPh>
    <rPh sb="2" eb="3">
      <t>ク</t>
    </rPh>
    <phoneticPr fontId="3"/>
  </si>
  <si>
    <t>【表11】－１　〔男女計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1"/>
  </si>
  <si>
    <t>　　　平成29年１月１日現在</t>
    <phoneticPr fontId="21"/>
  </si>
  <si>
    <t xml:space="preserve"> 平成29年～平成30年の増減率</t>
    <phoneticPr fontId="21"/>
  </si>
  <si>
    <t>平成30年1月1日現在・年齢３区分別構成比</t>
    <rPh sb="6" eb="7">
      <t>ガツ</t>
    </rPh>
    <rPh sb="8" eb="9">
      <t>ヒ</t>
    </rPh>
    <rPh sb="9" eb="11">
      <t>ゲンザイ</t>
    </rPh>
    <phoneticPr fontId="21"/>
  </si>
  <si>
    <t>平成30年</t>
    <phoneticPr fontId="21"/>
  </si>
  <si>
    <t>地域・市区町村名</t>
    <rPh sb="1" eb="2">
      <t>イキ</t>
    </rPh>
    <rPh sb="4" eb="5">
      <t>ク</t>
    </rPh>
    <phoneticPr fontId="21"/>
  </si>
  <si>
    <t>総　　数</t>
    <phoneticPr fontId="21"/>
  </si>
  <si>
    <t xml:space="preserve"> 0～14歳</t>
  </si>
  <si>
    <t>15～64歳</t>
  </si>
  <si>
    <t>65歳以上</t>
  </si>
  <si>
    <t>年齢不詳</t>
    <rPh sb="0" eb="2">
      <t>ネンレイ</t>
    </rPh>
    <rPh sb="2" eb="4">
      <t>フショウ</t>
    </rPh>
    <phoneticPr fontId="21"/>
  </si>
  <si>
    <t>総　数</t>
    <phoneticPr fontId="21"/>
  </si>
  <si>
    <t>平均年齢</t>
  </si>
  <si>
    <t>老年化指数</t>
  </si>
  <si>
    <t>県　　  計</t>
    <phoneticPr fontId="21"/>
  </si>
  <si>
    <t>-</t>
    <phoneticPr fontId="21"/>
  </si>
  <si>
    <t>‐</t>
    <phoneticPr fontId="27"/>
  </si>
  <si>
    <t xml:space="preserve">   横  　浜  　市</t>
    <rPh sb="3" eb="4">
      <t>ヨコ</t>
    </rPh>
    <rPh sb="7" eb="8">
      <t>ハマ</t>
    </rPh>
    <phoneticPr fontId="12"/>
  </si>
  <si>
    <t>-</t>
    <phoneticPr fontId="21"/>
  </si>
  <si>
    <t>　 鶴　　見　　区</t>
  </si>
  <si>
    <t>‐</t>
    <phoneticPr fontId="27"/>
  </si>
  <si>
    <t>　 神  奈  川  区</t>
  </si>
  <si>
    <t>　 西　　　　　区</t>
  </si>
  <si>
    <t>　 中　　　　　区</t>
  </si>
  <si>
    <t>　 南　　　　　区</t>
  </si>
  <si>
    <t>　 保 土 ケ 谷 区</t>
    <phoneticPr fontId="21"/>
  </si>
  <si>
    <t>　 磯　　子　  区</t>
  </si>
  <si>
    <t>　 金　　沢　　区</t>
  </si>
  <si>
    <t>　 港　　北　　区</t>
  </si>
  <si>
    <t>　 戸　　塚　　区</t>
  </si>
  <si>
    <t>　 港　　南　　区</t>
  </si>
  <si>
    <t>　 旭　　　　　区</t>
  </si>
  <si>
    <t>　 緑　　　　　区</t>
  </si>
  <si>
    <t>　 瀬　　谷　　区</t>
  </si>
  <si>
    <t>　 栄　　　　　区</t>
  </si>
  <si>
    <t>　 泉　　　　　区</t>
  </si>
  <si>
    <t>　 青　　葉　　区</t>
  </si>
  <si>
    <t>　 都　　筑　　区</t>
  </si>
  <si>
    <t xml:space="preserve">   川  　崎  　市</t>
    <rPh sb="3" eb="4">
      <t>カワ</t>
    </rPh>
    <rPh sb="7" eb="8">
      <t>ザキ</t>
    </rPh>
    <phoneticPr fontId="12"/>
  </si>
  <si>
    <t>　 川　　崎　　区</t>
  </si>
  <si>
    <t>　 幸　　　　　区</t>
  </si>
  <si>
    <t>　 中　　原　　区</t>
  </si>
  <si>
    <t>　 高　　津　　区</t>
  </si>
  <si>
    <t>　 多　　摩　　区</t>
  </si>
  <si>
    <t>　 宮　　前　　区</t>
  </si>
  <si>
    <t>　 麻　　生　　区</t>
  </si>
  <si>
    <t>横須賀三浦地域</t>
    <rPh sb="5" eb="7">
      <t>チイキ</t>
    </rPh>
    <phoneticPr fontId="12"/>
  </si>
  <si>
    <t xml:space="preserve">   横  須  賀  市</t>
  </si>
  <si>
    <t xml:space="preserve">   鎌  　倉  　市</t>
  </si>
  <si>
    <t xml:space="preserve">   逗　  子  　市</t>
  </si>
  <si>
    <t xml:space="preserve">   三　  浦  　市</t>
    <rPh sb="3" eb="4">
      <t>サン</t>
    </rPh>
    <rPh sb="7" eb="8">
      <t>ウラ</t>
    </rPh>
    <phoneticPr fontId="12"/>
  </si>
  <si>
    <t xml:space="preserve">   葉  　山  　町</t>
  </si>
  <si>
    <t>県央地域</t>
    <rPh sb="2" eb="4">
      <t>チイキ</t>
    </rPh>
    <phoneticPr fontId="12"/>
  </si>
  <si>
    <t xml:space="preserve">   相  模  原  市</t>
    <rPh sb="3" eb="4">
      <t>ソウ</t>
    </rPh>
    <rPh sb="6" eb="7">
      <t>ボ</t>
    </rPh>
    <rPh sb="9" eb="10">
      <t>ハラ</t>
    </rPh>
    <phoneticPr fontId="12"/>
  </si>
  <si>
    <t>　 中　　央　  区</t>
    <rPh sb="2" eb="3">
      <t>チュウ</t>
    </rPh>
    <rPh sb="5" eb="6">
      <t>オウ</t>
    </rPh>
    <phoneticPr fontId="12"/>
  </si>
  <si>
    <t xml:space="preserve">   厚 　 木 　 市</t>
  </si>
  <si>
    <t xml:space="preserve">   大　  和 　 市</t>
  </si>
  <si>
    <t xml:space="preserve">   海  老  名  市</t>
  </si>
  <si>
    <t xml:space="preserve">   座 　 間 　 市</t>
  </si>
  <si>
    <t xml:space="preserve">   綾 　 瀬 　 市</t>
  </si>
  <si>
    <t>　 愛　　川　　町</t>
  </si>
  <si>
    <t>　 清　　川　　村</t>
  </si>
  <si>
    <t>湘南地域</t>
    <rPh sb="2" eb="4">
      <t>チイキ</t>
    </rPh>
    <phoneticPr fontId="12"/>
  </si>
  <si>
    <t>　 平　　塚　　市</t>
  </si>
  <si>
    <t>　 藤　　沢 　 市</t>
  </si>
  <si>
    <t>　 茅　ヶ　崎　市</t>
  </si>
  <si>
    <t>　 秦　　野 　 市</t>
  </si>
  <si>
    <t>　 伊　勢　原　市</t>
  </si>
  <si>
    <t xml:space="preserve">   寒    川    町</t>
  </si>
  <si>
    <t>　 大　　磯　　町</t>
  </si>
  <si>
    <t>　 二　　宮　　町</t>
  </si>
  <si>
    <t>県西地域</t>
    <rPh sb="0" eb="2">
      <t>ケンセイ</t>
    </rPh>
    <rPh sb="2" eb="4">
      <t>チイキ</t>
    </rPh>
    <phoneticPr fontId="12"/>
  </si>
  <si>
    <t>　 小　田　原　市</t>
  </si>
  <si>
    <t>　 南　足　柄　市</t>
  </si>
  <si>
    <t>　 中　　井　　町</t>
  </si>
  <si>
    <t>　 大　　井　　町</t>
  </si>
  <si>
    <t>　 松　　田　　町</t>
  </si>
  <si>
    <t>　 山　　北　　町</t>
  </si>
  <si>
    <t>　 開　　成　　町</t>
  </si>
  <si>
    <t>　 箱　　根　　町</t>
  </si>
  <si>
    <t>　 真　　鶴　　町</t>
  </si>
  <si>
    <t>　 湯　河　原　町</t>
  </si>
  <si>
    <t xml:space="preserve"> </t>
    <phoneticPr fontId="21"/>
  </si>
  <si>
    <t>（注）　総数には年齢不詳を含んでいるが、年齢３区分別構成比は年齢不詳を除いて算出している。</t>
    <rPh sb="1" eb="2">
      <t>チュウ</t>
    </rPh>
    <rPh sb="4" eb="6">
      <t>ソウスウ</t>
    </rPh>
    <rPh sb="8" eb="10">
      <t>ネンレイ</t>
    </rPh>
    <rPh sb="10" eb="12">
      <t>フショウ</t>
    </rPh>
    <rPh sb="13" eb="14">
      <t>フク</t>
    </rPh>
    <rPh sb="26" eb="28">
      <t>コウセイ</t>
    </rPh>
    <rPh sb="28" eb="29">
      <t>ヒ</t>
    </rPh>
    <rPh sb="30" eb="32">
      <t>ネンレイ</t>
    </rPh>
    <rPh sb="32" eb="34">
      <t>フショウ</t>
    </rPh>
    <rPh sb="35" eb="36">
      <t>ノゾ</t>
    </rPh>
    <rPh sb="38" eb="40">
      <t>サンシュツ</t>
    </rPh>
    <phoneticPr fontId="21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2">
      <t>チ</t>
    </rPh>
    <rPh sb="42" eb="43">
      <t>イキ</t>
    </rPh>
    <rPh sb="44" eb="46">
      <t>シク</t>
    </rPh>
    <rPh sb="46" eb="48">
      <t>チョウソン</t>
    </rPh>
    <phoneticPr fontId="21"/>
  </si>
  <si>
    <t>【表11】－2　〔　男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7"/>
  </si>
  <si>
    <t>　　　平成29年１月１日現在</t>
    <phoneticPr fontId="21"/>
  </si>
  <si>
    <t xml:space="preserve"> 平成29年～平成30年の増減率</t>
    <phoneticPr fontId="27"/>
  </si>
  <si>
    <t>平成30年1月1日現在・年齢３区分別構成比</t>
    <phoneticPr fontId="27"/>
  </si>
  <si>
    <t>平成30年</t>
    <phoneticPr fontId="27"/>
  </si>
  <si>
    <t>地域・市区町村名</t>
    <rPh sb="1" eb="2">
      <t>イキ</t>
    </rPh>
    <rPh sb="4" eb="5">
      <t>ク</t>
    </rPh>
    <rPh sb="5" eb="6">
      <t>チョウ</t>
    </rPh>
    <phoneticPr fontId="21"/>
  </si>
  <si>
    <t>総　　数</t>
    <phoneticPr fontId="21"/>
  </si>
  <si>
    <t xml:space="preserve"> 0～14歳</t>
    <phoneticPr fontId="21"/>
  </si>
  <si>
    <t>15～64歳</t>
    <phoneticPr fontId="21"/>
  </si>
  <si>
    <t>総　数</t>
    <phoneticPr fontId="21"/>
  </si>
  <si>
    <t>　 保 土 ケ 谷 区</t>
  </si>
  <si>
    <t>【表11】－3　〔　女　〕年齢（３区分）別人口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6">
      <t>ヘイキン</t>
    </rPh>
    <rPh sb="26" eb="28">
      <t>ネンレイ</t>
    </rPh>
    <rPh sb="28" eb="29">
      <t>オヨ</t>
    </rPh>
    <rPh sb="30" eb="32">
      <t>ロウネン</t>
    </rPh>
    <rPh sb="32" eb="33">
      <t>カ</t>
    </rPh>
    <rPh sb="33" eb="35">
      <t>シスウ</t>
    </rPh>
    <rPh sb="36" eb="40">
      <t>カナガワケン</t>
    </rPh>
    <rPh sb="41" eb="43">
      <t>チイキ</t>
    </rPh>
    <rPh sb="44" eb="46">
      <t>シク</t>
    </rPh>
    <rPh sb="46" eb="48">
      <t>チョウソン</t>
    </rPh>
    <phoneticPr fontId="21"/>
  </si>
  <si>
    <t>　　　平成30年１月１日現在</t>
    <phoneticPr fontId="27"/>
  </si>
  <si>
    <t xml:space="preserve"> 平成29年～平成30年の増減率</t>
    <phoneticPr fontId="27"/>
  </si>
  <si>
    <t>平成30年1月1日現在・年齢３区分別構成比</t>
    <phoneticPr fontId="27"/>
  </si>
  <si>
    <t>平成30年</t>
    <phoneticPr fontId="27"/>
  </si>
  <si>
    <t>県　　  計</t>
    <phoneticPr fontId="21"/>
  </si>
  <si>
    <t>　</t>
    <phoneticPr fontId="21"/>
  </si>
  <si>
    <t>◆年齢別異動人口</t>
    <rPh sb="1" eb="3">
      <t>ネンレイ</t>
    </rPh>
    <rPh sb="3" eb="4">
      <t>ベツ</t>
    </rPh>
    <rPh sb="4" eb="6">
      <t>イドウ</t>
    </rPh>
    <rPh sb="6" eb="8">
      <t>ジンコウ</t>
    </rPh>
    <phoneticPr fontId="21"/>
  </si>
  <si>
    <t>【表12】　年齢（３区分、５歳階級）別異動人口〈神奈川県〉</t>
    <rPh sb="10" eb="12">
      <t>クブン</t>
    </rPh>
    <phoneticPr fontId="21"/>
  </si>
  <si>
    <t xml:space="preserve">  翌年1月1日現在</t>
    <rPh sb="2" eb="4">
      <t>ヨクネン</t>
    </rPh>
    <rPh sb="5" eb="6">
      <t>ガツ</t>
    </rPh>
    <rPh sb="7" eb="8">
      <t>ヒ</t>
    </rPh>
    <rPh sb="8" eb="10">
      <t>ゲンザイ</t>
    </rPh>
    <phoneticPr fontId="21"/>
  </si>
  <si>
    <t xml:space="preserve">    　人口増減</t>
    <rPh sb="7" eb="9">
      <t>ゾウゲン</t>
    </rPh>
    <phoneticPr fontId="21"/>
  </si>
  <si>
    <t>　   　人　　口</t>
    <rPh sb="5" eb="9">
      <t>ジンコウ</t>
    </rPh>
    <phoneticPr fontId="21"/>
  </si>
  <si>
    <t>自然増減</t>
    <rPh sb="3" eb="4">
      <t>ゲン</t>
    </rPh>
    <phoneticPr fontId="21"/>
  </si>
  <si>
    <t>出　　生</t>
  </si>
  <si>
    <t>死　　亡</t>
    <rPh sb="0" eb="4">
      <t>シボウ</t>
    </rPh>
    <phoneticPr fontId="21"/>
  </si>
  <si>
    <t>社会増減</t>
    <rPh sb="3" eb="4">
      <t>ゲン</t>
    </rPh>
    <phoneticPr fontId="21"/>
  </si>
  <si>
    <t>転　　入</t>
  </si>
  <si>
    <t>転　　出</t>
  </si>
  <si>
    <t>　　   （Ａ+Ｂ)</t>
    <phoneticPr fontId="21"/>
  </si>
  <si>
    <t>(Ａ)＝ａ－ｂ</t>
    <phoneticPr fontId="21"/>
  </si>
  <si>
    <t xml:space="preserve"> ａ</t>
    <phoneticPr fontId="21"/>
  </si>
  <si>
    <t xml:space="preserve"> ｂ</t>
    <phoneticPr fontId="21"/>
  </si>
  <si>
    <t>(Ｂ)＝ｃ－ｄ</t>
    <phoneticPr fontId="21"/>
  </si>
  <si>
    <t>ｃ</t>
    <phoneticPr fontId="21"/>
  </si>
  <si>
    <t>ｄ</t>
    <phoneticPr fontId="21"/>
  </si>
  <si>
    <t xml:space="preserve">   0～ 4歳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>中</t>
    <rPh sb="0" eb="1">
      <t>チュウ</t>
    </rPh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 100歳以上</t>
  </si>
  <si>
    <t xml:space="preserve">   0～14歳</t>
  </si>
  <si>
    <t xml:space="preserve">  15～64歳</t>
  </si>
  <si>
    <t xml:space="preserve">  65歳以上</t>
  </si>
  <si>
    <t>(注)</t>
    <phoneticPr fontId="21"/>
  </si>
  <si>
    <t xml:space="preserve"> 1　社会増減のうち、正数は転入超過を、負数は転出超過を表している。</t>
    <rPh sb="6" eb="7">
      <t>ゲン</t>
    </rPh>
    <phoneticPr fontId="21"/>
  </si>
  <si>
    <t xml:space="preserve"> 2　転入及び転出は、県内市区町村間の移動を含む。</t>
    <phoneticPr fontId="21"/>
  </si>
  <si>
    <t>【表13】　年齢（10歳階級）別異動人口〈神奈川県〉</t>
    <phoneticPr fontId="21"/>
  </si>
  <si>
    <t xml:space="preserve">  　翌年１月１日現在</t>
    <phoneticPr fontId="21"/>
  </si>
  <si>
    <t xml:space="preserve">     　人口増減</t>
    <rPh sb="8" eb="10">
      <t>ゾウゲン</t>
    </rPh>
    <phoneticPr fontId="21"/>
  </si>
  <si>
    <t xml:space="preserve"> 人　口</t>
    <phoneticPr fontId="21"/>
  </si>
  <si>
    <t xml:space="preserve">     　 （Ａ+Ｂ)</t>
    <phoneticPr fontId="21"/>
  </si>
  <si>
    <t xml:space="preserve">    0～ 9歳</t>
    <phoneticPr fontId="21"/>
  </si>
  <si>
    <t>-</t>
    <phoneticPr fontId="21"/>
  </si>
  <si>
    <t>1</t>
  </si>
  <si>
    <t>中</t>
  </si>
  <si>
    <t>１</t>
  </si>
  <si>
    <t xml:space="preserve"> 100歳以上</t>
    <phoneticPr fontId="21"/>
  </si>
  <si>
    <t xml:space="preserve">    0～ 9歳</t>
  </si>
  <si>
    <t xml:space="preserve"> 100歳以上</t>
  </si>
  <si>
    <t xml:space="preserve">（注) </t>
    <rPh sb="1" eb="2">
      <t>チュウ</t>
    </rPh>
    <phoneticPr fontId="21"/>
  </si>
  <si>
    <t>1　社会増減のうち、正数は転入超過を、負数は転出超過を表している。</t>
    <rPh sb="5" eb="6">
      <t>ゲン</t>
    </rPh>
    <phoneticPr fontId="21"/>
  </si>
  <si>
    <t>2　転入及び転出は、県内市区町村間の移動を含む。</t>
    <phoneticPr fontId="21"/>
  </si>
  <si>
    <t>3 「平成27年中」の異動人口は、平成27年10月1日現在の国勢調査結果による基礎数値の切り替えを行ったために
　調査していない。</t>
    <rPh sb="3" eb="5">
      <t>ヘイセイ</t>
    </rPh>
    <rPh sb="7" eb="8">
      <t>ネン</t>
    </rPh>
    <rPh sb="8" eb="9">
      <t>チュウ</t>
    </rPh>
    <rPh sb="11" eb="13">
      <t>イドウ</t>
    </rPh>
    <rPh sb="13" eb="15">
      <t>ジンコウ</t>
    </rPh>
    <rPh sb="17" eb="19">
      <t>ヘイセイ</t>
    </rPh>
    <rPh sb="21" eb="22">
      <t>ネン</t>
    </rPh>
    <rPh sb="24" eb="25">
      <t>ガツ</t>
    </rPh>
    <rPh sb="26" eb="27">
      <t>ニチ</t>
    </rPh>
    <rPh sb="27" eb="29">
      <t>ゲンザイ</t>
    </rPh>
    <rPh sb="30" eb="32">
      <t>コクセイ</t>
    </rPh>
    <rPh sb="32" eb="34">
      <t>チョウサ</t>
    </rPh>
    <rPh sb="34" eb="36">
      <t>ケッカ</t>
    </rPh>
    <rPh sb="39" eb="41">
      <t>キソ</t>
    </rPh>
    <rPh sb="41" eb="43">
      <t>スウチ</t>
    </rPh>
    <rPh sb="44" eb="45">
      <t>キ</t>
    </rPh>
    <rPh sb="46" eb="47">
      <t>カ</t>
    </rPh>
    <rPh sb="49" eb="50">
      <t>オコナ</t>
    </rPh>
    <rPh sb="57" eb="59">
      <t>チョウサ</t>
    </rPh>
    <phoneticPr fontId="21"/>
  </si>
  <si>
    <t>【表14】―1　年齢（３区分、５歳階級）別、男女別異動人口〈神奈川県〉</t>
    <rPh sb="12" eb="14">
      <t>クブン</t>
    </rPh>
    <phoneticPr fontId="21"/>
  </si>
  <si>
    <t xml:space="preserve">  平成30年１月１日現在</t>
    <rPh sb="2" eb="4">
      <t>ヘイセイ</t>
    </rPh>
    <rPh sb="6" eb="7">
      <t>ネン</t>
    </rPh>
    <rPh sb="8" eb="9">
      <t>ガツ</t>
    </rPh>
    <rPh sb="10" eb="11">
      <t>ヒ</t>
    </rPh>
    <rPh sb="11" eb="13">
      <t>ゲンザイ</t>
    </rPh>
    <phoneticPr fontId="21"/>
  </si>
  <si>
    <t>平 成 29 年 中</t>
  </si>
  <si>
    <t>　　　　  　 　　人　　口</t>
    <phoneticPr fontId="21"/>
  </si>
  <si>
    <t>　　  人　口　増　減</t>
    <rPh sb="4" eb="5">
      <t>ヒト</t>
    </rPh>
    <rPh sb="6" eb="7">
      <t>クチ</t>
    </rPh>
    <rPh sb="8" eb="9">
      <t>ゾウ</t>
    </rPh>
    <rPh sb="10" eb="11">
      <t>ゲン</t>
    </rPh>
    <phoneticPr fontId="21"/>
  </si>
  <si>
    <t>死　　亡</t>
  </si>
  <si>
    <t>　</t>
    <phoneticPr fontId="21"/>
  </si>
  <si>
    <t>(Ａ＋Ｂ)</t>
  </si>
  <si>
    <t xml:space="preserve">    　 　　 (Ａ)＝ａ－ｂ</t>
    <phoneticPr fontId="21"/>
  </si>
  <si>
    <t>ａ</t>
  </si>
  <si>
    <t xml:space="preserve"> 　ｂ</t>
  </si>
  <si>
    <t xml:space="preserve">      　　　 (Ｂ)＝ｃ－ｄ</t>
    <phoneticPr fontId="21"/>
  </si>
  <si>
    <t>ｃ</t>
  </si>
  <si>
    <t>ｄ</t>
  </si>
  <si>
    <t>総数</t>
  </si>
  <si>
    <t>男</t>
  </si>
  <si>
    <t>女</t>
  </si>
  <si>
    <t xml:space="preserve">                                  総数</t>
    <phoneticPr fontId="21"/>
  </si>
  <si>
    <t xml:space="preserve"> 　男</t>
  </si>
  <si>
    <t xml:space="preserve">  15～19</t>
    <phoneticPr fontId="21"/>
  </si>
  <si>
    <t>実</t>
  </si>
  <si>
    <t>数</t>
  </si>
  <si>
    <t xml:space="preserve">  80～84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  0～ 4歳</t>
    <phoneticPr fontId="21"/>
  </si>
  <si>
    <t>-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>構</t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>比</t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(注)</t>
    <phoneticPr fontId="21"/>
  </si>
  <si>
    <t>2　転入及び転出は、県内市区町村間の移動を含む。</t>
    <phoneticPr fontId="21"/>
  </si>
  <si>
    <t>3  総数には年齢不詳を含んでいるが、構成比は年齢不詳を除いて算出している。</t>
    <rPh sb="3" eb="5">
      <t>ソウスウ</t>
    </rPh>
    <rPh sb="7" eb="9">
      <t>ネンレイ</t>
    </rPh>
    <rPh sb="9" eb="11">
      <t>フショウ</t>
    </rPh>
    <rPh sb="12" eb="13">
      <t>フク</t>
    </rPh>
    <rPh sb="19" eb="22">
      <t>コウセイヒ</t>
    </rPh>
    <rPh sb="23" eb="25">
      <t>ネンレイ</t>
    </rPh>
    <rPh sb="25" eb="27">
      <t>フショウ</t>
    </rPh>
    <rPh sb="28" eb="29">
      <t>ノゾ</t>
    </rPh>
    <rPh sb="31" eb="33">
      <t>サンシュツ</t>
    </rPh>
    <phoneticPr fontId="21"/>
  </si>
  <si>
    <t>【表14】―２　年齢（３区分、５歳階級）別、男女別異動人口〈横　浜　市〉</t>
    <rPh sb="12" eb="14">
      <t>クブン</t>
    </rPh>
    <rPh sb="30" eb="31">
      <t>ヨコ</t>
    </rPh>
    <rPh sb="32" eb="33">
      <t>ハマ</t>
    </rPh>
    <rPh sb="34" eb="35">
      <t>シ</t>
    </rPh>
    <phoneticPr fontId="21"/>
  </si>
  <si>
    <t xml:space="preserve">    平成30年１月１日現在</t>
    <rPh sb="4" eb="6">
      <t>ヘイセイ</t>
    </rPh>
    <rPh sb="8" eb="9">
      <t>ネン</t>
    </rPh>
    <rPh sb="10" eb="11">
      <t>ガツ</t>
    </rPh>
    <rPh sb="12" eb="13">
      <t>ヒ</t>
    </rPh>
    <rPh sb="13" eb="15">
      <t>ゲンザイ</t>
    </rPh>
    <phoneticPr fontId="21"/>
  </si>
  <si>
    <t>　　　　   　 　　人　　口</t>
    <phoneticPr fontId="21"/>
  </si>
  <si>
    <t xml:space="preserve">    　 　　 (Ａ)＝ａ－ｂ</t>
    <phoneticPr fontId="21"/>
  </si>
  <si>
    <t xml:space="preserve">      　　　 (Ｂ)＝ｃ－ｄ</t>
    <phoneticPr fontId="21"/>
  </si>
  <si>
    <t xml:space="preserve">   0～ 4歳</t>
    <phoneticPr fontId="21"/>
  </si>
  <si>
    <t xml:space="preserve"> (注)</t>
    <phoneticPr fontId="21"/>
  </si>
  <si>
    <t>【表14】―３　年齢（３区分、５歳階級）別、男女別異動人口〈川　崎　市〉</t>
    <rPh sb="12" eb="14">
      <t>クブン</t>
    </rPh>
    <rPh sb="30" eb="31">
      <t>カワ</t>
    </rPh>
    <rPh sb="32" eb="33">
      <t>ザキ</t>
    </rPh>
    <rPh sb="34" eb="35">
      <t>シ</t>
    </rPh>
    <phoneticPr fontId="21"/>
  </si>
  <si>
    <t>　　　　  　 　　人　　口</t>
    <phoneticPr fontId="21"/>
  </si>
  <si>
    <t xml:space="preserve">    　 　　 (Ａ)＝ａ－ｂ</t>
    <phoneticPr fontId="21"/>
  </si>
  <si>
    <t>【表14】―４　年齢（３区分、５歳階級）別、男女別異動人口〈横須賀三浦地域〉</t>
    <rPh sb="12" eb="14">
      <t>クブン</t>
    </rPh>
    <rPh sb="36" eb="37">
      <t>イキ</t>
    </rPh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75～79</t>
    <phoneticPr fontId="21"/>
  </si>
  <si>
    <t xml:space="preserve">  85～89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>-</t>
    <phoneticPr fontId="21"/>
  </si>
  <si>
    <t>-</t>
    <phoneticPr fontId="21"/>
  </si>
  <si>
    <t>-</t>
    <phoneticPr fontId="21"/>
  </si>
  <si>
    <t>-</t>
    <phoneticPr fontId="21"/>
  </si>
  <si>
    <t xml:space="preserve">   0～ 4歳</t>
    <phoneticPr fontId="21"/>
  </si>
  <si>
    <t>-</t>
    <phoneticPr fontId="21"/>
  </si>
  <si>
    <t>-</t>
    <phoneticPr fontId="21"/>
  </si>
  <si>
    <t>-</t>
    <phoneticPr fontId="21"/>
  </si>
  <si>
    <t xml:space="preserve">   5～ 9</t>
    <phoneticPr fontId="21"/>
  </si>
  <si>
    <t xml:space="preserve">  10～14</t>
    <phoneticPr fontId="21"/>
  </si>
  <si>
    <t xml:space="preserve">  15～19</t>
    <phoneticPr fontId="21"/>
  </si>
  <si>
    <t xml:space="preserve">  20～24</t>
    <phoneticPr fontId="21"/>
  </si>
  <si>
    <t xml:space="preserve">  25～29</t>
    <phoneticPr fontId="21"/>
  </si>
  <si>
    <t xml:space="preserve">  30～34</t>
    <phoneticPr fontId="21"/>
  </si>
  <si>
    <t xml:space="preserve">  35～39</t>
    <phoneticPr fontId="21"/>
  </si>
  <si>
    <t xml:space="preserve">  40～44</t>
    <phoneticPr fontId="21"/>
  </si>
  <si>
    <t xml:space="preserve">  45～49</t>
    <phoneticPr fontId="21"/>
  </si>
  <si>
    <t xml:space="preserve">  50～54</t>
    <phoneticPr fontId="21"/>
  </si>
  <si>
    <t xml:space="preserve">  55～59</t>
    <phoneticPr fontId="21"/>
  </si>
  <si>
    <t xml:space="preserve">  60～64</t>
    <phoneticPr fontId="21"/>
  </si>
  <si>
    <t xml:space="preserve">  65～69</t>
    <phoneticPr fontId="21"/>
  </si>
  <si>
    <t xml:space="preserve">  70～74</t>
    <phoneticPr fontId="21"/>
  </si>
  <si>
    <t xml:space="preserve">  75～79</t>
    <phoneticPr fontId="21"/>
  </si>
  <si>
    <t xml:space="preserve">  80～84</t>
    <phoneticPr fontId="21"/>
  </si>
  <si>
    <t xml:space="preserve">  85～89</t>
    <phoneticPr fontId="21"/>
  </si>
  <si>
    <t xml:space="preserve">  90～94</t>
    <phoneticPr fontId="21"/>
  </si>
  <si>
    <t xml:space="preserve">  95～99</t>
    <phoneticPr fontId="21"/>
  </si>
  <si>
    <t xml:space="preserve">  100歳以上</t>
    <phoneticPr fontId="21"/>
  </si>
  <si>
    <t xml:space="preserve">   0～14歳</t>
    <phoneticPr fontId="21"/>
  </si>
  <si>
    <t xml:space="preserve">  15～64歳</t>
    <phoneticPr fontId="21"/>
  </si>
  <si>
    <t xml:space="preserve">  65歳以上</t>
    <phoneticPr fontId="21"/>
  </si>
  <si>
    <t xml:space="preserve"> (注)</t>
    <phoneticPr fontId="21"/>
  </si>
  <si>
    <t>2　転入及び転出は、県内市区町村間の移動を含む。</t>
    <phoneticPr fontId="21"/>
  </si>
  <si>
    <t>【表14】―５　年齢（３区分、５歳階級）別、男女別異動人口〈県央地域〉</t>
    <rPh sb="12" eb="14">
      <t>クブン</t>
    </rPh>
    <rPh sb="33" eb="34">
      <t>イキ</t>
    </rPh>
    <phoneticPr fontId="21"/>
  </si>
  <si>
    <t xml:space="preserve">    　 　　 (Ａ)＝ａ－ｂ</t>
    <phoneticPr fontId="21"/>
  </si>
  <si>
    <t xml:space="preserve">                                  総数</t>
    <phoneticPr fontId="21"/>
  </si>
  <si>
    <t xml:space="preserve">  20～24</t>
    <phoneticPr fontId="21"/>
  </si>
  <si>
    <t>【表14】―６　年齢（３区分、５歳階級）別、男女別異動人口〈湘南地域〉</t>
    <rPh sb="12" eb="14">
      <t>クブン</t>
    </rPh>
    <rPh sb="33" eb="34">
      <t>イキ</t>
    </rPh>
    <phoneticPr fontId="21"/>
  </si>
  <si>
    <t xml:space="preserve">    　 　　 (Ａ)＝ａ－ｂ</t>
    <phoneticPr fontId="21"/>
  </si>
  <si>
    <t xml:space="preserve">      　　　 (Ｂ)＝ｃ－ｄ</t>
    <phoneticPr fontId="21"/>
  </si>
  <si>
    <t>【表14】―７　年齢（３区分、５歳階級）別、男女別異動人口〈県西地域〉</t>
    <rPh sb="12" eb="14">
      <t>クブン</t>
    </rPh>
    <rPh sb="30" eb="32">
      <t>ケンセイ</t>
    </rPh>
    <rPh sb="33" eb="34">
      <t>イキ</t>
    </rPh>
    <phoneticPr fontId="21"/>
  </si>
  <si>
    <t xml:space="preserve">                                  総数</t>
    <phoneticPr fontId="21"/>
  </si>
  <si>
    <t>【表15】―１　年齢（10歳階級）別、男女別異動人口〈神奈川県〉</t>
    <phoneticPr fontId="21"/>
  </si>
  <si>
    <t xml:space="preserve"> 翌年１月１日現在</t>
    <phoneticPr fontId="21"/>
  </si>
  <si>
    <t>　  人　口　増　減</t>
    <rPh sb="3" eb="4">
      <t>ヒト</t>
    </rPh>
    <rPh sb="5" eb="6">
      <t>クチ</t>
    </rPh>
    <rPh sb="7" eb="8">
      <t>ゾウ</t>
    </rPh>
    <rPh sb="9" eb="10">
      <t>ゲン</t>
    </rPh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 xml:space="preserve">   女</t>
  </si>
  <si>
    <t>(ア)</t>
  </si>
  <si>
    <t xml:space="preserve">  0～ 9歳</t>
  </si>
  <si>
    <t>(イ)</t>
  </si>
  <si>
    <t>(イ)</t>
    <phoneticPr fontId="21"/>
  </si>
  <si>
    <t>｜</t>
  </si>
  <si>
    <t>～</t>
  </si>
  <si>
    <t>増</t>
  </si>
  <si>
    <t>減</t>
  </si>
  <si>
    <t xml:space="preserve"> 2　転入及び転出は、県内市区町村間の移動を含む。</t>
    <phoneticPr fontId="21"/>
  </si>
  <si>
    <t>【表15】―２　年齢（10歳階級）別、男女別異動人口〈横　浜　市〉</t>
    <rPh sb="27" eb="28">
      <t>ヨコ</t>
    </rPh>
    <rPh sb="29" eb="30">
      <t>ハマ</t>
    </rPh>
    <rPh sb="31" eb="32">
      <t>シ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>【表15】―３　年齢（10歳階級）別、男女別異動人口〈川　崎　市〉</t>
    <rPh sb="27" eb="28">
      <t>カワ</t>
    </rPh>
    <rPh sb="29" eb="30">
      <t>ザキ</t>
    </rPh>
    <rPh sb="31" eb="32">
      <t>シ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　　　         (Ｂ)＝ｃ－ｄ</t>
    <phoneticPr fontId="21"/>
  </si>
  <si>
    <t>【表15】―４　年齢（10歳階級）別、男女別異動人口〈横須賀三浦地域〉</t>
    <rPh sb="33" eb="34">
      <t>イキ</t>
    </rPh>
    <phoneticPr fontId="21"/>
  </si>
  <si>
    <t>　　　         (Ｂ)＝ｃ－ｄ</t>
    <phoneticPr fontId="21"/>
  </si>
  <si>
    <t>【表15】―５　年齢（10歳階級）別、男女別異動人口〈県央地域〉</t>
    <rPh sb="30" eb="31">
      <t>イキ</t>
    </rPh>
    <phoneticPr fontId="21"/>
  </si>
  <si>
    <t xml:space="preserve"> 翌年１月１日現在</t>
    <phoneticPr fontId="21"/>
  </si>
  <si>
    <t xml:space="preserve">       人　　口</t>
    <phoneticPr fontId="21"/>
  </si>
  <si>
    <t xml:space="preserve">      (Ａ＋Ｂ)</t>
    <phoneticPr fontId="21"/>
  </si>
  <si>
    <t>　　　        (Ａ)＝ａ－ｂ</t>
    <phoneticPr fontId="21"/>
  </si>
  <si>
    <t>【表15】―６　年齢（10歳階級）別、男女別異動人口〈湘南地域〉</t>
    <rPh sb="30" eb="31">
      <t>イキ</t>
    </rPh>
    <phoneticPr fontId="21"/>
  </si>
  <si>
    <t xml:space="preserve"> 翌年１月１日現在</t>
    <phoneticPr fontId="21"/>
  </si>
  <si>
    <t>　  人　口　増　減</t>
    <rPh sb="3" eb="4">
      <t>ジン</t>
    </rPh>
    <rPh sb="5" eb="6">
      <t>クチ</t>
    </rPh>
    <rPh sb="7" eb="8">
      <t>ゾウ</t>
    </rPh>
    <rPh sb="9" eb="10">
      <t>ゲン</t>
    </rPh>
    <phoneticPr fontId="21"/>
  </si>
  <si>
    <t>　　　        (Ａ)＝ａ－ｂ</t>
    <phoneticPr fontId="21"/>
  </si>
  <si>
    <t>　　　         (Ｂ)＝ｃ－ｄ</t>
    <phoneticPr fontId="21"/>
  </si>
  <si>
    <t>(注)</t>
    <phoneticPr fontId="21"/>
  </si>
  <si>
    <t xml:space="preserve"> 2　転入及び転出は、県内市区町村間の移動を含む。</t>
    <phoneticPr fontId="21"/>
  </si>
  <si>
    <t>【表15】―７　年齢（10歳階級）別、男女別異動人口〈県西地域〉</t>
    <rPh sb="27" eb="29">
      <t>ケンセイ</t>
    </rPh>
    <rPh sb="30" eb="31">
      <t>イキ</t>
    </rPh>
    <phoneticPr fontId="21"/>
  </si>
  <si>
    <t>【表16】-1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 xml:space="preserve">  総数〔出生、死亡、転入、転出〕</t>
    <rPh sb="2" eb="4">
      <t>ソウスウ</t>
    </rPh>
    <rPh sb="5" eb="7">
      <t>シュッショウ</t>
    </rPh>
    <rPh sb="8" eb="10">
      <t>シボウ</t>
    </rPh>
    <rPh sb="11" eb="13">
      <t>テンニュウ</t>
    </rPh>
    <rPh sb="14" eb="16">
      <t>テンシュツ</t>
    </rPh>
    <phoneticPr fontId="21"/>
  </si>
  <si>
    <r>
      <t>(単位：人)  平成29</t>
    </r>
    <r>
      <rPr>
        <sz val="11"/>
        <rFont val="明朝"/>
        <family val="1"/>
        <charset val="128"/>
      </rPr>
      <t>年中</t>
    </r>
    <rPh sb="1" eb="3">
      <t>タンイ</t>
    </rPh>
    <rPh sb="4" eb="5">
      <t>ニン</t>
    </rPh>
    <phoneticPr fontId="21"/>
  </si>
  <si>
    <t>出　　生</t>
    <rPh sb="0" eb="4">
      <t>シュッショウ</t>
    </rPh>
    <phoneticPr fontId="21"/>
  </si>
  <si>
    <t>死　　亡</t>
    <phoneticPr fontId="21"/>
  </si>
  <si>
    <t>転　　入</t>
    <phoneticPr fontId="21"/>
  </si>
  <si>
    <t>転　　出</t>
    <phoneticPr fontId="21"/>
  </si>
  <si>
    <t>地</t>
  </si>
  <si>
    <t>域・市区町村</t>
    <rPh sb="0" eb="1">
      <t>イキ</t>
    </rPh>
    <phoneticPr fontId="21"/>
  </si>
  <si>
    <t xml:space="preserve"> 県　　計</t>
    <rPh sb="1" eb="2">
      <t>ケンケイ</t>
    </rPh>
    <rPh sb="4" eb="5">
      <t>ケイ</t>
    </rPh>
    <phoneticPr fontId="21"/>
  </si>
  <si>
    <t>横</t>
  </si>
  <si>
    <t xml:space="preserve">    浜    市</t>
  </si>
  <si>
    <t>鶴見区</t>
  </si>
  <si>
    <t>神奈川区</t>
  </si>
  <si>
    <t>西区</t>
  </si>
  <si>
    <t>中区</t>
  </si>
  <si>
    <t>南区</t>
  </si>
  <si>
    <t>保土ケ谷区</t>
    <phoneticPr fontId="3"/>
  </si>
  <si>
    <t>保土ケ谷区</t>
    <phoneticPr fontId="21"/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川</t>
  </si>
  <si>
    <t>　　崎　　市</t>
  </si>
  <si>
    <t>川崎区</t>
  </si>
  <si>
    <t>幸区</t>
  </si>
  <si>
    <t>中原区</t>
  </si>
  <si>
    <t>高津区</t>
  </si>
  <si>
    <t>多摩区</t>
  </si>
  <si>
    <t>麻生区</t>
  </si>
  <si>
    <t>横須賀三浦地域</t>
    <rPh sb="0" eb="3">
      <t>ヨコスカ</t>
    </rPh>
    <rPh sb="3" eb="5">
      <t>ミウラ</t>
    </rPh>
    <rPh sb="5" eb="7">
      <t>チイキ</t>
    </rPh>
    <phoneticPr fontId="21"/>
  </si>
  <si>
    <t>横須賀市</t>
  </si>
  <si>
    <t>鎌倉市</t>
  </si>
  <si>
    <t>逗子市</t>
  </si>
  <si>
    <t>三浦市</t>
  </si>
  <si>
    <t>葉山町</t>
  </si>
  <si>
    <t>県 央 地 域</t>
    <rPh sb="0" eb="1">
      <t>ケン</t>
    </rPh>
    <rPh sb="2" eb="3">
      <t>オウ</t>
    </rPh>
    <rPh sb="4" eb="5">
      <t>チ</t>
    </rPh>
    <rPh sb="6" eb="7">
      <t>イキ</t>
    </rPh>
    <phoneticPr fontId="21"/>
  </si>
  <si>
    <t>相　模　原　市</t>
    <rPh sb="0" eb="1">
      <t>ソウ</t>
    </rPh>
    <rPh sb="2" eb="3">
      <t>ボ</t>
    </rPh>
    <rPh sb="4" eb="5">
      <t>ハラ</t>
    </rPh>
    <rPh sb="6" eb="7">
      <t>シ</t>
    </rPh>
    <phoneticPr fontId="21"/>
  </si>
  <si>
    <t>緑区</t>
    <rPh sb="0" eb="2">
      <t>ミドリク</t>
    </rPh>
    <phoneticPr fontId="21"/>
  </si>
  <si>
    <t>中央区</t>
    <rPh sb="0" eb="3">
      <t>チュウオウク</t>
    </rPh>
    <phoneticPr fontId="3"/>
  </si>
  <si>
    <t>中央区</t>
    <rPh sb="0" eb="3">
      <t>チュウオウク</t>
    </rPh>
    <phoneticPr fontId="21"/>
  </si>
  <si>
    <t>南区</t>
    <rPh sb="0" eb="2">
      <t>ミナミク</t>
    </rPh>
    <phoneticPr fontId="21"/>
  </si>
  <si>
    <t>厚木市</t>
  </si>
  <si>
    <t>大和市</t>
  </si>
  <si>
    <t>海老名市</t>
  </si>
  <si>
    <t>座間市</t>
  </si>
  <si>
    <t>愛川町</t>
  </si>
  <si>
    <t>清川村</t>
  </si>
  <si>
    <t>湘　南 地 域</t>
    <rPh sb="0" eb="1">
      <t>ショウ</t>
    </rPh>
    <rPh sb="2" eb="3">
      <t>ミナミ</t>
    </rPh>
    <rPh sb="4" eb="5">
      <t>チ</t>
    </rPh>
    <rPh sb="6" eb="7">
      <t>イキ</t>
    </rPh>
    <phoneticPr fontId="21"/>
  </si>
  <si>
    <t>平塚市</t>
  </si>
  <si>
    <t>茅ヶ崎市</t>
  </si>
  <si>
    <t>秦野市</t>
  </si>
  <si>
    <t>伊勢原市</t>
  </si>
  <si>
    <t>寒川町</t>
  </si>
  <si>
    <t>大磯町</t>
  </si>
  <si>
    <t>二宮町</t>
  </si>
  <si>
    <t>県西地域</t>
    <rPh sb="0" eb="2">
      <t>ケンセイ</t>
    </rPh>
    <rPh sb="2" eb="4">
      <t>チイキ</t>
    </rPh>
    <phoneticPr fontId="21"/>
  </si>
  <si>
    <t>小田原市</t>
  </si>
  <si>
    <t>南足柄市</t>
  </si>
  <si>
    <t>中井町</t>
  </si>
  <si>
    <t>大井町</t>
  </si>
  <si>
    <t>松田町</t>
  </si>
  <si>
    <t>【表16】-2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19">
      <t>ダンジョ</t>
    </rPh>
    <rPh sb="19" eb="20">
      <t>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>〔死  亡〕</t>
    <rPh sb="1" eb="5">
      <t>シボウ</t>
    </rPh>
    <phoneticPr fontId="21"/>
  </si>
  <si>
    <t>総　　数</t>
    <rPh sb="0" eb="4">
      <t>ソウスウ</t>
    </rPh>
    <phoneticPr fontId="21"/>
  </si>
  <si>
    <t>０～14歳</t>
  </si>
  <si>
    <t xml:space="preserve"> 県　　計</t>
    <phoneticPr fontId="21"/>
  </si>
  <si>
    <t>横浜市</t>
    <rPh sb="0" eb="2">
      <t>ヨコハマシ</t>
    </rPh>
    <phoneticPr fontId="21"/>
  </si>
  <si>
    <t>保土ケ谷区</t>
    <phoneticPr fontId="21"/>
  </si>
  <si>
    <t>川崎市</t>
    <rPh sb="0" eb="2">
      <t>カワサキシ</t>
    </rPh>
    <phoneticPr fontId="3"/>
  </si>
  <si>
    <t>川崎市</t>
    <rPh sb="0" eb="2">
      <t>カワサキシ</t>
    </rPh>
    <phoneticPr fontId="21"/>
  </si>
  <si>
    <t>県央地域</t>
    <rPh sb="0" eb="1">
      <t>ケン</t>
    </rPh>
    <rPh sb="1" eb="2">
      <t>オウ</t>
    </rPh>
    <rPh sb="2" eb="3">
      <t>チク</t>
    </rPh>
    <rPh sb="3" eb="4">
      <t>イキ</t>
    </rPh>
    <phoneticPr fontId="21"/>
  </si>
  <si>
    <t>相　模　原　市</t>
    <phoneticPr fontId="21"/>
  </si>
  <si>
    <t>湘南地域</t>
    <rPh sb="0" eb="1">
      <t>ショウ</t>
    </rPh>
    <rPh sb="1" eb="2">
      <t>ミナミ</t>
    </rPh>
    <rPh sb="2" eb="3">
      <t>チク</t>
    </rPh>
    <rPh sb="3" eb="4">
      <t>イキ</t>
    </rPh>
    <phoneticPr fontId="21"/>
  </si>
  <si>
    <t>県西地域</t>
    <rPh sb="0" eb="2">
      <t>ケンセイ</t>
    </rPh>
    <rPh sb="2" eb="3">
      <t>チク</t>
    </rPh>
    <rPh sb="3" eb="4">
      <t>イキ</t>
    </rPh>
    <phoneticPr fontId="21"/>
  </si>
  <si>
    <t>【表16】-3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21"/>
  </si>
  <si>
    <t>〔転  入〕</t>
    <rPh sb="1" eb="5">
      <t>テンニュウ</t>
    </rPh>
    <phoneticPr fontId="21"/>
  </si>
  <si>
    <t xml:space="preserve"> 県　　計</t>
    <phoneticPr fontId="21"/>
  </si>
  <si>
    <t>県央地域</t>
    <rPh sb="0" eb="1">
      <t>ケン</t>
    </rPh>
    <rPh sb="1" eb="2">
      <t>オウ</t>
    </rPh>
    <phoneticPr fontId="21"/>
  </si>
  <si>
    <t>相  模  原  市</t>
    <phoneticPr fontId="21"/>
  </si>
  <si>
    <t>湘南地域</t>
    <rPh sb="0" eb="1">
      <t>ショウ</t>
    </rPh>
    <rPh sb="1" eb="2">
      <t>ミナミ</t>
    </rPh>
    <phoneticPr fontId="21"/>
  </si>
  <si>
    <t>県西地域</t>
    <rPh sb="0" eb="2">
      <t>ケンセイ</t>
    </rPh>
    <phoneticPr fontId="21"/>
  </si>
  <si>
    <t>【表16】-4  年齢（３区分）別、男女別異動人口〈神奈川県、地域、市区町村〉</t>
    <rPh sb="1" eb="2">
      <t>ヒョウ</t>
    </rPh>
    <rPh sb="9" eb="11">
      <t>ネンレイ</t>
    </rPh>
    <rPh sb="13" eb="15">
      <t>クブン</t>
    </rPh>
    <rPh sb="16" eb="17">
      <t>ベツ</t>
    </rPh>
    <rPh sb="18" eb="21">
      <t>ダンジョベツ</t>
    </rPh>
    <rPh sb="21" eb="23">
      <t>イドウ</t>
    </rPh>
    <rPh sb="23" eb="25">
      <t>ジンコウ</t>
    </rPh>
    <rPh sb="26" eb="30">
      <t>カナガワケン</t>
    </rPh>
    <rPh sb="34" eb="36">
      <t>シク</t>
    </rPh>
    <rPh sb="36" eb="38">
      <t>チョウソン</t>
    </rPh>
    <phoneticPr fontId="21"/>
  </si>
  <si>
    <t>〔転  出〕</t>
    <rPh sb="1" eb="5">
      <t>テンシュツ</t>
    </rPh>
    <phoneticPr fontId="21"/>
  </si>
  <si>
    <r>
      <t xml:space="preserve">域 </t>
    </r>
    <r>
      <rPr>
        <sz val="11"/>
        <rFont val="明朝"/>
        <family val="1"/>
        <charset val="128"/>
      </rPr>
      <t>・市区町村</t>
    </r>
    <rPh sb="0" eb="1">
      <t>イキ</t>
    </rPh>
    <phoneticPr fontId="21"/>
  </si>
  <si>
    <t xml:space="preserve"> 県　　計</t>
    <phoneticPr fontId="21"/>
  </si>
  <si>
    <t>相  模  原  市</t>
    <phoneticPr fontId="21"/>
  </si>
  <si>
    <t>〈参考資料１〉市区町村別人口及び異動人口</t>
    <rPh sb="1" eb="3">
      <t>サンコウ</t>
    </rPh>
    <rPh sb="3" eb="5">
      <t>シリョウ</t>
    </rPh>
    <rPh sb="7" eb="9">
      <t>シク</t>
    </rPh>
    <rPh sb="9" eb="11">
      <t>チョウソン</t>
    </rPh>
    <rPh sb="11" eb="12">
      <t>ベツ</t>
    </rPh>
    <rPh sb="12" eb="14">
      <t>ジンコウ</t>
    </rPh>
    <rPh sb="14" eb="15">
      <t>オヨ</t>
    </rPh>
    <rPh sb="16" eb="18">
      <t>イドウ</t>
    </rPh>
    <rPh sb="18" eb="20">
      <t>ジンコウ</t>
    </rPh>
    <phoneticPr fontId="3"/>
  </si>
  <si>
    <t>「神奈川県人口統計調査報告・平成29年１月～12月｣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ガツ</t>
    </rPh>
    <rPh sb="24" eb="25">
      <t>ガツ</t>
    </rPh>
    <rPh sb="26" eb="28">
      <t>バッスイ</t>
    </rPh>
    <phoneticPr fontId="3"/>
  </si>
  <si>
    <t>①＋②</t>
    <phoneticPr fontId="3"/>
  </si>
  <si>
    <t>②</t>
    <phoneticPr fontId="3"/>
  </si>
  <si>
    <t>①</t>
    <phoneticPr fontId="3"/>
  </si>
  <si>
    <t>平成30年</t>
    <rPh sb="0" eb="2">
      <t>ヘイセイ</t>
    </rPh>
    <rPh sb="4" eb="5">
      <t>ネン</t>
    </rPh>
    <phoneticPr fontId="3"/>
  </si>
  <si>
    <t>平成29年中</t>
    <rPh sb="0" eb="2">
      <t>ヘイセイ</t>
    </rPh>
    <rPh sb="4" eb="5">
      <t>ネン</t>
    </rPh>
    <rPh sb="5" eb="6">
      <t>チュウ</t>
    </rPh>
    <phoneticPr fontId="3"/>
  </si>
  <si>
    <t>平成29年</t>
    <rPh sb="0" eb="2">
      <t>ヘイセイ</t>
    </rPh>
    <rPh sb="4" eb="5">
      <t>ネン</t>
    </rPh>
    <phoneticPr fontId="3"/>
  </si>
  <si>
    <t>　地域・市区町村名</t>
    <rPh sb="4" eb="6">
      <t>シク</t>
    </rPh>
    <rPh sb="6" eb="8">
      <t>チョウソン</t>
    </rPh>
    <rPh sb="8" eb="9">
      <t>メイ</t>
    </rPh>
    <phoneticPr fontId="3"/>
  </si>
  <si>
    <t>1月1日現在</t>
    <rPh sb="1" eb="2">
      <t>ツキ</t>
    </rPh>
    <rPh sb="3" eb="4">
      <t>ヒ</t>
    </rPh>
    <rPh sb="4" eb="6">
      <t>ゲンザイ</t>
    </rPh>
    <phoneticPr fontId="3"/>
  </si>
  <si>
    <t>人口増減</t>
    <rPh sb="0" eb="2">
      <t>ジンコウ</t>
    </rPh>
    <rPh sb="2" eb="4">
      <t>ゾウゲン</t>
    </rPh>
    <phoneticPr fontId="3"/>
  </si>
  <si>
    <t>自然増減</t>
    <rPh sb="0" eb="2">
      <t>シゼン</t>
    </rPh>
    <rPh sb="2" eb="3">
      <t>ゾウ</t>
    </rPh>
    <rPh sb="3" eb="4">
      <t>ゲン</t>
    </rPh>
    <phoneticPr fontId="3"/>
  </si>
  <si>
    <t>出　生</t>
    <rPh sb="0" eb="3">
      <t>シュッショウ</t>
    </rPh>
    <phoneticPr fontId="3"/>
  </si>
  <si>
    <t>死　亡</t>
    <rPh sb="0" eb="3">
      <t>シボウ</t>
    </rPh>
    <phoneticPr fontId="3"/>
  </si>
  <si>
    <t>社会増減</t>
    <rPh sb="0" eb="2">
      <t>シャカイ</t>
    </rPh>
    <rPh sb="2" eb="3">
      <t>ゾウ</t>
    </rPh>
    <rPh sb="3" eb="4">
      <t>ゲン</t>
    </rPh>
    <phoneticPr fontId="3"/>
  </si>
  <si>
    <t>転　入</t>
    <rPh sb="0" eb="1">
      <t>テンシュッショウ</t>
    </rPh>
    <rPh sb="2" eb="3">
      <t>ニュウ</t>
    </rPh>
    <phoneticPr fontId="3"/>
  </si>
  <si>
    <t>転　出</t>
    <rPh sb="0" eb="1">
      <t>テン</t>
    </rPh>
    <rPh sb="2" eb="3">
      <t>シボウ</t>
    </rPh>
    <phoneticPr fontId="3"/>
  </si>
  <si>
    <t>人　口</t>
    <rPh sb="0" eb="3">
      <t>ジンコウ</t>
    </rPh>
    <phoneticPr fontId="3"/>
  </si>
  <si>
    <t>（Α＋Β）</t>
    <phoneticPr fontId="3"/>
  </si>
  <si>
    <t>（A）=a－b</t>
    <phoneticPr fontId="3"/>
  </si>
  <si>
    <t>a</t>
    <phoneticPr fontId="3"/>
  </si>
  <si>
    <t>b</t>
    <phoneticPr fontId="3"/>
  </si>
  <si>
    <t>（B）=c－d</t>
    <phoneticPr fontId="3"/>
  </si>
  <si>
    <t>c</t>
    <phoneticPr fontId="3"/>
  </si>
  <si>
    <t>d</t>
    <phoneticPr fontId="3"/>
  </si>
  <si>
    <t>横浜市</t>
    <rPh sb="0" eb="1">
      <t>ヨコハマシ</t>
    </rPh>
    <phoneticPr fontId="3"/>
  </si>
  <si>
    <t>横須賀三浦 地 域</t>
    <rPh sb="0" eb="3">
      <t>ヨコスカ</t>
    </rPh>
    <rPh sb="3" eb="5">
      <t>ミウラ</t>
    </rPh>
    <rPh sb="6" eb="7">
      <t>チ</t>
    </rPh>
    <rPh sb="8" eb="9">
      <t>イキ</t>
    </rPh>
    <phoneticPr fontId="21"/>
  </si>
  <si>
    <t>県央地域</t>
    <rPh sb="0" eb="1">
      <t>ケン</t>
    </rPh>
    <rPh sb="1" eb="2">
      <t>オウ</t>
    </rPh>
    <rPh sb="2" eb="3">
      <t>チ</t>
    </rPh>
    <rPh sb="3" eb="4">
      <t>イキ</t>
    </rPh>
    <phoneticPr fontId="21"/>
  </si>
  <si>
    <t>相   模   原   市</t>
    <phoneticPr fontId="3"/>
  </si>
  <si>
    <t>緑区</t>
    <rPh sb="0" eb="1">
      <t>ミドリ</t>
    </rPh>
    <rPh sb="1" eb="2">
      <t>ク</t>
    </rPh>
    <phoneticPr fontId="3"/>
  </si>
  <si>
    <t>南区</t>
    <rPh sb="0" eb="1">
      <t>ミナミ</t>
    </rPh>
    <rPh sb="1" eb="2">
      <t>ク</t>
    </rPh>
    <phoneticPr fontId="3"/>
  </si>
  <si>
    <t>湘南地域</t>
    <rPh sb="0" eb="1">
      <t>ショウ</t>
    </rPh>
    <rPh sb="1" eb="2">
      <t>ミナミ</t>
    </rPh>
    <rPh sb="2" eb="3">
      <t>チ</t>
    </rPh>
    <rPh sb="3" eb="4">
      <t>イキ</t>
    </rPh>
    <phoneticPr fontId="21"/>
  </si>
  <si>
    <t>県 西 地 域</t>
    <rPh sb="0" eb="1">
      <t>ケン</t>
    </rPh>
    <rPh sb="2" eb="3">
      <t>ニシ</t>
    </rPh>
    <rPh sb="4" eb="5">
      <t>チ</t>
    </rPh>
    <rPh sb="6" eb="7">
      <t>イキ</t>
    </rPh>
    <phoneticPr fontId="21"/>
  </si>
  <si>
    <t>(注)   1　社会増減のうち、正数は転入超過を、負数は転出超過を表している。</t>
    <rPh sb="1" eb="2">
      <t>チュウ</t>
    </rPh>
    <rPh sb="11" eb="12">
      <t>ゲン</t>
    </rPh>
    <phoneticPr fontId="21"/>
  </si>
  <si>
    <t>　</t>
    <phoneticPr fontId="3"/>
  </si>
  <si>
    <t xml:space="preserve">        2  転入及び転出は、県内市区町村間の移動を含む。</t>
    <rPh sb="11" eb="13">
      <t>テンニュウ</t>
    </rPh>
    <rPh sb="13" eb="14">
      <t>オヨ</t>
    </rPh>
    <rPh sb="15" eb="17">
      <t>テンシュツ</t>
    </rPh>
    <rPh sb="19" eb="21">
      <t>ケンナイ</t>
    </rPh>
    <rPh sb="21" eb="23">
      <t>シク</t>
    </rPh>
    <rPh sb="23" eb="25">
      <t>チョウソン</t>
    </rPh>
    <rPh sb="25" eb="26">
      <t>カン</t>
    </rPh>
    <rPh sb="27" eb="29">
      <t>イドウ</t>
    </rPh>
    <rPh sb="30" eb="31">
      <t>フク</t>
    </rPh>
    <phoneticPr fontId="21"/>
  </si>
  <si>
    <t xml:space="preserve"> </t>
    <phoneticPr fontId="3"/>
  </si>
  <si>
    <t>&lt;参考資料２&gt;神奈川県年次別人口及び異動人口の推移</t>
    <rPh sb="1" eb="3">
      <t>サンコウ</t>
    </rPh>
    <rPh sb="3" eb="5">
      <t>シリョウ</t>
    </rPh>
    <rPh sb="7" eb="11">
      <t>カナガワケン</t>
    </rPh>
    <rPh sb="11" eb="13">
      <t>ネンジ</t>
    </rPh>
    <rPh sb="13" eb="14">
      <t>ベツ</t>
    </rPh>
    <rPh sb="14" eb="16">
      <t>ジンコウ</t>
    </rPh>
    <rPh sb="16" eb="17">
      <t>オヨ</t>
    </rPh>
    <rPh sb="18" eb="20">
      <t>イドウ</t>
    </rPh>
    <rPh sb="20" eb="22">
      <t>ジンコウ</t>
    </rPh>
    <rPh sb="23" eb="25">
      <t>スイイ</t>
    </rPh>
    <phoneticPr fontId="3"/>
  </si>
  <si>
    <t>「神奈川県人口統計調査報告・平成29年1月～12月」抜粋</t>
    <rPh sb="1" eb="5">
      <t>カナガワケン</t>
    </rPh>
    <rPh sb="5" eb="7">
      <t>ジンコウ</t>
    </rPh>
    <rPh sb="7" eb="9">
      <t>トウケイ</t>
    </rPh>
    <rPh sb="9" eb="11">
      <t>チョウサ</t>
    </rPh>
    <rPh sb="11" eb="13">
      <t>ホウコク</t>
    </rPh>
    <rPh sb="14" eb="16">
      <t>ヘイセイ</t>
    </rPh>
    <rPh sb="18" eb="19">
      <t>ネン</t>
    </rPh>
    <rPh sb="20" eb="21">
      <t>ツキ</t>
    </rPh>
    <rPh sb="24" eb="25">
      <t>ガツ</t>
    </rPh>
    <rPh sb="26" eb="28">
      <t>バッスイ</t>
    </rPh>
    <phoneticPr fontId="3"/>
  </si>
  <si>
    <t>翌年1月1日現在人口</t>
    <rPh sb="0" eb="2">
      <t>ヨクネン</t>
    </rPh>
    <rPh sb="3" eb="4">
      <t>ガツ</t>
    </rPh>
    <rPh sb="5" eb="6">
      <t>ニチ</t>
    </rPh>
    <rPh sb="6" eb="8">
      <t>ゲンザイ</t>
    </rPh>
    <rPh sb="8" eb="10">
      <t>ジンコウ</t>
    </rPh>
    <phoneticPr fontId="3"/>
  </si>
  <si>
    <t>年次</t>
    <rPh sb="0" eb="2">
      <t>ネンジ</t>
    </rPh>
    <phoneticPr fontId="3"/>
  </si>
  <si>
    <t>人口</t>
    <rPh sb="0" eb="2">
      <t>ジンコウ</t>
    </rPh>
    <phoneticPr fontId="3"/>
  </si>
  <si>
    <t>異動人口</t>
    <rPh sb="0" eb="2">
      <t>イドウ</t>
    </rPh>
    <rPh sb="2" eb="4">
      <t>ジンコウ</t>
    </rPh>
    <phoneticPr fontId="3"/>
  </si>
  <si>
    <t>自然増減</t>
    <rPh sb="0" eb="3">
      <t>シゼンゾウ</t>
    </rPh>
    <rPh sb="3" eb="4">
      <t>ゲン</t>
    </rPh>
    <phoneticPr fontId="3"/>
  </si>
  <si>
    <t>出  生</t>
    <rPh sb="0" eb="1">
      <t>デ</t>
    </rPh>
    <rPh sb="3" eb="4">
      <t>ショウ</t>
    </rPh>
    <phoneticPr fontId="3"/>
  </si>
  <si>
    <t>死  亡</t>
    <rPh sb="0" eb="1">
      <t>シ</t>
    </rPh>
    <rPh sb="3" eb="4">
      <t>ボウ</t>
    </rPh>
    <phoneticPr fontId="3"/>
  </si>
  <si>
    <t>転  入</t>
    <rPh sb="0" eb="1">
      <t>テン</t>
    </rPh>
    <rPh sb="3" eb="4">
      <t>イリ</t>
    </rPh>
    <phoneticPr fontId="3"/>
  </si>
  <si>
    <t>転  出</t>
    <rPh sb="0" eb="1">
      <t>テン</t>
    </rPh>
    <rPh sb="3" eb="4">
      <t>デ</t>
    </rPh>
    <phoneticPr fontId="3"/>
  </si>
  <si>
    <t>対象期間</t>
    <rPh sb="0" eb="2">
      <t>タイショウ</t>
    </rPh>
    <rPh sb="2" eb="4">
      <t>キカン</t>
    </rPh>
    <phoneticPr fontId="3"/>
  </si>
  <si>
    <t>（A+B）</t>
    <phoneticPr fontId="3"/>
  </si>
  <si>
    <t>(A)=a-b</t>
    <phoneticPr fontId="3"/>
  </si>
  <si>
    <t>a</t>
    <phoneticPr fontId="3"/>
  </si>
  <si>
    <t>b</t>
    <phoneticPr fontId="3"/>
  </si>
  <si>
    <t>(B)=c-d</t>
    <phoneticPr fontId="3"/>
  </si>
  <si>
    <t>c</t>
    <phoneticPr fontId="3"/>
  </si>
  <si>
    <t>27(2015)</t>
    <phoneticPr fontId="3"/>
  </si>
  <si>
    <t>22(2010)</t>
  </si>
  <si>
    <t>20</t>
  </si>
  <si>
    <t>19</t>
  </si>
  <si>
    <t>18</t>
  </si>
  <si>
    <t>17(2005)</t>
  </si>
  <si>
    <t>17</t>
  </si>
  <si>
    <t>15</t>
  </si>
  <si>
    <t>14</t>
  </si>
  <si>
    <t>13</t>
  </si>
  <si>
    <t>12(2000)</t>
  </si>
  <si>
    <t>12</t>
  </si>
  <si>
    <t>11</t>
  </si>
  <si>
    <t>10</t>
  </si>
  <si>
    <t>９</t>
  </si>
  <si>
    <t>８</t>
  </si>
  <si>
    <t>７(1995)</t>
  </si>
  <si>
    <t>７</t>
  </si>
  <si>
    <t>６</t>
  </si>
  <si>
    <t>５</t>
  </si>
  <si>
    <t>４</t>
  </si>
  <si>
    <t>３</t>
  </si>
  <si>
    <t>２(1990)</t>
  </si>
  <si>
    <t>２</t>
  </si>
  <si>
    <t>元</t>
    <rPh sb="0" eb="1">
      <t>ゲン</t>
    </rPh>
    <phoneticPr fontId="3"/>
  </si>
  <si>
    <t>昭和63年中</t>
    <rPh sb="0" eb="2">
      <t>ショウワ</t>
    </rPh>
    <rPh sb="4" eb="5">
      <t>ネン</t>
    </rPh>
    <rPh sb="5" eb="6">
      <t>チュウ</t>
    </rPh>
    <phoneticPr fontId="3"/>
  </si>
  <si>
    <t>昭和63</t>
    <rPh sb="0" eb="2">
      <t>ショウワ</t>
    </rPh>
    <phoneticPr fontId="3"/>
  </si>
  <si>
    <t>62</t>
  </si>
  <si>
    <t>61</t>
  </si>
  <si>
    <t>60(1985)</t>
  </si>
  <si>
    <t>60</t>
  </si>
  <si>
    <t>59</t>
  </si>
  <si>
    <t>58</t>
  </si>
  <si>
    <t>57</t>
  </si>
  <si>
    <t>56</t>
  </si>
  <si>
    <t>55(1980)</t>
  </si>
  <si>
    <t>55</t>
  </si>
  <si>
    <t>54</t>
  </si>
  <si>
    <t>53</t>
  </si>
  <si>
    <t>52</t>
  </si>
  <si>
    <t>51</t>
  </si>
  <si>
    <t>50(1975)</t>
  </si>
  <si>
    <t>50</t>
  </si>
  <si>
    <t>49</t>
  </si>
  <si>
    <t>48</t>
  </si>
  <si>
    <t>47</t>
  </si>
  <si>
    <t>46</t>
  </si>
  <si>
    <t>45(1970)</t>
  </si>
  <si>
    <t>45</t>
  </si>
  <si>
    <t>44</t>
  </si>
  <si>
    <t>43</t>
  </si>
  <si>
    <t>42</t>
  </si>
  <si>
    <t>41</t>
  </si>
  <si>
    <t>(注)　</t>
    <rPh sb="1" eb="2">
      <t>チュウ</t>
    </rPh>
    <phoneticPr fontId="3"/>
  </si>
  <si>
    <t>1 社会増減のうち、正数は転入超過を、負数は転出超過を表している。</t>
    <rPh sb="5" eb="6">
      <t>ゲン</t>
    </rPh>
    <phoneticPr fontId="3"/>
  </si>
  <si>
    <t xml:space="preserve">2 転入及び転出は、県内市区町村間の移動を含む。   </t>
    <phoneticPr fontId="3"/>
  </si>
  <si>
    <t>平成29年～平成30年の増減数</t>
    <phoneticPr fontId="21"/>
  </si>
  <si>
    <t>平成29年～平成30年の増減数</t>
    <phoneticPr fontId="27"/>
  </si>
  <si>
    <t>【表11】－１〔男女計〕年齢（３区分）別人口、平均年齢及び老年化指数〈神奈川県、地域、市区町村〉</t>
    <rPh sb="12" eb="14">
      <t>ネンレイ</t>
    </rPh>
    <rPh sb="16" eb="18">
      <t>クブン</t>
    </rPh>
    <rPh sb="19" eb="20">
      <t>ベツ</t>
    </rPh>
    <rPh sb="20" eb="22">
      <t>ジンコウ</t>
    </rPh>
    <rPh sb="23" eb="25">
      <t>ヘイキン</t>
    </rPh>
    <rPh sb="25" eb="27">
      <t>ネンレイ</t>
    </rPh>
    <rPh sb="27" eb="28">
      <t>オヨ</t>
    </rPh>
    <rPh sb="29" eb="31">
      <t>ロウネン</t>
    </rPh>
    <rPh sb="31" eb="32">
      <t>カ</t>
    </rPh>
    <rPh sb="32" eb="34">
      <t>シスウ</t>
    </rPh>
    <rPh sb="35" eb="39">
      <t>カナガワケン</t>
    </rPh>
    <rPh sb="40" eb="42">
      <t>チイキ</t>
    </rPh>
    <rPh sb="43" eb="45">
      <t>シク</t>
    </rPh>
    <rPh sb="45" eb="47">
      <t>チョウソン</t>
    </rPh>
    <phoneticPr fontId="21"/>
  </si>
  <si>
    <t>総数</t>
    <rPh sb="0" eb="2">
      <t>ソウスウ</t>
    </rPh>
    <phoneticPr fontId="3"/>
  </si>
  <si>
    <t>1   「平成26年1月1日現在」及び「平成27年1月1日現在」は、平成22年10月1日現在の国勢調査</t>
    <rPh sb="5" eb="7">
      <t>ヘイセイ</t>
    </rPh>
    <rPh sb="9" eb="10">
      <t>ネン</t>
    </rPh>
    <rPh sb="11" eb="12">
      <t>ツキ</t>
    </rPh>
    <rPh sb="13" eb="14">
      <t>ニチ</t>
    </rPh>
    <rPh sb="14" eb="16">
      <t>ゲンザイ</t>
    </rPh>
    <rPh sb="17" eb="18">
      <t>オヨ</t>
    </rPh>
    <rPh sb="20" eb="22">
      <t>ヘイセイ</t>
    </rPh>
    <rPh sb="24" eb="25">
      <t>ネン</t>
    </rPh>
    <rPh sb="26" eb="27">
      <t>ツキ</t>
    </rPh>
    <rPh sb="28" eb="29">
      <t>ニチ</t>
    </rPh>
    <rPh sb="29" eb="31">
      <t>ゲンザイ</t>
    </rPh>
    <rPh sb="34" eb="36">
      <t>ヘイセイ</t>
    </rPh>
    <rPh sb="38" eb="39">
      <t>ネン</t>
    </rPh>
    <rPh sb="41" eb="42">
      <t>ツキ</t>
    </rPh>
    <rPh sb="43" eb="44">
      <t>ニチ</t>
    </rPh>
    <rPh sb="44" eb="46">
      <t>ゲンザイ</t>
    </rPh>
    <rPh sb="47" eb="49">
      <t>コクセイ</t>
    </rPh>
    <rPh sb="49" eb="51">
      <t>チョウサ</t>
    </rPh>
    <phoneticPr fontId="3"/>
  </si>
  <si>
    <t>0～4</t>
    <phoneticPr fontId="11"/>
  </si>
  <si>
    <t>5～9</t>
    <phoneticPr fontId="3"/>
  </si>
  <si>
    <t>0～14</t>
    <phoneticPr fontId="11"/>
  </si>
  <si>
    <t>(単位：人)  平成29年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176" formatCode="#,##0_);[Red]\(#,##0\)"/>
    <numFmt numFmtId="177" formatCode="0.0_ "/>
    <numFmt numFmtId="178" formatCode="0.0_);[Red]\(0.0\)"/>
    <numFmt numFmtId="179" formatCode="#,##0_ "/>
    <numFmt numFmtId="180" formatCode="0.00_ "/>
    <numFmt numFmtId="181" formatCode="#,##0.0_ "/>
    <numFmt numFmtId="182" formatCode="0.00_);[Red]\(0.00\)"/>
    <numFmt numFmtId="183" formatCode="#,##0.0_)"/>
    <numFmt numFmtId="184" formatCode="0.0"/>
    <numFmt numFmtId="185" formatCode="#,##0_)"/>
    <numFmt numFmtId="186" formatCode="#,##0.00_)"/>
    <numFmt numFmtId="187" formatCode="#,##0.0;[Red]\-#,##0.0"/>
  </numFmts>
  <fonts count="7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b/>
      <sz val="12"/>
      <color indexed="9"/>
      <name val="ＭＳ 明朝"/>
      <family val="1"/>
      <charset val="128"/>
    </font>
    <font>
      <sz val="8"/>
      <name val="ＭＳ Ｐ明朝"/>
      <family val="1"/>
      <charset val="128"/>
    </font>
    <font>
      <sz val="7"/>
      <name val="ＭＳ Ｐ明朝"/>
      <family val="1"/>
      <charset val="128"/>
    </font>
    <font>
      <b/>
      <sz val="10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1"/>
      <name val="明朝"/>
      <family val="1"/>
      <charset val="128"/>
    </font>
    <font>
      <sz val="12"/>
      <name val="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  <font>
      <b/>
      <sz val="10"/>
      <name val="ＭＳ Ｐ明朝"/>
      <family val="1"/>
      <charset val="128"/>
    </font>
    <font>
      <sz val="8"/>
      <name val="ＭＳ Ｐゴシック"/>
      <family val="3"/>
      <charset val="128"/>
    </font>
    <font>
      <b/>
      <sz val="8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1"/>
      <color indexed="10"/>
      <name val="ＭＳ Ｐ明朝"/>
      <family val="1"/>
      <charset val="128"/>
    </font>
    <font>
      <b/>
      <sz val="14"/>
      <name val="ｺﾞｼｯｸ"/>
      <family val="3"/>
      <charset val="128"/>
    </font>
    <font>
      <sz val="6"/>
      <name val="ＭＳ Ｐ明朝"/>
      <family val="1"/>
      <charset val="128"/>
    </font>
    <font>
      <sz val="11"/>
      <name val="ｺﾞｼｯｸ"/>
      <family val="3"/>
      <charset val="128"/>
    </font>
    <font>
      <b/>
      <sz val="12"/>
      <name val="ＭＳ ゴシック"/>
      <family val="3"/>
      <charset val="128"/>
    </font>
    <font>
      <b/>
      <sz val="12"/>
      <name val="明朝"/>
      <family val="1"/>
      <charset val="128"/>
    </font>
    <font>
      <sz val="12"/>
      <name val="ＭＳ ゴシック"/>
      <family val="3"/>
      <charset val="128"/>
    </font>
    <font>
      <sz val="13"/>
      <name val="明朝"/>
      <family val="1"/>
      <charset val="128"/>
    </font>
    <font>
      <sz val="6"/>
      <name val="明朝"/>
      <family val="1"/>
      <charset val="128"/>
    </font>
    <font>
      <sz val="12"/>
      <name val="ＭＳ 明朝"/>
      <family val="1"/>
      <charset val="128"/>
    </font>
    <font>
      <sz val="12"/>
      <color indexed="10"/>
      <name val="明朝"/>
      <family val="1"/>
      <charset val="128"/>
    </font>
    <font>
      <sz val="11"/>
      <name val="ＭＳ 明朝"/>
      <family val="1"/>
      <charset val="128"/>
    </font>
    <font>
      <b/>
      <sz val="12"/>
      <color theme="1"/>
      <name val="標準ゴシック"/>
      <family val="3"/>
      <charset val="128"/>
    </font>
    <font>
      <sz val="9"/>
      <color theme="1"/>
      <name val="明朝"/>
      <family val="1"/>
      <charset val="128"/>
    </font>
    <font>
      <sz val="10"/>
      <color theme="1"/>
      <name val="標準ゴシック"/>
      <family val="3"/>
      <charset val="128"/>
    </font>
    <font>
      <sz val="11"/>
      <color theme="1"/>
      <name val="明朝"/>
      <family val="1"/>
      <charset val="128"/>
    </font>
    <font>
      <b/>
      <sz val="11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明朝"/>
      <family val="1"/>
      <charset val="128"/>
    </font>
    <font>
      <b/>
      <sz val="9"/>
      <color theme="1"/>
      <name val="ＭＳ 明朝"/>
      <family val="1"/>
      <charset val="128"/>
    </font>
    <font>
      <sz val="8"/>
      <color theme="1"/>
      <name val="明朝"/>
      <family val="1"/>
      <charset val="128"/>
    </font>
    <font>
      <sz val="8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12"/>
      <color theme="1"/>
      <name val="明朝"/>
      <family val="1"/>
      <charset val="128"/>
    </font>
    <font>
      <b/>
      <sz val="12"/>
      <name val="標準ゴシック"/>
      <family val="3"/>
      <charset val="128"/>
    </font>
    <font>
      <sz val="10"/>
      <name val="標準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1"/>
      <name val="明朝"/>
      <family val="1"/>
      <charset val="128"/>
    </font>
    <font>
      <b/>
      <sz val="9"/>
      <name val="ＭＳ 明朝"/>
      <family val="1"/>
      <charset val="128"/>
    </font>
    <font>
      <sz val="8"/>
      <name val="明朝"/>
      <family val="1"/>
      <charset val="128"/>
    </font>
    <font>
      <sz val="8"/>
      <name val="ＭＳ 明朝"/>
      <family val="1"/>
      <charset val="128"/>
    </font>
    <font>
      <b/>
      <sz val="9"/>
      <name val="ＭＳ 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ゴシック"/>
      <family val="3"/>
      <charset val="128"/>
    </font>
    <font>
      <b/>
      <u/>
      <sz val="14"/>
      <name val="ｺﾞｼｯｸ"/>
      <family val="3"/>
      <charset val="128"/>
    </font>
    <font>
      <i/>
      <sz val="9"/>
      <name val="明朝"/>
      <family val="1"/>
      <charset val="128"/>
    </font>
    <font>
      <b/>
      <sz val="11"/>
      <name val="ｺﾞｼｯｸ"/>
      <family val="3"/>
      <charset val="128"/>
    </font>
    <font>
      <sz val="9"/>
      <name val="ｺﾞｼｯｸ"/>
      <family val="3"/>
      <charset val="128"/>
    </font>
    <font>
      <sz val="9"/>
      <name val="ＭＳ ゴシック"/>
      <family val="3"/>
      <charset val="128"/>
    </font>
    <font>
      <b/>
      <sz val="9"/>
      <name val="明朝"/>
      <family val="1"/>
      <charset val="128"/>
    </font>
    <font>
      <b/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name val="明朝"/>
      <family val="1"/>
      <charset val="128"/>
    </font>
    <font>
      <sz val="10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4"/>
      <name val="明朝"/>
      <family val="1"/>
      <charset val="128"/>
    </font>
    <font>
      <sz val="6"/>
      <name val="ＭＳ 明朝"/>
      <family val="1"/>
      <charset val="128"/>
    </font>
    <font>
      <b/>
      <sz val="12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4"/>
      <name val="ＭＳ Ｐゴシック"/>
      <family val="3"/>
      <charset val="128"/>
    </font>
    <font>
      <b/>
      <sz val="14"/>
      <name val="ＭＳ Ｐゴシック"/>
      <family val="3"/>
      <charset val="128"/>
      <scheme val="minor"/>
    </font>
    <font>
      <b/>
      <sz val="13"/>
      <name val="ＭＳ Ｐゴシック"/>
      <family val="3"/>
      <charset val="128"/>
      <scheme val="minor"/>
    </font>
    <font>
      <b/>
      <sz val="8.5"/>
      <color theme="1"/>
      <name val="ＭＳ 明朝"/>
      <family val="1"/>
      <charset val="128"/>
    </font>
    <font>
      <sz val="11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43"/>
        <bgColor indexed="64"/>
      </patternFill>
    </fill>
  </fills>
  <borders count="68">
    <border>
      <left/>
      <right/>
      <top/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/>
      <diagonal style="thin">
        <color indexed="64"/>
      </diagonal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 diagonalUp="1">
      <left style="thin">
        <color indexed="64"/>
      </left>
      <right/>
      <top/>
      <bottom style="double">
        <color indexed="64"/>
      </bottom>
      <diagonal style="thin">
        <color indexed="64"/>
      </diagonal>
    </border>
    <border diagonalUp="1">
      <left style="thin">
        <color indexed="64"/>
      </left>
      <right/>
      <top style="double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uble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dotted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tted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tted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 style="double">
        <color indexed="64"/>
      </bottom>
      <diagonal/>
    </border>
  </borders>
  <cellStyleXfs count="8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4" fillId="0" borderId="0"/>
    <xf numFmtId="9" fontId="1" fillId="0" borderId="0" applyFont="0" applyFill="0" applyBorder="0" applyAlignment="0" applyProtection="0"/>
    <xf numFmtId="0" fontId="11" fillId="0" borderId="0"/>
    <xf numFmtId="38" fontId="11" fillId="0" borderId="0" applyFont="0" applyFill="0" applyBorder="0" applyAlignment="0" applyProtection="0"/>
    <xf numFmtId="0" fontId="1" fillId="0" borderId="0"/>
  </cellStyleXfs>
  <cellXfs count="1466">
    <xf numFmtId="0" fontId="0" fillId="0" borderId="0" xfId="0"/>
    <xf numFmtId="0" fontId="2" fillId="0" borderId="0" xfId="0" applyFont="1" applyFill="1"/>
    <xf numFmtId="0" fontId="4" fillId="0" borderId="0" xfId="0" applyFont="1" applyFill="1"/>
    <xf numFmtId="0" fontId="4" fillId="0" borderId="0" xfId="0" applyFont="1"/>
    <xf numFmtId="0" fontId="4" fillId="0" borderId="1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textRotation="255"/>
    </xf>
    <xf numFmtId="0" fontId="4" fillId="0" borderId="0" xfId="0" applyFont="1" applyFill="1" applyBorder="1"/>
    <xf numFmtId="0" fontId="4" fillId="0" borderId="11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0" fontId="4" fillId="0" borderId="12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center"/>
    </xf>
    <xf numFmtId="0" fontId="4" fillId="0" borderId="0" xfId="0" applyFont="1" applyFill="1" applyBorder="1" applyAlignment="1"/>
    <xf numFmtId="176" fontId="4" fillId="0" borderId="11" xfId="0" applyNumberFormat="1" applyFont="1" applyFill="1" applyBorder="1"/>
    <xf numFmtId="176" fontId="4" fillId="0" borderId="0" xfId="0" applyNumberFormat="1" applyFont="1" applyFill="1" applyBorder="1"/>
    <xf numFmtId="176" fontId="4" fillId="0" borderId="12" xfId="0" applyNumberFormat="1" applyFont="1" applyFill="1" applyBorder="1"/>
    <xf numFmtId="0" fontId="4" fillId="0" borderId="5" xfId="0" applyFont="1" applyFill="1" applyBorder="1" applyAlignment="1">
      <alignment horizontal="center" vertical="center" textRotation="255"/>
    </xf>
    <xf numFmtId="0" fontId="4" fillId="0" borderId="14" xfId="0" applyFont="1" applyFill="1" applyBorder="1"/>
    <xf numFmtId="0" fontId="4" fillId="0" borderId="10" xfId="0" applyFont="1" applyFill="1" applyBorder="1" applyAlignment="1">
      <alignment horizontal="right"/>
    </xf>
    <xf numFmtId="0" fontId="4" fillId="0" borderId="14" xfId="0" applyFont="1" applyFill="1" applyBorder="1" applyAlignment="1">
      <alignment horizontal="right"/>
    </xf>
    <xf numFmtId="177" fontId="4" fillId="0" borderId="11" xfId="0" applyNumberFormat="1" applyFont="1" applyFill="1" applyBorder="1" applyAlignment="1">
      <alignment horizontal="right"/>
    </xf>
    <xf numFmtId="177" fontId="4" fillId="0" borderId="0" xfId="0" applyNumberFormat="1" applyFont="1" applyFill="1" applyBorder="1"/>
    <xf numFmtId="177" fontId="4" fillId="0" borderId="11" xfId="0" applyNumberFormat="1" applyFont="1" applyFill="1" applyBorder="1"/>
    <xf numFmtId="0" fontId="4" fillId="0" borderId="19" xfId="0" applyFont="1" applyFill="1" applyBorder="1" applyAlignment="1">
      <alignment horizontal="center" vertical="center" textRotation="255"/>
    </xf>
    <xf numFmtId="0" fontId="4" fillId="0" borderId="0" xfId="0" applyFont="1" applyFill="1" applyBorder="1" applyAlignment="1">
      <alignment vertical="top" textRotation="255"/>
    </xf>
    <xf numFmtId="0" fontId="4" fillId="0" borderId="1" xfId="0" applyFont="1" applyFill="1" applyBorder="1"/>
    <xf numFmtId="0" fontId="4" fillId="0" borderId="3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right"/>
    </xf>
    <xf numFmtId="0" fontId="4" fillId="0" borderId="2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 vertical="top"/>
    </xf>
    <xf numFmtId="176" fontId="4" fillId="0" borderId="0" xfId="1" applyNumberFormat="1" applyFont="1" applyFill="1" applyBorder="1"/>
    <xf numFmtId="0" fontId="4" fillId="0" borderId="5" xfId="0" applyFont="1" applyFill="1" applyBorder="1" applyAlignment="1">
      <alignment vertical="top" textRotation="255"/>
    </xf>
    <xf numFmtId="0" fontId="4" fillId="0" borderId="9" xfId="0" applyFont="1" applyFill="1" applyBorder="1" applyAlignment="1">
      <alignment horizontal="right"/>
    </xf>
    <xf numFmtId="0" fontId="4" fillId="0" borderId="1" xfId="0" applyFont="1" applyFill="1" applyBorder="1" applyAlignment="1">
      <alignment horizontal="center" vertical="center" textRotation="255"/>
    </xf>
    <xf numFmtId="0" fontId="4" fillId="0" borderId="1" xfId="0" applyFont="1" applyFill="1" applyBorder="1" applyAlignment="1">
      <alignment vertical="top" textRotation="255"/>
    </xf>
    <xf numFmtId="177" fontId="4" fillId="0" borderId="1" xfId="0" applyNumberFormat="1" applyFont="1" applyFill="1" applyBorder="1"/>
    <xf numFmtId="0" fontId="4" fillId="0" borderId="0" xfId="0" applyFont="1" applyBorder="1"/>
    <xf numFmtId="0" fontId="4" fillId="0" borderId="0" xfId="0" applyFont="1" applyFill="1" applyBorder="1" applyAlignment="1">
      <alignment wrapText="1"/>
    </xf>
    <xf numFmtId="0" fontId="4" fillId="0" borderId="25" xfId="0" applyFont="1" applyFill="1" applyBorder="1" applyAlignment="1">
      <alignment horizontal="center" vertical="center"/>
    </xf>
    <xf numFmtId="177" fontId="4" fillId="0" borderId="10" xfId="0" applyNumberFormat="1" applyFont="1" applyFill="1" applyBorder="1"/>
    <xf numFmtId="177" fontId="4" fillId="0" borderId="14" xfId="0" applyNumberFormat="1" applyFont="1" applyFill="1" applyBorder="1"/>
    <xf numFmtId="177" fontId="4" fillId="0" borderId="9" xfId="0" applyNumberFormat="1" applyFont="1" applyFill="1" applyBorder="1"/>
    <xf numFmtId="177" fontId="4" fillId="0" borderId="13" xfId="0" applyNumberFormat="1" applyFont="1" applyFill="1" applyBorder="1"/>
    <xf numFmtId="177" fontId="4" fillId="0" borderId="12" xfId="0" applyNumberFormat="1" applyFont="1" applyFill="1" applyBorder="1"/>
    <xf numFmtId="177" fontId="4" fillId="0" borderId="7" xfId="0" applyNumberFormat="1" applyFont="1" applyFill="1" applyBorder="1"/>
    <xf numFmtId="177" fontId="4" fillId="0" borderId="5" xfId="0" applyNumberFormat="1" applyFont="1" applyFill="1" applyBorder="1"/>
    <xf numFmtId="177" fontId="4" fillId="0" borderId="6" xfId="0" applyNumberFormat="1" applyFont="1" applyFill="1" applyBorder="1"/>
    <xf numFmtId="0" fontId="4" fillId="0" borderId="26" xfId="0" applyFont="1" applyFill="1" applyBorder="1" applyAlignment="1">
      <alignment horizontal="right" vertical="top"/>
    </xf>
    <xf numFmtId="0" fontId="4" fillId="0" borderId="14" xfId="0" applyFont="1" applyFill="1" applyBorder="1" applyAlignment="1"/>
    <xf numFmtId="177" fontId="4" fillId="0" borderId="26" xfId="0" applyNumberFormat="1" applyFont="1" applyFill="1" applyBorder="1"/>
    <xf numFmtId="0" fontId="4" fillId="0" borderId="12" xfId="0" applyFont="1" applyFill="1" applyBorder="1" applyAlignment="1">
      <alignment vertical="top" textRotation="255"/>
    </xf>
    <xf numFmtId="0" fontId="4" fillId="0" borderId="19" xfId="0" applyFont="1" applyFill="1" applyBorder="1" applyAlignment="1">
      <alignment vertical="top" textRotation="255"/>
    </xf>
    <xf numFmtId="0" fontId="4" fillId="0" borderId="27" xfId="0" applyFont="1" applyFill="1" applyBorder="1" applyAlignment="1"/>
    <xf numFmtId="177" fontId="4" fillId="0" borderId="18" xfId="0" applyNumberFormat="1" applyFont="1" applyFill="1" applyBorder="1"/>
    <xf numFmtId="177" fontId="4" fillId="0" borderId="27" xfId="0" applyNumberFormat="1" applyFont="1" applyFill="1" applyBorder="1"/>
    <xf numFmtId="177" fontId="4" fillId="0" borderId="17" xfId="0" applyNumberFormat="1" applyFont="1" applyFill="1" applyBorder="1"/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0" xfId="0" applyFont="1" applyFill="1" applyBorder="1" applyAlignment="1">
      <alignment horizontal="center"/>
    </xf>
    <xf numFmtId="0" fontId="4" fillId="0" borderId="0" xfId="3"/>
    <xf numFmtId="0" fontId="4" fillId="0" borderId="1" xfId="3" applyBorder="1" applyAlignment="1">
      <alignment horizontal="center"/>
    </xf>
    <xf numFmtId="0" fontId="4" fillId="0" borderId="3" xfId="3" applyBorder="1" applyAlignment="1">
      <alignment horizontal="center"/>
    </xf>
    <xf numFmtId="0" fontId="4" fillId="0" borderId="0" xfId="3" applyBorder="1"/>
    <xf numFmtId="0" fontId="4" fillId="0" borderId="0" xfId="3" applyBorder="1" applyAlignment="1">
      <alignment horizontal="center"/>
    </xf>
    <xf numFmtId="0" fontId="4" fillId="0" borderId="11" xfId="3" applyBorder="1" applyAlignment="1">
      <alignment horizontal="center"/>
    </xf>
    <xf numFmtId="0" fontId="4" fillId="0" borderId="5" xfId="3" applyBorder="1" applyAlignment="1">
      <alignment horizontal="center"/>
    </xf>
    <xf numFmtId="0" fontId="4" fillId="0" borderId="8" xfId="3" applyBorder="1" applyAlignment="1">
      <alignment horizontal="center"/>
    </xf>
    <xf numFmtId="0" fontId="4" fillId="0" borderId="28" xfId="3" applyBorder="1" applyAlignment="1">
      <alignment horizontal="center"/>
    </xf>
    <xf numFmtId="0" fontId="4" fillId="0" borderId="29" xfId="3" applyBorder="1" applyAlignment="1">
      <alignment horizontal="center"/>
    </xf>
    <xf numFmtId="0" fontId="4" fillId="0" borderId="30" xfId="3" applyBorder="1" applyAlignment="1">
      <alignment horizontal="center"/>
    </xf>
    <xf numFmtId="0" fontId="4" fillId="0" borderId="26" xfId="3" applyBorder="1" applyAlignment="1">
      <alignment horizontal="center"/>
    </xf>
    <xf numFmtId="0" fontId="8" fillId="0" borderId="10" xfId="3" applyFont="1" applyBorder="1" applyAlignment="1">
      <alignment horizontal="right"/>
    </xf>
    <xf numFmtId="0" fontId="8" fillId="0" borderId="14" xfId="3" applyFont="1" applyBorder="1" applyAlignment="1">
      <alignment horizontal="right"/>
    </xf>
    <xf numFmtId="0" fontId="8" fillId="0" borderId="26" xfId="3" applyFont="1" applyBorder="1" applyAlignment="1">
      <alignment horizontal="right"/>
    </xf>
    <xf numFmtId="0" fontId="4" fillId="0" borderId="0" xfId="3" applyAlignment="1">
      <alignment horizontal="center"/>
    </xf>
    <xf numFmtId="0" fontId="4" fillId="0" borderId="12" xfId="3" applyFont="1" applyBorder="1" applyAlignment="1">
      <alignment horizontal="center"/>
    </xf>
    <xf numFmtId="3" fontId="9" fillId="0" borderId="11" xfId="3" applyNumberFormat="1" applyFont="1" applyBorder="1" applyAlignment="1"/>
    <xf numFmtId="177" fontId="9" fillId="0" borderId="0" xfId="3" applyNumberFormat="1" applyFont="1" applyBorder="1" applyAlignment="1">
      <alignment horizontal="right" wrapText="1"/>
    </xf>
    <xf numFmtId="3" fontId="9" fillId="0" borderId="11" xfId="3" applyNumberFormat="1" applyFont="1" applyBorder="1" applyAlignment="1">
      <alignment wrapText="1"/>
    </xf>
    <xf numFmtId="177" fontId="9" fillId="0" borderId="12" xfId="3" applyNumberFormat="1" applyFont="1" applyBorder="1" applyAlignment="1">
      <alignment horizontal="right" wrapText="1"/>
    </xf>
    <xf numFmtId="178" fontId="9" fillId="0" borderId="12" xfId="3" applyNumberFormat="1" applyFont="1" applyBorder="1" applyAlignment="1">
      <alignment horizontal="right" wrapText="1"/>
    </xf>
    <xf numFmtId="0" fontId="4" fillId="0" borderId="31" xfId="3" applyFont="1" applyBorder="1" applyAlignment="1"/>
    <xf numFmtId="3" fontId="4" fillId="0" borderId="32" xfId="3" applyNumberFormat="1" applyFont="1" applyBorder="1" applyAlignment="1">
      <alignment wrapText="1"/>
    </xf>
    <xf numFmtId="178" fontId="4" fillId="0" borderId="31" xfId="4" applyNumberFormat="1" applyFont="1" applyBorder="1" applyAlignment="1">
      <alignment wrapText="1"/>
    </xf>
    <xf numFmtId="177" fontId="4" fillId="0" borderId="31" xfId="3" applyNumberFormat="1" applyFont="1" applyBorder="1" applyAlignment="1">
      <alignment wrapText="1"/>
    </xf>
    <xf numFmtId="0" fontId="4" fillId="0" borderId="12" xfId="3" applyFont="1" applyBorder="1" applyAlignment="1"/>
    <xf numFmtId="3" fontId="4" fillId="0" borderId="11" xfId="3" applyNumberFormat="1" applyFont="1" applyBorder="1" applyAlignment="1">
      <alignment wrapText="1"/>
    </xf>
    <xf numFmtId="178" fontId="4" fillId="0" borderId="12" xfId="4" applyNumberFormat="1" applyFont="1" applyBorder="1" applyAlignment="1">
      <alignment wrapText="1"/>
    </xf>
    <xf numFmtId="177" fontId="4" fillId="0" borderId="12" xfId="3" applyNumberFormat="1" applyFont="1" applyBorder="1" applyAlignment="1">
      <alignment wrapText="1"/>
    </xf>
    <xf numFmtId="3" fontId="4" fillId="0" borderId="11" xfId="3" applyNumberFormat="1" applyFont="1" applyBorder="1" applyAlignment="1"/>
    <xf numFmtId="0" fontId="4" fillId="0" borderId="33" xfId="3" applyFont="1" applyBorder="1" applyAlignment="1"/>
    <xf numFmtId="3" fontId="4" fillId="0" borderId="34" xfId="3" applyNumberFormat="1" applyFont="1" applyBorder="1" applyAlignment="1">
      <alignment wrapText="1"/>
    </xf>
    <xf numFmtId="178" fontId="4" fillId="0" borderId="33" xfId="4" applyNumberFormat="1" applyFont="1" applyBorder="1" applyAlignment="1">
      <alignment wrapText="1"/>
    </xf>
    <xf numFmtId="177" fontId="4" fillId="0" borderId="33" xfId="3" applyNumberFormat="1" applyFont="1" applyBorder="1" applyAlignment="1">
      <alignment wrapText="1"/>
    </xf>
    <xf numFmtId="0" fontId="4" fillId="0" borderId="35" xfId="3" applyFont="1" applyBorder="1" applyAlignment="1">
      <alignment horizontal="center"/>
    </xf>
    <xf numFmtId="3" fontId="4" fillId="0" borderId="36" xfId="3" applyNumberFormat="1" applyFont="1" applyBorder="1" applyAlignment="1">
      <alignment wrapText="1"/>
    </xf>
    <xf numFmtId="178" fontId="4" fillId="0" borderId="37" xfId="4" applyNumberFormat="1" applyFont="1" applyBorder="1" applyAlignment="1">
      <alignment wrapText="1"/>
    </xf>
    <xf numFmtId="0" fontId="4" fillId="0" borderId="36" xfId="3" applyFont="1" applyBorder="1" applyAlignment="1">
      <alignment wrapText="1"/>
    </xf>
    <xf numFmtId="38" fontId="4" fillId="0" borderId="36" xfId="1" applyFont="1" applyBorder="1" applyAlignment="1">
      <alignment wrapText="1"/>
    </xf>
    <xf numFmtId="177" fontId="4" fillId="0" borderId="35" xfId="3" applyNumberFormat="1" applyFont="1" applyBorder="1" applyAlignment="1">
      <alignment wrapText="1"/>
    </xf>
    <xf numFmtId="0" fontId="4" fillId="0" borderId="17" xfId="3" applyBorder="1" applyAlignment="1">
      <alignment horizontal="center"/>
    </xf>
    <xf numFmtId="0" fontId="4" fillId="0" borderId="19" xfId="3" applyFont="1" applyBorder="1" applyAlignment="1">
      <alignment horizontal="center"/>
    </xf>
    <xf numFmtId="3" fontId="4" fillId="0" borderId="18" xfId="3" applyNumberFormat="1" applyFont="1" applyBorder="1" applyAlignment="1">
      <alignment wrapText="1"/>
    </xf>
    <xf numFmtId="177" fontId="4" fillId="0" borderId="38" xfId="3" applyNumberFormat="1" applyFont="1" applyBorder="1" applyAlignment="1">
      <alignment horizontal="right" wrapText="1"/>
    </xf>
    <xf numFmtId="177" fontId="4" fillId="0" borderId="19" xfId="3" applyNumberFormat="1" applyFont="1" applyBorder="1" applyAlignment="1">
      <alignment horizontal="right" wrapText="1"/>
    </xf>
    <xf numFmtId="177" fontId="4" fillId="0" borderId="37" xfId="3" applyNumberFormat="1" applyFont="1" applyBorder="1" applyAlignment="1">
      <alignment wrapText="1"/>
    </xf>
    <xf numFmtId="177" fontId="4" fillId="0" borderId="0" xfId="3" applyNumberFormat="1" applyFont="1" applyBorder="1" applyAlignment="1">
      <alignment wrapText="1"/>
    </xf>
    <xf numFmtId="177" fontId="4" fillId="0" borderId="39" xfId="3" applyNumberFormat="1" applyFont="1" applyBorder="1" applyAlignment="1">
      <alignment wrapText="1"/>
    </xf>
    <xf numFmtId="177" fontId="4" fillId="0" borderId="40" xfId="3" applyNumberFormat="1" applyFont="1" applyBorder="1" applyAlignment="1">
      <alignment wrapText="1"/>
    </xf>
    <xf numFmtId="177" fontId="4" fillId="0" borderId="27" xfId="3" applyNumberFormat="1" applyFont="1" applyBorder="1" applyAlignment="1">
      <alignment horizontal="right" wrapText="1"/>
    </xf>
    <xf numFmtId="0" fontId="4" fillId="0" borderId="26" xfId="3" applyFont="1" applyBorder="1" applyAlignment="1">
      <alignment horizontal="center"/>
    </xf>
    <xf numFmtId="177" fontId="9" fillId="0" borderId="1" xfId="3" applyNumberFormat="1" applyFont="1" applyBorder="1" applyAlignment="1">
      <alignment horizontal="right" wrapText="1"/>
    </xf>
    <xf numFmtId="3" fontId="9" fillId="0" borderId="3" xfId="3" applyNumberFormat="1" applyFont="1" applyBorder="1" applyAlignment="1">
      <alignment wrapText="1"/>
    </xf>
    <xf numFmtId="177" fontId="9" fillId="0" borderId="4" xfId="3" applyNumberFormat="1" applyFont="1" applyBorder="1" applyAlignment="1">
      <alignment horizontal="right" wrapText="1"/>
    </xf>
    <xf numFmtId="178" fontId="9" fillId="0" borderId="4" xfId="3" applyNumberFormat="1" applyFont="1" applyBorder="1" applyAlignment="1">
      <alignment horizontal="right" wrapText="1"/>
    </xf>
    <xf numFmtId="178" fontId="4" fillId="0" borderId="31" xfId="3" applyNumberFormat="1" applyFont="1" applyBorder="1" applyAlignment="1">
      <alignment wrapText="1"/>
    </xf>
    <xf numFmtId="178" fontId="4" fillId="0" borderId="12" xfId="3" applyNumberFormat="1" applyFont="1" applyBorder="1" applyAlignment="1">
      <alignment wrapText="1"/>
    </xf>
    <xf numFmtId="178" fontId="4" fillId="0" borderId="33" xfId="3" applyNumberFormat="1" applyFont="1" applyBorder="1" applyAlignment="1">
      <alignment wrapText="1"/>
    </xf>
    <xf numFmtId="178" fontId="4" fillId="0" borderId="35" xfId="3" applyNumberFormat="1" applyFont="1" applyBorder="1" applyAlignment="1">
      <alignment wrapText="1"/>
    </xf>
    <xf numFmtId="178" fontId="4" fillId="0" borderId="19" xfId="3" applyNumberFormat="1" applyFont="1" applyBorder="1" applyAlignment="1">
      <alignment horizontal="right" wrapText="1"/>
    </xf>
    <xf numFmtId="0" fontId="11" fillId="0" borderId="0" xfId="5" applyFont="1"/>
    <xf numFmtId="0" fontId="11" fillId="0" borderId="41" xfId="5" applyFont="1" applyFill="1" applyBorder="1" applyAlignment="1">
      <alignment horizontal="center" vertical="center"/>
    </xf>
    <xf numFmtId="0" fontId="13" fillId="0" borderId="28" xfId="5" applyFont="1" applyBorder="1" applyAlignment="1">
      <alignment horizontal="center" vertical="center" wrapText="1"/>
    </xf>
    <xf numFmtId="0" fontId="13" fillId="0" borderId="29" xfId="5" applyFont="1" applyFill="1" applyBorder="1" applyAlignment="1">
      <alignment horizontal="center" vertical="center" wrapText="1"/>
    </xf>
    <xf numFmtId="0" fontId="11" fillId="0" borderId="7" xfId="5" applyFont="1" applyBorder="1" applyAlignment="1">
      <alignment horizontal="center" vertical="center"/>
    </xf>
    <xf numFmtId="0" fontId="11" fillId="0" borderId="8" xfId="5" applyFont="1" applyBorder="1" applyAlignment="1">
      <alignment horizontal="center" vertical="center" wrapText="1"/>
    </xf>
    <xf numFmtId="0" fontId="11" fillId="0" borderId="8" xfId="5" quotePrefix="1" applyFont="1" applyBorder="1" applyAlignment="1">
      <alignment horizontal="center" vertical="center" wrapText="1"/>
    </xf>
    <xf numFmtId="0" fontId="13" fillId="0" borderId="7" xfId="5" applyFont="1" applyBorder="1" applyAlignment="1">
      <alignment horizontal="center" vertical="center" wrapText="1"/>
    </xf>
    <xf numFmtId="0" fontId="11" fillId="0" borderId="7" xfId="5" applyBorder="1" applyAlignment="1">
      <alignment horizontal="center" vertical="center"/>
    </xf>
    <xf numFmtId="0" fontId="11" fillId="0" borderId="5" xfId="5" applyFill="1" applyBorder="1" applyAlignment="1">
      <alignment horizontal="center" vertical="center"/>
    </xf>
    <xf numFmtId="0" fontId="11" fillId="0" borderId="0" xfId="5"/>
    <xf numFmtId="0" fontId="11" fillId="0" borderId="0" xfId="5" quotePrefix="1" applyFont="1" applyBorder="1" applyAlignment="1">
      <alignment horizontal="center" vertical="center"/>
    </xf>
    <xf numFmtId="0" fontId="11" fillId="0" borderId="12" xfId="5" applyFont="1" applyBorder="1" applyAlignment="1">
      <alignment horizontal="right" vertical="center"/>
    </xf>
    <xf numFmtId="0" fontId="11" fillId="0" borderId="10" xfId="5" applyFont="1" applyBorder="1" applyAlignment="1">
      <alignment horizontal="right" vertical="center" wrapText="1"/>
    </xf>
    <xf numFmtId="0" fontId="11" fillId="0" borderId="0" xfId="5" applyFont="1" applyBorder="1" applyAlignment="1">
      <alignment horizontal="right" vertical="center" wrapText="1"/>
    </xf>
    <xf numFmtId="0" fontId="13" fillId="0" borderId="10" xfId="5" applyFont="1" applyBorder="1" applyAlignment="1">
      <alignment horizontal="center" vertical="center" wrapText="1"/>
    </xf>
    <xf numFmtId="0" fontId="11" fillId="0" borderId="11" xfId="5" applyBorder="1" applyAlignment="1">
      <alignment horizontal="center" vertical="center"/>
    </xf>
    <xf numFmtId="0" fontId="11" fillId="0" borderId="0" xfId="5" applyFill="1" applyBorder="1" applyAlignment="1">
      <alignment horizontal="center" vertical="center"/>
    </xf>
    <xf numFmtId="179" fontId="11" fillId="0" borderId="12" xfId="5" quotePrefix="1" applyNumberFormat="1" applyFont="1" applyFill="1" applyBorder="1" applyAlignment="1">
      <alignment horizontal="right"/>
    </xf>
    <xf numFmtId="179" fontId="11" fillId="0" borderId="11" xfId="5" quotePrefix="1" applyNumberFormat="1" applyFont="1" applyFill="1" applyBorder="1" applyAlignment="1">
      <alignment horizontal="right"/>
    </xf>
    <xf numFmtId="179" fontId="11" fillId="0" borderId="0" xfId="5" quotePrefix="1" applyNumberFormat="1" applyFont="1" applyFill="1" applyBorder="1" applyAlignment="1">
      <alignment horizontal="right"/>
    </xf>
    <xf numFmtId="177" fontId="11" fillId="0" borderId="11" xfId="5" applyNumberFormat="1" applyFill="1" applyBorder="1"/>
    <xf numFmtId="177" fontId="11" fillId="0" borderId="0" xfId="5" applyNumberFormat="1" applyFill="1" applyBorder="1"/>
    <xf numFmtId="0" fontId="11" fillId="0" borderId="0" xfId="5" applyFill="1"/>
    <xf numFmtId="0" fontId="11" fillId="0" borderId="0" xfId="5" quotePrefix="1" applyBorder="1" applyAlignment="1">
      <alignment horizontal="right"/>
    </xf>
    <xf numFmtId="0" fontId="11" fillId="0" borderId="0" xfId="5" applyFont="1" applyBorder="1" applyAlignment="1">
      <alignment horizontal="left"/>
    </xf>
    <xf numFmtId="0" fontId="11" fillId="0" borderId="0" xfId="5" quotePrefix="1" applyFont="1" applyBorder="1" applyAlignment="1">
      <alignment horizontal="right"/>
    </xf>
    <xf numFmtId="0" fontId="11" fillId="0" borderId="0" xfId="5" quotePrefix="1" applyFont="1" applyBorder="1" applyAlignment="1">
      <alignment horizontal="left"/>
    </xf>
    <xf numFmtId="56" fontId="11" fillId="0" borderId="0" xfId="5" quotePrefix="1" applyNumberFormat="1" applyFont="1" applyBorder="1" applyAlignment="1">
      <alignment horizontal="right"/>
    </xf>
    <xf numFmtId="56" fontId="11" fillId="0" borderId="0" xfId="5" quotePrefix="1" applyNumberFormat="1" applyFont="1" applyBorder="1" applyAlignment="1">
      <alignment horizontal="left"/>
    </xf>
    <xf numFmtId="177" fontId="11" fillId="0" borderId="0" xfId="5" applyNumberFormat="1" applyFill="1" applyBorder="1" applyAlignment="1">
      <alignment vertical="top"/>
    </xf>
    <xf numFmtId="179" fontId="11" fillId="0" borderId="11" xfId="5" applyNumberFormat="1" applyFont="1" applyFill="1" applyBorder="1"/>
    <xf numFmtId="179" fontId="11" fillId="0" borderId="0" xfId="5" applyNumberFormat="1" applyFont="1" applyFill="1" applyBorder="1"/>
    <xf numFmtId="177" fontId="11" fillId="0" borderId="0" xfId="5" applyNumberFormat="1" applyFill="1" applyBorder="1" applyAlignment="1"/>
    <xf numFmtId="179" fontId="11" fillId="0" borderId="7" xfId="5" applyNumberFormat="1" applyFont="1" applyFill="1" applyBorder="1"/>
    <xf numFmtId="177" fontId="11" fillId="0" borderId="7" xfId="5" applyNumberFormat="1" applyFill="1" applyBorder="1"/>
    <xf numFmtId="177" fontId="11" fillId="0" borderId="11" xfId="5" applyNumberFormat="1" applyFill="1" applyBorder="1" applyAlignment="1">
      <alignment horizontal="right"/>
    </xf>
    <xf numFmtId="178" fontId="11" fillId="0" borderId="0" xfId="5" applyNumberFormat="1" applyFill="1" applyBorder="1" applyAlignment="1">
      <alignment horizontal="right"/>
    </xf>
    <xf numFmtId="0" fontId="11" fillId="0" borderId="14" xfId="5" applyBorder="1" applyAlignment="1">
      <alignment horizontal="right"/>
    </xf>
    <xf numFmtId="0" fontId="11" fillId="0" borderId="9" xfId="5" applyBorder="1" applyAlignment="1">
      <alignment horizontal="left"/>
    </xf>
    <xf numFmtId="179" fontId="11" fillId="0" borderId="14" xfId="5" applyNumberFormat="1" applyFill="1" applyBorder="1" applyAlignment="1">
      <alignment horizontal="right"/>
    </xf>
    <xf numFmtId="179" fontId="11" fillId="0" borderId="11" xfId="5" applyNumberFormat="1" applyFill="1" applyBorder="1" applyAlignment="1">
      <alignment horizontal="right"/>
    </xf>
    <xf numFmtId="177" fontId="11" fillId="0" borderId="10" xfId="5" applyNumberFormat="1" applyFill="1" applyBorder="1"/>
    <xf numFmtId="178" fontId="11" fillId="0" borderId="14" xfId="5" applyNumberFormat="1" applyFill="1" applyBorder="1"/>
    <xf numFmtId="0" fontId="11" fillId="0" borderId="0" xfId="5" applyBorder="1" applyAlignment="1">
      <alignment horizontal="right"/>
    </xf>
    <xf numFmtId="0" fontId="11" fillId="0" borderId="13" xfId="5" applyBorder="1" applyAlignment="1">
      <alignment horizontal="left"/>
    </xf>
    <xf numFmtId="179" fontId="11" fillId="0" borderId="0" xfId="5" applyNumberFormat="1" applyFill="1" applyBorder="1" applyAlignment="1">
      <alignment horizontal="right"/>
    </xf>
    <xf numFmtId="178" fontId="11" fillId="0" borderId="0" xfId="5" applyNumberFormat="1" applyFill="1" applyBorder="1"/>
    <xf numFmtId="179" fontId="11" fillId="0" borderId="27" xfId="5" applyNumberFormat="1" applyFill="1" applyBorder="1" applyAlignment="1">
      <alignment horizontal="right"/>
    </xf>
    <xf numFmtId="179" fontId="11" fillId="0" borderId="18" xfId="5" applyNumberFormat="1" applyFill="1" applyBorder="1" applyAlignment="1">
      <alignment horizontal="right"/>
    </xf>
    <xf numFmtId="177" fontId="11" fillId="0" borderId="18" xfId="5" applyNumberFormat="1" applyFill="1" applyBorder="1"/>
    <xf numFmtId="178" fontId="11" fillId="0" borderId="27" xfId="5" applyNumberFormat="1" applyFill="1" applyBorder="1"/>
    <xf numFmtId="179" fontId="11" fillId="0" borderId="0" xfId="5" applyNumberFormat="1"/>
    <xf numFmtId="0" fontId="12" fillId="0" borderId="0" xfId="5" applyFont="1" applyAlignment="1">
      <alignment horizontal="left"/>
    </xf>
    <xf numFmtId="0" fontId="11" fillId="0" borderId="3" xfId="5" applyBorder="1" applyAlignment="1">
      <alignment horizontal="center" vertical="center"/>
    </xf>
    <xf numFmtId="0" fontId="11" fillId="0" borderId="8" xfId="5" applyFill="1" applyBorder="1" applyAlignment="1">
      <alignment horizontal="center" vertical="center"/>
    </xf>
    <xf numFmtId="0" fontId="11" fillId="0" borderId="0" xfId="5" applyBorder="1"/>
    <xf numFmtId="0" fontId="11" fillId="0" borderId="13" xfId="5" applyBorder="1"/>
    <xf numFmtId="0" fontId="11" fillId="0" borderId="11" xfId="5" applyBorder="1" applyAlignment="1">
      <alignment horizontal="right"/>
    </xf>
    <xf numFmtId="0" fontId="11" fillId="0" borderId="10" xfId="5" applyBorder="1" applyAlignment="1">
      <alignment horizontal="right"/>
    </xf>
    <xf numFmtId="0" fontId="11" fillId="0" borderId="0" xfId="5" applyFill="1" applyBorder="1" applyAlignment="1">
      <alignment horizontal="right"/>
    </xf>
    <xf numFmtId="180" fontId="11" fillId="0" borderId="11" xfId="5" applyNumberFormat="1" applyFill="1" applyBorder="1"/>
    <xf numFmtId="180" fontId="11" fillId="0" borderId="0" xfId="5" applyNumberFormat="1" applyFill="1" applyBorder="1"/>
    <xf numFmtId="180" fontId="11" fillId="0" borderId="11" xfId="5" applyNumberFormat="1" applyBorder="1"/>
    <xf numFmtId="180" fontId="11" fillId="0" borderId="0" xfId="5" applyNumberFormat="1" applyBorder="1"/>
    <xf numFmtId="0" fontId="11" fillId="0" borderId="27" xfId="5" applyBorder="1" applyAlignment="1">
      <alignment horizontal="right"/>
    </xf>
    <xf numFmtId="0" fontId="11" fillId="0" borderId="17" xfId="5" applyBorder="1" applyAlignment="1">
      <alignment horizontal="left"/>
    </xf>
    <xf numFmtId="180" fontId="11" fillId="0" borderId="18" xfId="5" applyNumberFormat="1" applyBorder="1"/>
    <xf numFmtId="180" fontId="11" fillId="0" borderId="27" xfId="5" applyNumberFormat="1" applyBorder="1"/>
    <xf numFmtId="180" fontId="11" fillId="0" borderId="18" xfId="5" applyNumberFormat="1" applyFill="1" applyBorder="1"/>
    <xf numFmtId="180" fontId="11" fillId="0" borderId="27" xfId="5" applyNumberFormat="1" applyFill="1" applyBorder="1"/>
    <xf numFmtId="0" fontId="11" fillId="0" borderId="1" xfId="5" applyBorder="1" applyAlignment="1">
      <alignment horizontal="right"/>
    </xf>
    <xf numFmtId="0" fontId="11" fillId="0" borderId="1" xfId="5" applyBorder="1" applyAlignment="1">
      <alignment horizontal="left"/>
    </xf>
    <xf numFmtId="0" fontId="11" fillId="0" borderId="1" xfId="5" applyBorder="1"/>
    <xf numFmtId="0" fontId="11" fillId="0" borderId="1" xfId="5" applyFill="1" applyBorder="1"/>
    <xf numFmtId="0" fontId="5" fillId="0" borderId="0" xfId="0" applyFont="1"/>
    <xf numFmtId="0" fontId="7" fillId="0" borderId="1" xfId="0" applyFont="1" applyBorder="1"/>
    <xf numFmtId="0" fontId="7" fillId="0" borderId="0" xfId="0" applyFont="1"/>
    <xf numFmtId="0" fontId="7" fillId="0" borderId="0" xfId="0" applyFont="1" applyAlignment="1">
      <alignment horizontal="distributed"/>
    </xf>
    <xf numFmtId="0" fontId="7" fillId="0" borderId="14" xfId="0" applyFont="1" applyBorder="1" applyAlignment="1">
      <alignment horizontal="center"/>
    </xf>
    <xf numFmtId="0" fontId="7" fillId="0" borderId="5" xfId="0" applyFont="1" applyBorder="1"/>
    <xf numFmtId="0" fontId="7" fillId="0" borderId="5" xfId="0" applyFont="1" applyBorder="1" applyAlignment="1">
      <alignment horizontal="center"/>
    </xf>
    <xf numFmtId="0" fontId="7" fillId="0" borderId="9" xfId="0" applyFont="1" applyBorder="1" applyAlignment="1">
      <alignment horizontal="center" vertical="top" textRotation="255"/>
    </xf>
    <xf numFmtId="0" fontId="7" fillId="0" borderId="26" xfId="0" applyFont="1" applyBorder="1" applyAlignment="1">
      <alignment horizontal="center" vertical="center" textRotation="255"/>
    </xf>
    <xf numFmtId="0" fontId="7" fillId="0" borderId="14" xfId="0" applyFont="1" applyBorder="1" applyAlignment="1">
      <alignment horizontal="right"/>
    </xf>
    <xf numFmtId="0" fontId="7" fillId="0" borderId="9" xfId="0" applyFont="1" applyBorder="1" applyAlignment="1">
      <alignment horizontal="right"/>
    </xf>
    <xf numFmtId="0" fontId="7" fillId="0" borderId="12" xfId="0" applyFont="1" applyBorder="1" applyAlignment="1">
      <alignment horizontal="right"/>
    </xf>
    <xf numFmtId="0" fontId="7" fillId="0" borderId="0" xfId="0" applyFont="1" applyAlignment="1">
      <alignment horizontal="right"/>
    </xf>
    <xf numFmtId="0" fontId="16" fillId="0" borderId="13" xfId="0" applyFont="1" applyBorder="1" applyAlignment="1">
      <alignment horizontal="center" vertical="top"/>
    </xf>
    <xf numFmtId="0" fontId="7" fillId="0" borderId="12" xfId="0" applyFont="1" applyBorder="1" applyAlignment="1">
      <alignment horizontal="center" vertical="center"/>
    </xf>
    <xf numFmtId="0" fontId="17" fillId="0" borderId="0" xfId="0" applyFont="1" applyBorder="1" applyAlignment="1">
      <alignment horizontal="distributed" wrapText="1"/>
    </xf>
    <xf numFmtId="0" fontId="17" fillId="0" borderId="13" xfId="0" applyFont="1" applyBorder="1"/>
    <xf numFmtId="179" fontId="17" fillId="0" borderId="12" xfId="0" applyNumberFormat="1" applyFont="1" applyBorder="1" applyAlignment="1">
      <alignment horizontal="right"/>
    </xf>
    <xf numFmtId="179" fontId="17" fillId="0" borderId="0" xfId="0" applyNumberFormat="1" applyFont="1" applyAlignment="1">
      <alignment horizontal="right"/>
    </xf>
    <xf numFmtId="181" fontId="17" fillId="0" borderId="12" xfId="0" applyNumberFormat="1" applyFont="1" applyBorder="1" applyAlignment="1">
      <alignment horizontal="right"/>
    </xf>
    <xf numFmtId="181" fontId="17" fillId="0" borderId="0" xfId="0" applyNumberFormat="1" applyFont="1" applyAlignment="1">
      <alignment horizontal="right"/>
    </xf>
    <xf numFmtId="0" fontId="7" fillId="0" borderId="0" xfId="0" applyFont="1" applyBorder="1"/>
    <xf numFmtId="0" fontId="7" fillId="0" borderId="13" xfId="0" applyFont="1" applyBorder="1"/>
    <xf numFmtId="38" fontId="7" fillId="0" borderId="12" xfId="1" applyFont="1" applyBorder="1" applyAlignment="1"/>
    <xf numFmtId="38" fontId="7" fillId="0" borderId="0" xfId="1" applyFont="1" applyAlignment="1"/>
    <xf numFmtId="181" fontId="7" fillId="0" borderId="12" xfId="0" applyNumberFormat="1" applyFont="1" applyBorder="1" applyAlignment="1">
      <alignment horizontal="right"/>
    </xf>
    <xf numFmtId="181" fontId="7" fillId="0" borderId="0" xfId="0" applyNumberFormat="1" applyFont="1" applyAlignment="1">
      <alignment horizontal="right"/>
    </xf>
    <xf numFmtId="0" fontId="7" fillId="0" borderId="0" xfId="0" applyFont="1" applyBorder="1" applyAlignment="1">
      <alignment horizontal="distributed"/>
    </xf>
    <xf numFmtId="0" fontId="7" fillId="0" borderId="13" xfId="0" applyFont="1" applyBorder="1" applyAlignment="1">
      <alignment horizontal="distributed"/>
    </xf>
    <xf numFmtId="0" fontId="7" fillId="0" borderId="12" xfId="0" applyFont="1" applyBorder="1" applyAlignment="1">
      <alignment horizontal="center" vertical="center" textRotation="255"/>
    </xf>
    <xf numFmtId="0" fontId="7" fillId="0" borderId="4" xfId="0" applyFont="1" applyBorder="1" applyAlignment="1">
      <alignment horizontal="center" vertical="center" textRotation="255"/>
    </xf>
    <xf numFmtId="0" fontId="7" fillId="0" borderId="1" xfId="0" applyFont="1" applyBorder="1" applyAlignment="1">
      <alignment horizontal="right"/>
    </xf>
    <xf numFmtId="0" fontId="7" fillId="0" borderId="2" xfId="0" applyFont="1" applyBorder="1" applyAlignment="1">
      <alignment horizontal="right"/>
    </xf>
    <xf numFmtId="0" fontId="7" fillId="0" borderId="4" xfId="0" applyFont="1" applyBorder="1" applyAlignment="1">
      <alignment horizontal="right"/>
    </xf>
    <xf numFmtId="177" fontId="17" fillId="0" borderId="0" xfId="0" applyNumberFormat="1" applyFont="1" applyAlignment="1">
      <alignment horizontal="right"/>
    </xf>
    <xf numFmtId="177" fontId="7" fillId="0" borderId="0" xfId="0" applyNumberFormat="1" applyFont="1" applyAlignment="1">
      <alignment horizontal="right"/>
    </xf>
    <xf numFmtId="179" fontId="7" fillId="0" borderId="12" xfId="0" applyNumberFormat="1" applyFont="1" applyBorder="1" applyAlignment="1">
      <alignment horizontal="right"/>
    </xf>
    <xf numFmtId="179" fontId="7" fillId="0" borderId="0" xfId="0" applyNumberFormat="1" applyFont="1" applyAlignment="1">
      <alignment horizontal="right"/>
    </xf>
    <xf numFmtId="177" fontId="7" fillId="0" borderId="12" xfId="0" applyNumberFormat="1" applyFont="1" applyBorder="1" applyAlignment="1">
      <alignment horizontal="right"/>
    </xf>
    <xf numFmtId="0" fontId="7" fillId="0" borderId="1" xfId="0" applyFont="1" applyFill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5" fillId="0" borderId="0" xfId="0" applyFont="1" applyFill="1"/>
    <xf numFmtId="0" fontId="16" fillId="0" borderId="0" xfId="0" applyFont="1" applyFill="1" applyBorder="1" applyAlignment="1">
      <alignment horizontal="center" vertical="center"/>
    </xf>
    <xf numFmtId="179" fontId="17" fillId="0" borderId="0" xfId="0" applyNumberFormat="1" applyFont="1" applyBorder="1" applyAlignment="1">
      <alignment horizontal="right"/>
    </xf>
    <xf numFmtId="0" fontId="17" fillId="0" borderId="12" xfId="0" applyFont="1" applyBorder="1" applyAlignment="1">
      <alignment horizontal="right"/>
    </xf>
    <xf numFmtId="0" fontId="16" fillId="0" borderId="0" xfId="0" applyFont="1" applyFill="1" applyAlignment="1">
      <alignment horizontal="center" vertical="center" textRotation="255"/>
    </xf>
    <xf numFmtId="0" fontId="7" fillId="0" borderId="0" xfId="0" applyFont="1" applyBorder="1" applyAlignment="1">
      <alignment horizontal="right"/>
    </xf>
    <xf numFmtId="0" fontId="7" fillId="0" borderId="12" xfId="0" applyFont="1" applyBorder="1"/>
    <xf numFmtId="0" fontId="16" fillId="0" borderId="0" xfId="0" applyFont="1" applyFill="1" applyAlignment="1">
      <alignment horizontal="center" vertical="center"/>
    </xf>
    <xf numFmtId="179" fontId="7" fillId="0" borderId="0" xfId="0" applyNumberFormat="1" applyFont="1" applyBorder="1" applyAlignment="1">
      <alignment horizontal="right"/>
    </xf>
    <xf numFmtId="179" fontId="7" fillId="0" borderId="13" xfId="0" applyNumberFormat="1" applyFont="1" applyBorder="1" applyAlignment="1">
      <alignment horizontal="right"/>
    </xf>
    <xf numFmtId="181" fontId="7" fillId="0" borderId="0" xfId="0" applyNumberFormat="1" applyFont="1"/>
    <xf numFmtId="0" fontId="7" fillId="0" borderId="0" xfId="0" applyFont="1" applyFill="1" applyAlignment="1">
      <alignment horizontal="center" vertical="center"/>
    </xf>
    <xf numFmtId="0" fontId="7" fillId="0" borderId="27" xfId="0" applyFont="1" applyFill="1" applyBorder="1" applyAlignment="1">
      <alignment horizontal="center" vertical="center"/>
    </xf>
    <xf numFmtId="0" fontId="7" fillId="0" borderId="19" xfId="0" applyFont="1" applyBorder="1" applyAlignment="1">
      <alignment horizontal="center" vertical="center"/>
    </xf>
    <xf numFmtId="0" fontId="7" fillId="0" borderId="27" xfId="0" applyFont="1" applyBorder="1" applyAlignment="1">
      <alignment horizontal="distributed"/>
    </xf>
    <xf numFmtId="0" fontId="7" fillId="0" borderId="17" xfId="0" applyFont="1" applyBorder="1" applyAlignment="1">
      <alignment horizontal="distributed"/>
    </xf>
    <xf numFmtId="179" fontId="7" fillId="0" borderId="19" xfId="0" applyNumberFormat="1" applyFont="1" applyBorder="1" applyAlignment="1">
      <alignment horizontal="right"/>
    </xf>
    <xf numFmtId="179" fontId="7" fillId="0" borderId="27" xfId="0" applyNumberFormat="1" applyFont="1" applyBorder="1" applyAlignment="1">
      <alignment horizontal="right"/>
    </xf>
    <xf numFmtId="177" fontId="7" fillId="0" borderId="19" xfId="0" applyNumberFormat="1" applyFont="1" applyBorder="1" applyAlignment="1">
      <alignment horizontal="right"/>
    </xf>
    <xf numFmtId="177" fontId="7" fillId="0" borderId="27" xfId="0" applyNumberFormat="1" applyFont="1" applyBorder="1" applyAlignment="1">
      <alignment horizontal="right"/>
    </xf>
    <xf numFmtId="0" fontId="7" fillId="0" borderId="13" xfId="0" applyFont="1" applyFill="1" applyBorder="1" applyAlignment="1">
      <alignment horizontal="center" vertical="center"/>
    </xf>
    <xf numFmtId="0" fontId="7" fillId="0" borderId="10" xfId="0" applyFont="1" applyBorder="1" applyAlignment="1">
      <alignment horizontal="center"/>
    </xf>
    <xf numFmtId="0" fontId="7" fillId="0" borderId="26" xfId="0" applyFont="1" applyBorder="1" applyAlignment="1">
      <alignment horizontal="center"/>
    </xf>
    <xf numFmtId="0" fontId="7" fillId="0" borderId="11" xfId="0" applyFont="1" applyBorder="1"/>
    <xf numFmtId="0" fontId="7" fillId="0" borderId="11" xfId="0" applyFont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0" xfId="0" applyFont="1" applyBorder="1" applyAlignment="1">
      <alignment horizontal="right"/>
    </xf>
    <xf numFmtId="0" fontId="7" fillId="0" borderId="26" xfId="0" applyFont="1" applyBorder="1" applyAlignment="1">
      <alignment horizontal="right"/>
    </xf>
    <xf numFmtId="0" fontId="17" fillId="0" borderId="0" xfId="0" applyFont="1" applyBorder="1"/>
    <xf numFmtId="0" fontId="17" fillId="0" borderId="11" xfId="0" applyFont="1" applyBorder="1"/>
    <xf numFmtId="180" fontId="17" fillId="0" borderId="11" xfId="0" applyNumberFormat="1" applyFont="1" applyBorder="1"/>
    <xf numFmtId="180" fontId="17" fillId="0" borderId="12" xfId="0" applyNumberFormat="1" applyFont="1" applyBorder="1"/>
    <xf numFmtId="0" fontId="18" fillId="0" borderId="0" xfId="0" applyFont="1"/>
    <xf numFmtId="182" fontId="7" fillId="0" borderId="11" xfId="0" applyNumberFormat="1" applyFont="1" applyBorder="1"/>
    <xf numFmtId="180" fontId="16" fillId="0" borderId="11" xfId="0" applyNumberFormat="1" applyFont="1" applyBorder="1"/>
    <xf numFmtId="182" fontId="7" fillId="0" borderId="11" xfId="0" applyNumberFormat="1" applyFont="1" applyBorder="1" applyAlignment="1">
      <alignment horizontal="right"/>
    </xf>
    <xf numFmtId="182" fontId="16" fillId="0" borderId="11" xfId="0" applyNumberFormat="1" applyFont="1" applyBorder="1" applyAlignment="1">
      <alignment horizontal="right"/>
    </xf>
    <xf numFmtId="182" fontId="7" fillId="0" borderId="12" xfId="0" applyNumberFormat="1" applyFont="1" applyBorder="1" applyAlignment="1">
      <alignment horizontal="right"/>
    </xf>
    <xf numFmtId="180" fontId="7" fillId="0" borderId="0" xfId="0" applyNumberFormat="1" applyFont="1" applyBorder="1"/>
    <xf numFmtId="180" fontId="7" fillId="0" borderId="11" xfId="0" applyNumberFormat="1" applyFont="1" applyBorder="1"/>
    <xf numFmtId="180" fontId="7" fillId="0" borderId="12" xfId="0" applyNumberFormat="1" applyFont="1" applyBorder="1"/>
    <xf numFmtId="182" fontId="7" fillId="0" borderId="18" xfId="0" applyNumberFormat="1" applyFont="1" applyBorder="1"/>
    <xf numFmtId="180" fontId="7" fillId="0" borderId="18" xfId="0" applyNumberFormat="1" applyFont="1" applyBorder="1"/>
    <xf numFmtId="180" fontId="7" fillId="0" borderId="19" xfId="0" applyNumberFormat="1" applyFont="1" applyBorder="1"/>
    <xf numFmtId="0" fontId="19" fillId="0" borderId="0" xfId="0" applyFont="1"/>
    <xf numFmtId="0" fontId="22" fillId="0" borderId="27" xfId="5" applyFont="1" applyBorder="1"/>
    <xf numFmtId="0" fontId="20" fillId="0" borderId="0" xfId="5" applyFont="1"/>
    <xf numFmtId="0" fontId="12" fillId="0" borderId="0" xfId="5" applyFont="1"/>
    <xf numFmtId="0" fontId="12" fillId="0" borderId="0" xfId="5" applyFont="1" applyBorder="1"/>
    <xf numFmtId="0" fontId="25" fillId="0" borderId="12" xfId="5" applyFont="1" applyBorder="1"/>
    <xf numFmtId="0" fontId="12" fillId="0" borderId="11" xfId="5" applyFont="1" applyBorder="1" applyAlignment="1">
      <alignment horizontal="right"/>
    </xf>
    <xf numFmtId="0" fontId="12" fillId="0" borderId="12" xfId="5" applyFont="1" applyBorder="1" applyAlignment="1">
      <alignment horizontal="right"/>
    </xf>
    <xf numFmtId="0" fontId="12" fillId="0" borderId="0" xfId="5" applyFont="1" applyBorder="1" applyAlignment="1">
      <alignment horizontal="right"/>
    </xf>
    <xf numFmtId="0" fontId="23" fillId="0" borderId="12" xfId="5" applyFont="1" applyBorder="1" applyAlignment="1">
      <alignment horizontal="center"/>
    </xf>
    <xf numFmtId="38" fontId="23" fillId="0" borderId="11" xfId="6" applyFont="1" applyFill="1" applyBorder="1"/>
    <xf numFmtId="38" fontId="23" fillId="0" borderId="12" xfId="6" applyFont="1" applyFill="1" applyBorder="1"/>
    <xf numFmtId="38" fontId="23" fillId="0" borderId="0" xfId="6" applyFont="1" applyFill="1" applyBorder="1"/>
    <xf numFmtId="38" fontId="12" fillId="0" borderId="0" xfId="5" applyNumberFormat="1" applyFont="1"/>
    <xf numFmtId="0" fontId="25" fillId="0" borderId="33" xfId="5" applyFont="1" applyBorder="1"/>
    <xf numFmtId="38" fontId="12" fillId="0" borderId="34" xfId="6" applyFont="1" applyFill="1" applyBorder="1"/>
    <xf numFmtId="0" fontId="12" fillId="0" borderId="33" xfId="5" applyFont="1" applyFill="1" applyBorder="1"/>
    <xf numFmtId="0" fontId="12" fillId="0" borderId="34" xfId="5" applyFont="1" applyFill="1" applyBorder="1"/>
    <xf numFmtId="0" fontId="12" fillId="0" borderId="39" xfId="5" applyFont="1" applyFill="1" applyBorder="1"/>
    <xf numFmtId="0" fontId="12" fillId="0" borderId="0" xfId="5" applyFont="1" applyBorder="1" applyAlignment="1">
      <alignment horizontal="center"/>
    </xf>
    <xf numFmtId="0" fontId="23" fillId="0" borderId="12" xfId="5" applyFont="1" applyBorder="1"/>
    <xf numFmtId="38" fontId="12" fillId="0" borderId="11" xfId="6" applyFont="1" applyFill="1" applyBorder="1"/>
    <xf numFmtId="38" fontId="12" fillId="0" borderId="12" xfId="5" applyNumberFormat="1" applyFont="1" applyFill="1" applyBorder="1"/>
    <xf numFmtId="38" fontId="12" fillId="0" borderId="32" xfId="5" applyNumberFormat="1" applyFont="1" applyFill="1" applyBorder="1"/>
    <xf numFmtId="38" fontId="12" fillId="0" borderId="0" xfId="5" applyNumberFormat="1" applyFont="1" applyFill="1" applyBorder="1"/>
    <xf numFmtId="38" fontId="12" fillId="0" borderId="11" xfId="5" applyNumberFormat="1" applyFont="1" applyFill="1" applyBorder="1"/>
    <xf numFmtId="38" fontId="12" fillId="0" borderId="31" xfId="5" applyNumberFormat="1" applyFont="1" applyFill="1" applyBorder="1"/>
    <xf numFmtId="0" fontId="26" fillId="0" borderId="0" xfId="5" applyFont="1" applyBorder="1" applyAlignment="1">
      <alignment horizontal="center"/>
    </xf>
    <xf numFmtId="0" fontId="23" fillId="0" borderId="33" xfId="5" applyFont="1" applyBorder="1"/>
    <xf numFmtId="38" fontId="12" fillId="0" borderId="13" xfId="5" applyNumberFormat="1" applyFont="1" applyFill="1" applyBorder="1"/>
    <xf numFmtId="38" fontId="12" fillId="0" borderId="32" xfId="6" applyFont="1" applyFill="1" applyBorder="1"/>
    <xf numFmtId="38" fontId="12" fillId="0" borderId="37" xfId="5" applyNumberFormat="1" applyFont="1" applyFill="1" applyBorder="1"/>
    <xf numFmtId="38" fontId="12" fillId="0" borderId="33" xfId="5" applyNumberFormat="1" applyFont="1" applyFill="1" applyBorder="1"/>
    <xf numFmtId="38" fontId="12" fillId="0" borderId="34" xfId="5" applyNumberFormat="1" applyFont="1" applyFill="1" applyBorder="1"/>
    <xf numFmtId="38" fontId="12" fillId="0" borderId="39" xfId="5" applyNumberFormat="1" applyFont="1" applyFill="1" applyBorder="1"/>
    <xf numFmtId="0" fontId="24" fillId="0" borderId="0" xfId="5" applyFont="1" applyBorder="1" applyAlignment="1">
      <alignment horizontal="center"/>
    </xf>
    <xf numFmtId="0" fontId="23" fillId="0" borderId="33" xfId="5" applyFont="1" applyBorder="1" applyAlignment="1">
      <alignment horizontal="center"/>
    </xf>
    <xf numFmtId="38" fontId="12" fillId="0" borderId="35" xfId="5" applyNumberFormat="1" applyFont="1" applyFill="1" applyBorder="1"/>
    <xf numFmtId="38" fontId="12" fillId="0" borderId="36" xfId="5" applyNumberFormat="1" applyFont="1" applyFill="1" applyBorder="1"/>
    <xf numFmtId="38" fontId="12" fillId="0" borderId="40" xfId="5" applyNumberFormat="1" applyFont="1" applyFill="1" applyBorder="1"/>
    <xf numFmtId="0" fontId="23" fillId="0" borderId="8" xfId="5" applyFont="1" applyBorder="1" applyAlignment="1">
      <alignment horizontal="center"/>
    </xf>
    <xf numFmtId="38" fontId="12" fillId="0" borderId="43" xfId="6" applyFont="1" applyFill="1" applyBorder="1"/>
    <xf numFmtId="38" fontId="12" fillId="0" borderId="8" xfId="5" applyNumberFormat="1" applyFont="1" applyFill="1" applyBorder="1"/>
    <xf numFmtId="38" fontId="12" fillId="0" borderId="7" xfId="5" applyNumberFormat="1" applyFont="1" applyFill="1" applyBorder="1"/>
    <xf numFmtId="38" fontId="12" fillId="0" borderId="5" xfId="5" applyNumberFormat="1" applyFont="1" applyFill="1" applyBorder="1"/>
    <xf numFmtId="0" fontId="23" fillId="0" borderId="12" xfId="5" applyFont="1" applyBorder="1" applyAlignment="1">
      <alignment horizontal="left"/>
    </xf>
    <xf numFmtId="0" fontId="12" fillId="0" borderId="27" xfId="5" applyFont="1" applyBorder="1"/>
    <xf numFmtId="0" fontId="23" fillId="0" borderId="19" xfId="5" applyFont="1" applyBorder="1" applyAlignment="1">
      <alignment horizontal="left"/>
    </xf>
    <xf numFmtId="38" fontId="12" fillId="0" borderId="18" xfId="6" applyFont="1" applyFill="1" applyBorder="1"/>
    <xf numFmtId="38" fontId="12" fillId="0" borderId="19" xfId="5" applyNumberFormat="1" applyFont="1" applyFill="1" applyBorder="1"/>
    <xf numFmtId="38" fontId="12" fillId="0" borderId="18" xfId="5" applyNumberFormat="1" applyFont="1" applyFill="1" applyBorder="1"/>
    <xf numFmtId="38" fontId="12" fillId="0" borderId="27" xfId="5" applyNumberFormat="1" applyFont="1" applyFill="1" applyBorder="1"/>
    <xf numFmtId="38" fontId="23" fillId="2" borderId="11" xfId="6" applyFont="1" applyFill="1" applyBorder="1"/>
    <xf numFmtId="38" fontId="23" fillId="2" borderId="12" xfId="6" applyFont="1" applyFill="1" applyBorder="1"/>
    <xf numFmtId="38" fontId="23" fillId="2" borderId="0" xfId="6" applyFont="1" applyFill="1" applyBorder="1"/>
    <xf numFmtId="38" fontId="12" fillId="2" borderId="34" xfId="6" applyFont="1" applyFill="1" applyBorder="1"/>
    <xf numFmtId="0" fontId="28" fillId="0" borderId="39" xfId="5" applyFont="1" applyBorder="1"/>
    <xf numFmtId="0" fontId="28" fillId="0" borderId="34" xfId="5" applyFont="1" applyBorder="1"/>
    <xf numFmtId="0" fontId="28" fillId="0" borderId="33" xfId="5" applyFont="1" applyBorder="1"/>
    <xf numFmtId="38" fontId="12" fillId="2" borderId="11" xfId="6" applyFont="1" applyFill="1" applyBorder="1"/>
    <xf numFmtId="38" fontId="12" fillId="0" borderId="11" xfId="6" applyFont="1" applyBorder="1"/>
    <xf numFmtId="38" fontId="12" fillId="0" borderId="12" xfId="6" applyFont="1" applyBorder="1"/>
    <xf numFmtId="0" fontId="29" fillId="0" borderId="0" xfId="5" applyFont="1"/>
    <xf numFmtId="38" fontId="12" fillId="0" borderId="34" xfId="6" applyFont="1" applyBorder="1"/>
    <xf numFmtId="38" fontId="12" fillId="0" borderId="33" xfId="6" applyFont="1" applyBorder="1"/>
    <xf numFmtId="38" fontId="12" fillId="2" borderId="32" xfId="6" applyFont="1" applyFill="1" applyBorder="1"/>
    <xf numFmtId="38" fontId="12" fillId="0" borderId="32" xfId="6" applyFont="1" applyBorder="1"/>
    <xf numFmtId="38" fontId="12" fillId="0" borderId="31" xfId="6" applyFont="1" applyBorder="1"/>
    <xf numFmtId="38" fontId="12" fillId="0" borderId="36" xfId="6" applyFont="1" applyBorder="1"/>
    <xf numFmtId="38" fontId="12" fillId="0" borderId="35" xfId="6" applyFont="1" applyBorder="1"/>
    <xf numFmtId="38" fontId="12" fillId="2" borderId="43" xfId="6" applyFont="1" applyFill="1" applyBorder="1"/>
    <xf numFmtId="38" fontId="12" fillId="0" borderId="7" xfId="6" applyFont="1" applyBorder="1"/>
    <xf numFmtId="38" fontId="12" fillId="0" borderId="8" xfId="6" applyFont="1" applyBorder="1"/>
    <xf numFmtId="38" fontId="12" fillId="2" borderId="18" xfId="6" applyFont="1" applyFill="1" applyBorder="1"/>
    <xf numFmtId="38" fontId="12" fillId="0" borderId="18" xfId="6" applyFont="1" applyBorder="1"/>
    <xf numFmtId="38" fontId="12" fillId="0" borderId="19" xfId="6" applyFont="1" applyBorder="1"/>
    <xf numFmtId="0" fontId="22" fillId="0" borderId="0" xfId="5" applyFont="1"/>
    <xf numFmtId="0" fontId="23" fillId="0" borderId="35" xfId="5" applyFont="1" applyBorder="1" applyAlignment="1">
      <alignment horizontal="center"/>
    </xf>
    <xf numFmtId="38" fontId="12" fillId="0" borderId="36" xfId="6" applyFont="1" applyFill="1" applyBorder="1"/>
    <xf numFmtId="0" fontId="26" fillId="0" borderId="1" xfId="5" applyFont="1" applyBorder="1" applyAlignment="1">
      <alignment horizontal="center"/>
    </xf>
    <xf numFmtId="0" fontId="11" fillId="0" borderId="26" xfId="5" applyBorder="1"/>
    <xf numFmtId="0" fontId="11" fillId="0" borderId="14" xfId="5" applyBorder="1"/>
    <xf numFmtId="0" fontId="11" fillId="0" borderId="9" xfId="5" applyBorder="1"/>
    <xf numFmtId="38" fontId="12" fillId="0" borderId="32" xfId="5" applyNumberFormat="1" applyFont="1" applyBorder="1" applyAlignment="1">
      <alignment horizontal="right"/>
    </xf>
    <xf numFmtId="38" fontId="12" fillId="0" borderId="32" xfId="5" applyNumberFormat="1" applyFont="1" applyBorder="1"/>
    <xf numFmtId="38" fontId="12" fillId="0" borderId="31" xfId="5" applyNumberFormat="1" applyFont="1" applyBorder="1"/>
    <xf numFmtId="38" fontId="12" fillId="0" borderId="11" xfId="5" applyNumberFormat="1" applyFont="1" applyBorder="1" applyAlignment="1">
      <alignment horizontal="right"/>
    </xf>
    <xf numFmtId="38" fontId="12" fillId="0" borderId="0" xfId="5" applyNumberFormat="1" applyFont="1" applyBorder="1"/>
    <xf numFmtId="38" fontId="12" fillId="0" borderId="11" xfId="5" applyNumberFormat="1" applyFont="1" applyBorder="1"/>
    <xf numFmtId="38" fontId="12" fillId="0" borderId="12" xfId="5" applyNumberFormat="1" applyFont="1" applyBorder="1"/>
    <xf numFmtId="38" fontId="12" fillId="0" borderId="37" xfId="5" applyNumberFormat="1" applyFont="1" applyBorder="1"/>
    <xf numFmtId="38" fontId="12" fillId="0" borderId="11" xfId="5" quotePrefix="1" applyNumberFormat="1" applyFont="1" applyBorder="1" applyAlignment="1">
      <alignment horizontal="right"/>
    </xf>
    <xf numFmtId="38" fontId="12" fillId="2" borderId="36" xfId="6" applyFont="1" applyFill="1" applyBorder="1"/>
    <xf numFmtId="38" fontId="12" fillId="0" borderId="36" xfId="5" applyNumberFormat="1" applyFont="1" applyBorder="1" applyAlignment="1">
      <alignment horizontal="right"/>
    </xf>
    <xf numFmtId="38" fontId="12" fillId="0" borderId="40" xfId="5" applyNumberFormat="1" applyFont="1" applyBorder="1"/>
    <xf numFmtId="38" fontId="12" fillId="0" borderId="36" xfId="5" applyNumberFormat="1" applyFont="1" applyBorder="1"/>
    <xf numFmtId="38" fontId="12" fillId="0" borderId="35" xfId="5" applyNumberFormat="1" applyFont="1" applyBorder="1"/>
    <xf numFmtId="0" fontId="26" fillId="0" borderId="27" xfId="5" applyFont="1" applyBorder="1" applyAlignment="1">
      <alignment horizontal="center"/>
    </xf>
    <xf numFmtId="0" fontId="23" fillId="0" borderId="19" xfId="5" applyFont="1" applyBorder="1" applyAlignment="1">
      <alignment horizontal="center"/>
    </xf>
    <xf numFmtId="38" fontId="12" fillId="0" borderId="18" xfId="5" applyNumberFormat="1" applyFont="1" applyBorder="1" applyAlignment="1">
      <alignment horizontal="right"/>
    </xf>
    <xf numFmtId="38" fontId="12" fillId="0" borderId="27" xfId="5" applyNumberFormat="1" applyFont="1" applyBorder="1"/>
    <xf numFmtId="38" fontId="12" fillId="0" borderId="18" xfId="5" applyNumberFormat="1" applyFont="1" applyBorder="1"/>
    <xf numFmtId="38" fontId="12" fillId="0" borderId="19" xfId="5" applyNumberFormat="1" applyFont="1" applyBorder="1"/>
    <xf numFmtId="38" fontId="11" fillId="0" borderId="0" xfId="5" applyNumberFormat="1"/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41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1" xfId="0" applyBorder="1" applyAlignment="1">
      <alignment horizontal="distributed" vertical="center"/>
    </xf>
    <xf numFmtId="177" fontId="0" fillId="0" borderId="11" xfId="0" applyNumberFormat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0" xfId="0" applyAlignment="1">
      <alignment horizontal="distributed" vertical="center" shrinkToFit="1"/>
    </xf>
    <xf numFmtId="0" fontId="0" fillId="0" borderId="11" xfId="0" applyBorder="1" applyAlignment="1">
      <alignment horizontal="distributed" vertical="center" shrinkToFit="1"/>
    </xf>
    <xf numFmtId="0" fontId="0" fillId="0" borderId="0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distributed" vertical="center" shrinkToFit="1"/>
    </xf>
    <xf numFmtId="177" fontId="0" fillId="0" borderId="18" xfId="0" applyNumberForma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30" fillId="0" borderId="0" xfId="0" applyFont="1"/>
    <xf numFmtId="0" fontId="0" fillId="0" borderId="1" xfId="0" applyBorder="1" applyAlignment="1">
      <alignment horizontal="center" vertical="center"/>
    </xf>
    <xf numFmtId="177" fontId="0" fillId="0" borderId="1" xfId="0" applyNumberFormat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177" fontId="0" fillId="0" borderId="0" xfId="0" applyNumberFormat="1" applyBorder="1" applyAlignment="1">
      <alignment horizontal="center" vertical="center"/>
    </xf>
    <xf numFmtId="0" fontId="0" fillId="0" borderId="17" xfId="0" applyFill="1" applyBorder="1" applyAlignment="1">
      <alignment horizontal="center" vertical="center"/>
    </xf>
    <xf numFmtId="0" fontId="0" fillId="0" borderId="18" xfId="0" applyFill="1" applyBorder="1" applyAlignment="1">
      <alignment horizontal="distributed" vertical="center" shrinkToFit="1"/>
    </xf>
    <xf numFmtId="177" fontId="0" fillId="0" borderId="18" xfId="0" applyNumberFormat="1" applyFill="1" applyBorder="1" applyAlignment="1">
      <alignment horizontal="center" vertical="center"/>
    </xf>
    <xf numFmtId="0" fontId="0" fillId="0" borderId="19" xfId="0" applyBorder="1" applyAlignment="1">
      <alignment horizontal="center"/>
    </xf>
    <xf numFmtId="0" fontId="0" fillId="0" borderId="1" xfId="0" applyFill="1" applyBorder="1" applyAlignment="1">
      <alignment horizontal="center" vertical="center" shrinkToFit="1"/>
    </xf>
    <xf numFmtId="177" fontId="0" fillId="0" borderId="1" xfId="0" applyNumberFormat="1" applyFill="1" applyBorder="1" applyAlignment="1">
      <alignment horizontal="center" vertical="center"/>
    </xf>
    <xf numFmtId="0" fontId="0" fillId="0" borderId="1" xfId="0" applyBorder="1" applyAlignment="1">
      <alignment horizontal="center"/>
    </xf>
    <xf numFmtId="0" fontId="0" fillId="0" borderId="0" xfId="0" applyBorder="1"/>
    <xf numFmtId="0" fontId="0" fillId="0" borderId="18" xfId="0" applyBorder="1" applyAlignment="1">
      <alignment horizontal="distributed" vertical="center"/>
    </xf>
    <xf numFmtId="180" fontId="0" fillId="0" borderId="11" xfId="0" applyNumberFormat="1" applyBorder="1" applyAlignment="1">
      <alignment horizontal="center" vertical="center"/>
    </xf>
    <xf numFmtId="180" fontId="0" fillId="0" borderId="0" xfId="0" applyNumberFormat="1" applyAlignment="1">
      <alignment horizontal="center" vertical="center"/>
    </xf>
    <xf numFmtId="180" fontId="0" fillId="0" borderId="0" xfId="0" applyNumberFormat="1" applyAlignment="1">
      <alignment horizontal="center"/>
    </xf>
    <xf numFmtId="0" fontId="0" fillId="0" borderId="0" xfId="0" applyBorder="1" applyAlignment="1">
      <alignment horizontal="center" vertical="center" shrinkToFit="1"/>
    </xf>
    <xf numFmtId="180" fontId="0" fillId="0" borderId="18" xfId="0" applyNumberFormat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180" fontId="0" fillId="0" borderId="18" xfId="0" applyNumberFormat="1" applyBorder="1" applyAlignment="1">
      <alignment horizontal="center"/>
    </xf>
    <xf numFmtId="180" fontId="0" fillId="0" borderId="0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180" fontId="0" fillId="0" borderId="1" xfId="0" applyNumberFormat="1" applyBorder="1" applyAlignment="1">
      <alignment horizontal="center" vertical="center"/>
    </xf>
    <xf numFmtId="0" fontId="31" fillId="0" borderId="0" xfId="5" applyFont="1" applyFill="1" applyAlignment="1">
      <alignment horizontal="left" vertical="center"/>
    </xf>
    <xf numFmtId="0" fontId="32" fillId="0" borderId="0" xfId="5" applyFont="1" applyFill="1"/>
    <xf numFmtId="0" fontId="33" fillId="0" borderId="0" xfId="5" applyFont="1" applyFill="1" applyAlignment="1">
      <alignment horizontal="left" vertical="center"/>
    </xf>
    <xf numFmtId="0" fontId="34" fillId="0" borderId="0" xfId="5" applyFont="1" applyFill="1"/>
    <xf numFmtId="0" fontId="35" fillId="0" borderId="1" xfId="5" applyFont="1" applyFill="1" applyBorder="1"/>
    <xf numFmtId="0" fontId="36" fillId="0" borderId="41" xfId="5" applyFont="1" applyFill="1" applyBorder="1" applyAlignment="1">
      <alignment horizontal="distributed" vertical="center"/>
    </xf>
    <xf numFmtId="56" fontId="36" fillId="0" borderId="23" xfId="5" applyNumberFormat="1" applyFont="1" applyFill="1" applyBorder="1" applyAlignment="1">
      <alignment horizontal="left" vertical="center"/>
    </xf>
    <xf numFmtId="56" fontId="35" fillId="0" borderId="23" xfId="5" applyNumberFormat="1" applyFont="1" applyFill="1" applyBorder="1" applyAlignment="1">
      <alignment horizontal="distributed" vertical="center"/>
    </xf>
    <xf numFmtId="0" fontId="35" fillId="0" borderId="23" xfId="5" applyFont="1" applyFill="1" applyBorder="1" applyAlignment="1">
      <alignment horizontal="distributed" vertical="center"/>
    </xf>
    <xf numFmtId="0" fontId="35" fillId="0" borderId="24" xfId="5" applyFont="1" applyFill="1" applyBorder="1" applyAlignment="1">
      <alignment horizontal="distributed" vertical="center"/>
    </xf>
    <xf numFmtId="0" fontId="35" fillId="0" borderId="23" xfId="5" applyFont="1" applyFill="1" applyBorder="1" applyAlignment="1">
      <alignment vertical="center"/>
    </xf>
    <xf numFmtId="0" fontId="35" fillId="0" borderId="25" xfId="5" applyFont="1" applyFill="1" applyBorder="1" applyAlignment="1">
      <alignment horizontal="distributed" vertical="center"/>
    </xf>
    <xf numFmtId="0" fontId="36" fillId="0" borderId="23" xfId="5" applyFont="1" applyFill="1" applyBorder="1" applyAlignment="1">
      <alignment horizontal="left" vertical="center"/>
    </xf>
    <xf numFmtId="0" fontId="37" fillId="0" borderId="23" xfId="5" applyFont="1" applyFill="1" applyBorder="1"/>
    <xf numFmtId="0" fontId="35" fillId="0" borderId="24" xfId="5" applyFont="1" applyFill="1" applyBorder="1" applyAlignment="1">
      <alignment vertical="center"/>
    </xf>
    <xf numFmtId="0" fontId="38" fillId="0" borderId="1" xfId="5" applyFont="1" applyFill="1" applyBorder="1" applyAlignment="1">
      <alignment horizontal="center" vertical="center"/>
    </xf>
    <xf numFmtId="0" fontId="38" fillId="0" borderId="4" xfId="5" applyFont="1" applyFill="1" applyBorder="1" applyAlignment="1">
      <alignment horizontal="center" vertical="center"/>
    </xf>
    <xf numFmtId="0" fontId="36" fillId="0" borderId="5" xfId="5" applyFont="1" applyFill="1" applyBorder="1" applyAlignment="1">
      <alignment horizontal="distributed" vertical="center"/>
    </xf>
    <xf numFmtId="0" fontId="35" fillId="0" borderId="7" xfId="5" applyFont="1" applyFill="1" applyBorder="1" applyAlignment="1">
      <alignment horizontal="center" vertical="center"/>
    </xf>
    <xf numFmtId="0" fontId="35" fillId="0" borderId="7" xfId="5" applyFont="1" applyFill="1" applyBorder="1" applyAlignment="1">
      <alignment horizontal="distributed" vertical="center"/>
    </xf>
    <xf numFmtId="0" fontId="38" fillId="0" borderId="7" xfId="5" applyFont="1" applyFill="1" applyBorder="1" applyAlignment="1">
      <alignment horizontal="center" vertical="center"/>
    </xf>
    <xf numFmtId="0" fontId="35" fillId="0" borderId="6" xfId="5" applyFont="1" applyFill="1" applyBorder="1" applyAlignment="1">
      <alignment horizontal="center" vertical="center"/>
    </xf>
    <xf numFmtId="0" fontId="38" fillId="0" borderId="8" xfId="5" applyFont="1" applyFill="1" applyBorder="1" applyAlignment="1">
      <alignment horizontal="center" vertical="center"/>
    </xf>
    <xf numFmtId="0" fontId="36" fillId="0" borderId="7" xfId="5" applyFont="1" applyFill="1" applyBorder="1" applyAlignment="1">
      <alignment horizontal="right" vertical="center"/>
    </xf>
    <xf numFmtId="0" fontId="36" fillId="0" borderId="7" xfId="5" applyFont="1" applyFill="1" applyBorder="1" applyAlignment="1">
      <alignment horizontal="center" vertical="center"/>
    </xf>
    <xf numFmtId="0" fontId="36" fillId="0" borderId="6" xfId="5" applyFont="1" applyFill="1" applyBorder="1" applyAlignment="1">
      <alignment horizontal="center" vertical="center"/>
    </xf>
    <xf numFmtId="0" fontId="36" fillId="0" borderId="5" xfId="5" applyFont="1" applyFill="1" applyBorder="1" applyAlignment="1">
      <alignment horizontal="center" vertical="center"/>
    </xf>
    <xf numFmtId="0" fontId="39" fillId="0" borderId="0" xfId="5" applyFont="1" applyFill="1"/>
    <xf numFmtId="0" fontId="40" fillId="0" borderId="0" xfId="5" applyFont="1" applyFill="1" applyBorder="1"/>
    <xf numFmtId="0" fontId="40" fillId="0" borderId="11" xfId="5" applyFont="1" applyFill="1" applyBorder="1" applyAlignment="1">
      <alignment horizontal="right" vertical="center"/>
    </xf>
    <xf numFmtId="0" fontId="40" fillId="0" borderId="13" xfId="5" applyFont="1" applyFill="1" applyBorder="1" applyAlignment="1">
      <alignment horizontal="right" vertical="center"/>
    </xf>
    <xf numFmtId="0" fontId="40" fillId="0" borderId="12" xfId="5" applyFont="1" applyFill="1" applyBorder="1" applyAlignment="1">
      <alignment horizontal="right" vertical="center"/>
    </xf>
    <xf numFmtId="0" fontId="40" fillId="0" borderId="0" xfId="5" applyFont="1" applyFill="1" applyBorder="1" applyAlignment="1">
      <alignment horizontal="right" vertical="center"/>
    </xf>
    <xf numFmtId="183" fontId="41" fillId="0" borderId="0" xfId="5" applyNumberFormat="1" applyFont="1" applyFill="1" applyBorder="1" applyAlignment="1">
      <alignment horizontal="center" vertical="center"/>
    </xf>
    <xf numFmtId="38" fontId="42" fillId="0" borderId="11" xfId="6" applyFont="1" applyFill="1" applyBorder="1" applyAlignment="1">
      <alignment horizontal="right" vertical="center"/>
    </xf>
    <xf numFmtId="38" fontId="42" fillId="0" borderId="13" xfId="6" applyFont="1" applyFill="1" applyBorder="1" applyAlignment="1">
      <alignment horizontal="right" vertical="center"/>
    </xf>
    <xf numFmtId="38" fontId="42" fillId="0" borderId="12" xfId="6" applyFont="1" applyFill="1" applyBorder="1" applyAlignment="1">
      <alignment horizontal="right" vertical="center"/>
    </xf>
    <xf numFmtId="184" fontId="42" fillId="0" borderId="13" xfId="5" applyNumberFormat="1" applyFont="1" applyFill="1" applyBorder="1" applyAlignment="1">
      <alignment horizontal="right" vertical="center"/>
    </xf>
    <xf numFmtId="184" fontId="42" fillId="0" borderId="11" xfId="5" applyNumberFormat="1" applyFont="1" applyFill="1" applyBorder="1" applyAlignment="1">
      <alignment horizontal="right" vertical="center"/>
    </xf>
    <xf numFmtId="184" fontId="42" fillId="0" borderId="12" xfId="5" applyNumberFormat="1" applyFont="1" applyFill="1" applyBorder="1" applyAlignment="1">
      <alignment horizontal="right" vertical="center"/>
    </xf>
    <xf numFmtId="2" fontId="42" fillId="0" borderId="0" xfId="5" applyNumberFormat="1" applyFont="1" applyFill="1" applyBorder="1" applyAlignment="1">
      <alignment horizontal="right" vertical="center"/>
    </xf>
    <xf numFmtId="0" fontId="43" fillId="0" borderId="0" xfId="5" applyFont="1" applyFill="1" applyBorder="1" applyAlignment="1">
      <alignment vertical="center"/>
    </xf>
    <xf numFmtId="38" fontId="43" fillId="0" borderId="11" xfId="6" applyFont="1" applyFill="1" applyBorder="1" applyAlignment="1">
      <alignment horizontal="right" vertical="center"/>
    </xf>
    <xf numFmtId="38" fontId="43" fillId="0" borderId="13" xfId="6" applyFont="1" applyFill="1" applyBorder="1" applyAlignment="1">
      <alignment horizontal="right" vertical="center"/>
    </xf>
    <xf numFmtId="38" fontId="43" fillId="0" borderId="12" xfId="6" applyFont="1" applyFill="1" applyBorder="1" applyAlignment="1">
      <alignment horizontal="right" vertical="center"/>
    </xf>
    <xf numFmtId="184" fontId="43" fillId="0" borderId="13" xfId="5" applyNumberFormat="1" applyFont="1" applyFill="1" applyBorder="1" applyAlignment="1">
      <alignment horizontal="right" vertical="center"/>
    </xf>
    <xf numFmtId="184" fontId="43" fillId="0" borderId="11" xfId="5" applyNumberFormat="1" applyFont="1" applyFill="1" applyBorder="1" applyAlignment="1">
      <alignment horizontal="right" vertical="center"/>
    </xf>
    <xf numFmtId="184" fontId="43" fillId="0" borderId="12" xfId="5" applyNumberFormat="1" applyFont="1" applyFill="1" applyBorder="1" applyAlignment="1">
      <alignment horizontal="right" vertical="center"/>
    </xf>
    <xf numFmtId="184" fontId="43" fillId="0" borderId="0" xfId="5" applyNumberFormat="1" applyFont="1" applyFill="1" applyBorder="1" applyAlignment="1">
      <alignment horizontal="right" vertical="center"/>
    </xf>
    <xf numFmtId="0" fontId="41" fillId="0" borderId="0" xfId="5" applyFont="1" applyFill="1" applyBorder="1" applyAlignment="1">
      <alignment vertical="center"/>
    </xf>
    <xf numFmtId="0" fontId="44" fillId="0" borderId="0" xfId="5" applyFont="1" applyFill="1"/>
    <xf numFmtId="0" fontId="45" fillId="0" borderId="0" xfId="5" applyFont="1" applyFill="1" applyBorder="1" applyAlignment="1">
      <alignment horizontal="center" vertical="center"/>
    </xf>
    <xf numFmtId="2" fontId="43" fillId="0" borderId="0" xfId="5" applyNumberFormat="1" applyFont="1" applyFill="1" applyBorder="1" applyAlignment="1">
      <alignment horizontal="right" vertical="center"/>
    </xf>
    <xf numFmtId="0" fontId="41" fillId="0" borderId="0" xfId="5" applyFont="1" applyFill="1" applyBorder="1" applyAlignment="1"/>
    <xf numFmtId="38" fontId="42" fillId="0" borderId="11" xfId="6" applyFont="1" applyFill="1" applyBorder="1" applyAlignment="1"/>
    <xf numFmtId="38" fontId="42" fillId="0" borderId="13" xfId="6" applyFont="1" applyFill="1" applyBorder="1" applyAlignment="1"/>
    <xf numFmtId="38" fontId="42" fillId="0" borderId="12" xfId="6" applyFont="1" applyFill="1" applyBorder="1" applyAlignment="1"/>
    <xf numFmtId="38" fontId="42" fillId="0" borderId="11" xfId="6" applyFont="1" applyFill="1" applyBorder="1" applyAlignment="1">
      <alignment horizontal="right"/>
    </xf>
    <xf numFmtId="184" fontId="42" fillId="0" borderId="13" xfId="5" applyNumberFormat="1" applyFont="1" applyFill="1" applyBorder="1" applyAlignment="1"/>
    <xf numFmtId="184" fontId="42" fillId="0" borderId="11" xfId="5" applyNumberFormat="1" applyFont="1" applyFill="1" applyBorder="1" applyAlignment="1"/>
    <xf numFmtId="184" fontId="42" fillId="0" borderId="12" xfId="5" applyNumberFormat="1" applyFont="1" applyFill="1" applyBorder="1" applyAlignment="1"/>
    <xf numFmtId="2" fontId="42" fillId="0" borderId="0" xfId="5" applyNumberFormat="1" applyFont="1" applyFill="1" applyBorder="1" applyAlignment="1">
      <alignment horizontal="right"/>
    </xf>
    <xf numFmtId="38" fontId="43" fillId="0" borderId="11" xfId="6" applyFont="1" applyFill="1" applyBorder="1" applyAlignment="1"/>
    <xf numFmtId="0" fontId="45" fillId="0" borderId="0" xfId="5" applyFont="1" applyFill="1" applyBorder="1" applyAlignment="1">
      <alignment vertical="center"/>
    </xf>
    <xf numFmtId="0" fontId="41" fillId="0" borderId="0" xfId="5" applyFont="1" applyFill="1" applyBorder="1" applyAlignment="1">
      <alignment horizontal="distributed" vertical="center"/>
    </xf>
    <xf numFmtId="0" fontId="45" fillId="0" borderId="27" xfId="5" applyFont="1" applyFill="1" applyBorder="1" applyAlignment="1">
      <alignment vertical="center"/>
    </xf>
    <xf numFmtId="38" fontId="43" fillId="0" borderId="18" xfId="6" applyFont="1" applyFill="1" applyBorder="1" applyAlignment="1">
      <alignment horizontal="right" vertical="center"/>
    </xf>
    <xf numFmtId="38" fontId="43" fillId="0" borderId="17" xfId="6" applyFont="1" applyFill="1" applyBorder="1" applyAlignment="1">
      <alignment horizontal="right" vertical="center"/>
    </xf>
    <xf numFmtId="38" fontId="43" fillId="0" borderId="19" xfId="6" applyFont="1" applyFill="1" applyBorder="1" applyAlignment="1">
      <alignment horizontal="right" vertical="center"/>
    </xf>
    <xf numFmtId="38" fontId="42" fillId="0" borderId="18" xfId="6" applyFont="1" applyFill="1" applyBorder="1" applyAlignment="1">
      <alignment horizontal="right" vertical="center"/>
    </xf>
    <xf numFmtId="184" fontId="43" fillId="0" borderId="17" xfId="5" applyNumberFormat="1" applyFont="1" applyFill="1" applyBorder="1" applyAlignment="1">
      <alignment horizontal="right" vertical="center"/>
    </xf>
    <xf numFmtId="184" fontId="43" fillId="0" borderId="18" xfId="5" applyNumberFormat="1" applyFont="1" applyFill="1" applyBorder="1" applyAlignment="1">
      <alignment horizontal="right" vertical="center"/>
    </xf>
    <xf numFmtId="184" fontId="43" fillId="0" borderId="19" xfId="5" applyNumberFormat="1" applyFont="1" applyFill="1" applyBorder="1" applyAlignment="1">
      <alignment horizontal="right" vertical="center"/>
    </xf>
    <xf numFmtId="2" fontId="43" fillId="0" borderId="27" xfId="5" applyNumberFormat="1" applyFont="1" applyFill="1" applyBorder="1" applyAlignment="1">
      <alignment horizontal="right" vertical="center"/>
    </xf>
    <xf numFmtId="0" fontId="46" fillId="0" borderId="0" xfId="5" applyFont="1" applyFill="1"/>
    <xf numFmtId="0" fontId="47" fillId="0" borderId="0" xfId="5" applyFont="1" applyFill="1" applyAlignment="1">
      <alignment horizontal="left" vertical="center"/>
    </xf>
    <xf numFmtId="0" fontId="13" fillId="0" borderId="0" xfId="5" applyFont="1" applyFill="1"/>
    <xf numFmtId="0" fontId="48" fillId="0" borderId="0" xfId="5" applyFont="1" applyFill="1" applyAlignment="1">
      <alignment horizontal="left" vertical="center"/>
    </xf>
    <xf numFmtId="0" fontId="49" fillId="0" borderId="1" xfId="5" applyFont="1" applyFill="1" applyBorder="1"/>
    <xf numFmtId="0" fontId="50" fillId="0" borderId="41" xfId="5" applyFont="1" applyFill="1" applyBorder="1" applyAlignment="1">
      <alignment horizontal="distributed" vertical="center"/>
    </xf>
    <xf numFmtId="56" fontId="50" fillId="0" borderId="23" xfId="5" applyNumberFormat="1" applyFont="1" applyFill="1" applyBorder="1" applyAlignment="1">
      <alignment horizontal="left" vertical="center"/>
    </xf>
    <xf numFmtId="56" fontId="49" fillId="0" borderId="23" xfId="5" applyNumberFormat="1" applyFont="1" applyFill="1" applyBorder="1" applyAlignment="1">
      <alignment horizontal="distributed" vertical="center"/>
    </xf>
    <xf numFmtId="56" fontId="49" fillId="0" borderId="24" xfId="5" applyNumberFormat="1" applyFont="1" applyFill="1" applyBorder="1" applyAlignment="1">
      <alignment horizontal="distributed" vertical="center"/>
    </xf>
    <xf numFmtId="56" fontId="49" fillId="0" borderId="23" xfId="5" applyNumberFormat="1" applyFont="1" applyFill="1" applyBorder="1" applyAlignment="1">
      <alignment vertical="center"/>
    </xf>
    <xf numFmtId="56" fontId="49" fillId="0" borderId="25" xfId="5" applyNumberFormat="1" applyFont="1" applyFill="1" applyBorder="1" applyAlignment="1">
      <alignment horizontal="distributed" vertical="center"/>
    </xf>
    <xf numFmtId="56" fontId="50" fillId="0" borderId="23" xfId="5" applyNumberFormat="1" applyFont="1" applyFill="1" applyBorder="1" applyAlignment="1">
      <alignment vertical="center"/>
    </xf>
    <xf numFmtId="56" fontId="51" fillId="0" borderId="23" xfId="5" applyNumberFormat="1" applyFont="1" applyFill="1" applyBorder="1"/>
    <xf numFmtId="56" fontId="52" fillId="0" borderId="41" xfId="5" applyNumberFormat="1" applyFont="1" applyFill="1" applyBorder="1" applyAlignment="1">
      <alignment vertical="center"/>
    </xf>
    <xf numFmtId="0" fontId="51" fillId="0" borderId="23" xfId="5" applyFont="1" applyFill="1" applyBorder="1"/>
    <xf numFmtId="0" fontId="49" fillId="0" borderId="23" xfId="5" applyFont="1" applyFill="1" applyBorder="1" applyAlignment="1">
      <alignment vertical="center"/>
    </xf>
    <xf numFmtId="0" fontId="49" fillId="0" borderId="24" xfId="5" applyFont="1" applyFill="1" applyBorder="1" applyAlignment="1">
      <alignment vertical="center"/>
    </xf>
    <xf numFmtId="0" fontId="52" fillId="0" borderId="1" xfId="5" applyFont="1" applyFill="1" applyBorder="1" applyAlignment="1">
      <alignment horizontal="center" vertical="center"/>
    </xf>
    <xf numFmtId="0" fontId="52" fillId="0" borderId="4" xfId="5" applyFont="1" applyFill="1" applyBorder="1" applyAlignment="1">
      <alignment horizontal="center" vertical="center"/>
    </xf>
    <xf numFmtId="0" fontId="50" fillId="0" borderId="5" xfId="5" applyFont="1" applyFill="1" applyBorder="1" applyAlignment="1">
      <alignment horizontal="distributed" vertical="center"/>
    </xf>
    <xf numFmtId="0" fontId="49" fillId="0" borderId="7" xfId="5" applyFont="1" applyFill="1" applyBorder="1" applyAlignment="1">
      <alignment horizontal="center" vertical="center"/>
    </xf>
    <xf numFmtId="0" fontId="49" fillId="0" borderId="7" xfId="5" applyFont="1" applyFill="1" applyBorder="1" applyAlignment="1">
      <alignment horizontal="distributed" vertical="center"/>
    </xf>
    <xf numFmtId="0" fontId="52" fillId="0" borderId="7" xfId="5" applyFont="1" applyFill="1" applyBorder="1" applyAlignment="1">
      <alignment horizontal="center" vertical="center"/>
    </xf>
    <xf numFmtId="0" fontId="49" fillId="0" borderId="6" xfId="5" applyFont="1" applyFill="1" applyBorder="1" applyAlignment="1">
      <alignment horizontal="center" vertical="center"/>
    </xf>
    <xf numFmtId="0" fontId="52" fillId="0" borderId="8" xfId="5" applyFont="1" applyFill="1" applyBorder="1" applyAlignment="1">
      <alignment horizontal="center" vertical="center"/>
    </xf>
    <xf numFmtId="0" fontId="50" fillId="0" borderId="7" xfId="5" applyFont="1" applyFill="1" applyBorder="1" applyAlignment="1">
      <alignment horizontal="right" vertical="center"/>
    </xf>
    <xf numFmtId="0" fontId="50" fillId="0" borderId="7" xfId="5" applyFont="1" applyFill="1" applyBorder="1" applyAlignment="1">
      <alignment horizontal="center" vertical="center"/>
    </xf>
    <xf numFmtId="0" fontId="50" fillId="0" borderId="6" xfId="5" applyFont="1" applyFill="1" applyBorder="1" applyAlignment="1">
      <alignment horizontal="center" vertical="center"/>
    </xf>
    <xf numFmtId="0" fontId="50" fillId="0" borderId="5" xfId="5" applyFont="1" applyFill="1" applyBorder="1" applyAlignment="1">
      <alignment horizontal="center" vertical="center"/>
    </xf>
    <xf numFmtId="0" fontId="53" fillId="0" borderId="0" xfId="5" applyFont="1" applyFill="1"/>
    <xf numFmtId="0" fontId="54" fillId="0" borderId="0" xfId="5" applyFont="1" applyFill="1" applyBorder="1"/>
    <xf numFmtId="0" fontId="54" fillId="0" borderId="11" xfId="5" applyFont="1" applyFill="1" applyBorder="1" applyAlignment="1">
      <alignment horizontal="right" vertical="center"/>
    </xf>
    <xf numFmtId="0" fontId="54" fillId="0" borderId="0" xfId="5" applyFont="1" applyFill="1" applyBorder="1" applyAlignment="1">
      <alignment horizontal="right" vertical="center"/>
    </xf>
    <xf numFmtId="0" fontId="54" fillId="0" borderId="13" xfId="5" applyFont="1" applyFill="1" applyBorder="1" applyAlignment="1">
      <alignment horizontal="right" vertical="center"/>
    </xf>
    <xf numFmtId="0" fontId="54" fillId="0" borderId="12" xfId="5" applyFont="1" applyFill="1" applyBorder="1" applyAlignment="1">
      <alignment horizontal="right" vertical="center"/>
    </xf>
    <xf numFmtId="183" fontId="55" fillId="0" borderId="0" xfId="5" applyNumberFormat="1" applyFont="1" applyFill="1" applyBorder="1" applyAlignment="1">
      <alignment horizontal="center" vertical="center"/>
    </xf>
    <xf numFmtId="38" fontId="9" fillId="0" borderId="11" xfId="6" applyFont="1" applyFill="1" applyBorder="1" applyAlignment="1">
      <alignment horizontal="right" vertical="center"/>
    </xf>
    <xf numFmtId="38" fontId="9" fillId="0" borderId="0" xfId="6" applyFont="1" applyFill="1" applyBorder="1" applyAlignment="1">
      <alignment horizontal="right"/>
    </xf>
    <xf numFmtId="38" fontId="9" fillId="0" borderId="11" xfId="6" applyFont="1" applyFill="1" applyBorder="1" applyAlignment="1">
      <alignment horizontal="right"/>
    </xf>
    <xf numFmtId="184" fontId="9" fillId="0" borderId="13" xfId="5" applyNumberFormat="1" applyFont="1" applyFill="1" applyBorder="1" applyAlignment="1">
      <alignment horizontal="right" vertical="center"/>
    </xf>
    <xf numFmtId="184" fontId="9" fillId="0" borderId="11" xfId="5" applyNumberFormat="1" applyFont="1" applyFill="1" applyBorder="1" applyAlignment="1">
      <alignment horizontal="right" vertical="center"/>
    </xf>
    <xf numFmtId="184" fontId="9" fillId="0" borderId="12" xfId="5" applyNumberFormat="1" applyFont="1" applyFill="1" applyBorder="1" applyAlignment="1">
      <alignment horizontal="right" vertical="center"/>
    </xf>
    <xf numFmtId="2" fontId="9" fillId="0" borderId="0" xfId="5" applyNumberFormat="1" applyFont="1" applyFill="1" applyBorder="1" applyAlignment="1">
      <alignment horizontal="right" vertical="center"/>
    </xf>
    <xf numFmtId="0" fontId="56" fillId="0" borderId="0" xfId="5" applyFont="1" applyFill="1" applyBorder="1" applyAlignment="1">
      <alignment vertical="center"/>
    </xf>
    <xf numFmtId="38" fontId="57" fillId="0" borderId="11" xfId="6" applyFont="1" applyFill="1" applyBorder="1" applyAlignment="1">
      <alignment horizontal="right" vertical="center"/>
    </xf>
    <xf numFmtId="0" fontId="57" fillId="0" borderId="0" xfId="7" applyFont="1" applyFill="1" applyBorder="1" applyAlignment="1">
      <alignment horizontal="right"/>
    </xf>
    <xf numFmtId="0" fontId="57" fillId="0" borderId="11" xfId="7" applyFont="1" applyFill="1" applyBorder="1" applyAlignment="1">
      <alignment horizontal="right"/>
    </xf>
    <xf numFmtId="184" fontId="57" fillId="0" borderId="13" xfId="5" applyNumberFormat="1" applyFont="1" applyFill="1" applyBorder="1" applyAlignment="1">
      <alignment horizontal="right" vertical="center"/>
    </xf>
    <xf numFmtId="184" fontId="57" fillId="0" borderId="11" xfId="5" applyNumberFormat="1" applyFont="1" applyFill="1" applyBorder="1" applyAlignment="1">
      <alignment horizontal="right" vertical="center"/>
    </xf>
    <xf numFmtId="184" fontId="57" fillId="0" borderId="12" xfId="5" applyNumberFormat="1" applyFont="1" applyFill="1" applyBorder="1" applyAlignment="1">
      <alignment horizontal="right" vertical="center"/>
    </xf>
    <xf numFmtId="2" fontId="14" fillId="0" borderId="0" xfId="5" applyNumberFormat="1" applyFont="1" applyFill="1" applyBorder="1"/>
    <xf numFmtId="0" fontId="55" fillId="0" borderId="0" xfId="5" applyFont="1" applyFill="1" applyBorder="1" applyAlignment="1">
      <alignment vertical="center"/>
    </xf>
    <xf numFmtId="0" fontId="58" fillId="0" borderId="0" xfId="5" applyFont="1" applyFill="1"/>
    <xf numFmtId="0" fontId="56" fillId="0" borderId="0" xfId="5" applyFont="1" applyFill="1" applyBorder="1" applyAlignment="1">
      <alignment horizontal="center" vertical="center"/>
    </xf>
    <xf numFmtId="38" fontId="57" fillId="0" borderId="0" xfId="6" applyFont="1" applyFill="1" applyBorder="1" applyAlignment="1">
      <alignment horizontal="right"/>
    </xf>
    <xf numFmtId="38" fontId="57" fillId="0" borderId="11" xfId="6" applyFont="1" applyFill="1" applyBorder="1" applyAlignment="1">
      <alignment horizontal="right"/>
    </xf>
    <xf numFmtId="2" fontId="57" fillId="0" borderId="0" xfId="5" applyNumberFormat="1" applyFont="1" applyFill="1" applyBorder="1" applyAlignment="1">
      <alignment horizontal="right" vertical="center"/>
    </xf>
    <xf numFmtId="0" fontId="55" fillId="0" borderId="0" xfId="5" applyFont="1" applyFill="1" applyBorder="1" applyAlignment="1"/>
    <xf numFmtId="38" fontId="9" fillId="0" borderId="11" xfId="6" applyFont="1" applyFill="1" applyBorder="1" applyAlignment="1"/>
    <xf numFmtId="184" fontId="9" fillId="0" borderId="13" xfId="5" applyNumberFormat="1" applyFont="1" applyFill="1" applyBorder="1" applyAlignment="1"/>
    <xf numFmtId="184" fontId="9" fillId="0" borderId="11" xfId="5" applyNumberFormat="1" applyFont="1" applyFill="1" applyBorder="1" applyAlignment="1"/>
    <xf numFmtId="184" fontId="9" fillId="0" borderId="12" xfId="5" applyNumberFormat="1" applyFont="1" applyFill="1" applyBorder="1" applyAlignment="1"/>
    <xf numFmtId="2" fontId="9" fillId="0" borderId="0" xfId="5" applyNumberFormat="1" applyFont="1" applyFill="1" applyBorder="1" applyAlignment="1">
      <alignment horizontal="right"/>
    </xf>
    <xf numFmtId="0" fontId="55" fillId="0" borderId="0" xfId="5" applyFont="1" applyFill="1" applyBorder="1" applyAlignment="1">
      <alignment horizontal="distributed" vertical="center"/>
    </xf>
    <xf numFmtId="38" fontId="57" fillId="0" borderId="11" xfId="6" applyFont="1" applyFill="1" applyBorder="1" applyAlignment="1"/>
    <xf numFmtId="0" fontId="56" fillId="0" borderId="27" xfId="5" applyFont="1" applyFill="1" applyBorder="1" applyAlignment="1">
      <alignment vertical="center"/>
    </xf>
    <xf numFmtId="38" fontId="57" fillId="0" borderId="18" xfId="6" applyFont="1" applyFill="1" applyBorder="1" applyAlignment="1">
      <alignment horizontal="right" vertical="center"/>
    </xf>
    <xf numFmtId="38" fontId="57" fillId="0" borderId="27" xfId="6" applyFont="1" applyFill="1" applyBorder="1" applyAlignment="1">
      <alignment horizontal="right"/>
    </xf>
    <xf numFmtId="38" fontId="57" fillId="0" borderId="18" xfId="6" applyFont="1" applyFill="1" applyBorder="1" applyAlignment="1">
      <alignment horizontal="right"/>
    </xf>
    <xf numFmtId="38" fontId="9" fillId="0" borderId="18" xfId="6" applyFont="1" applyFill="1" applyBorder="1" applyAlignment="1">
      <alignment horizontal="right" vertical="center"/>
    </xf>
    <xf numFmtId="184" fontId="57" fillId="0" borderId="17" xfId="5" applyNumberFormat="1" applyFont="1" applyFill="1" applyBorder="1" applyAlignment="1">
      <alignment horizontal="right" vertical="center"/>
    </xf>
    <xf numFmtId="184" fontId="57" fillId="0" borderId="18" xfId="5" applyNumberFormat="1" applyFont="1" applyFill="1" applyBorder="1" applyAlignment="1">
      <alignment horizontal="right" vertical="center"/>
    </xf>
    <xf numFmtId="184" fontId="57" fillId="0" borderId="19" xfId="5" applyNumberFormat="1" applyFont="1" applyFill="1" applyBorder="1" applyAlignment="1">
      <alignment horizontal="right" vertical="center"/>
    </xf>
    <xf numFmtId="2" fontId="57" fillId="0" borderId="27" xfId="5" applyNumberFormat="1" applyFont="1" applyFill="1" applyBorder="1" applyAlignment="1">
      <alignment horizontal="right" vertical="center"/>
    </xf>
    <xf numFmtId="0" fontId="12" fillId="0" borderId="0" xfId="5" applyFont="1" applyFill="1"/>
    <xf numFmtId="185" fontId="56" fillId="0" borderId="0" xfId="5" applyNumberFormat="1" applyFont="1" applyFill="1" applyBorder="1" applyAlignment="1">
      <alignment horizontal="right" vertical="center"/>
    </xf>
    <xf numFmtId="183" fontId="56" fillId="0" borderId="0" xfId="5" applyNumberFormat="1" applyFont="1" applyFill="1" applyBorder="1" applyAlignment="1">
      <alignment horizontal="right" vertical="center"/>
    </xf>
    <xf numFmtId="186" fontId="56" fillId="0" borderId="0" xfId="5" applyNumberFormat="1" applyFont="1" applyFill="1" applyBorder="1" applyAlignment="1">
      <alignment horizontal="right" vertical="center"/>
    </xf>
    <xf numFmtId="0" fontId="57" fillId="0" borderId="0" xfId="7" applyFont="1" applyFill="1" applyBorder="1"/>
    <xf numFmtId="0" fontId="57" fillId="0" borderId="11" xfId="7" applyFont="1" applyFill="1" applyBorder="1"/>
    <xf numFmtId="38" fontId="57" fillId="0" borderId="11" xfId="6" applyFont="1" applyFill="1" applyBorder="1" applyAlignment="1" applyProtection="1">
      <alignment horizontal="right" vertical="center"/>
    </xf>
    <xf numFmtId="184" fontId="57" fillId="0" borderId="13" xfId="5" applyNumberFormat="1" applyFont="1" applyFill="1" applyBorder="1" applyAlignment="1" applyProtection="1">
      <alignment horizontal="right" vertical="center"/>
    </xf>
    <xf numFmtId="184" fontId="57" fillId="0" borderId="11" xfId="5" applyNumberFormat="1" applyFont="1" applyFill="1" applyBorder="1" applyAlignment="1" applyProtection="1">
      <alignment horizontal="right" vertical="center"/>
    </xf>
    <xf numFmtId="184" fontId="57" fillId="0" borderId="12" xfId="5" applyNumberFormat="1" applyFont="1" applyFill="1" applyBorder="1" applyAlignment="1" applyProtection="1">
      <alignment horizontal="right" vertical="center"/>
    </xf>
    <xf numFmtId="0" fontId="10" fillId="0" borderId="0" xfId="5" applyFont="1" applyFill="1"/>
    <xf numFmtId="38" fontId="57" fillId="0" borderId="0" xfId="6" applyFont="1" applyFill="1" applyBorder="1"/>
    <xf numFmtId="38" fontId="57" fillId="0" borderId="11" xfId="6" applyFont="1" applyFill="1" applyBorder="1"/>
    <xf numFmtId="2" fontId="57" fillId="0" borderId="0" xfId="5" applyNumberFormat="1" applyFont="1" applyFill="1" applyBorder="1" applyAlignment="1" applyProtection="1">
      <alignment horizontal="right" vertical="center"/>
    </xf>
    <xf numFmtId="38" fontId="57" fillId="0" borderId="27" xfId="6" applyFont="1" applyFill="1" applyBorder="1"/>
    <xf numFmtId="38" fontId="57" fillId="0" borderId="18" xfId="6" applyFont="1" applyFill="1" applyBorder="1"/>
    <xf numFmtId="38" fontId="57" fillId="0" borderId="18" xfId="6" applyFont="1" applyFill="1" applyBorder="1" applyAlignment="1" applyProtection="1">
      <alignment horizontal="right" vertical="center"/>
    </xf>
    <xf numFmtId="184" fontId="57" fillId="0" borderId="17" xfId="5" applyNumberFormat="1" applyFont="1" applyFill="1" applyBorder="1" applyAlignment="1" applyProtection="1">
      <alignment horizontal="right" vertical="center"/>
    </xf>
    <xf numFmtId="184" fontId="57" fillId="0" borderId="18" xfId="5" applyNumberFormat="1" applyFont="1" applyFill="1" applyBorder="1" applyAlignment="1" applyProtection="1">
      <alignment horizontal="right" vertical="center"/>
    </xf>
    <xf numFmtId="184" fontId="57" fillId="0" borderId="19" xfId="5" applyNumberFormat="1" applyFont="1" applyFill="1" applyBorder="1" applyAlignment="1" applyProtection="1">
      <alignment horizontal="right" vertical="center"/>
    </xf>
    <xf numFmtId="2" fontId="57" fillId="0" borderId="27" xfId="5" applyNumberFormat="1" applyFont="1" applyFill="1" applyBorder="1" applyAlignment="1" applyProtection="1">
      <alignment horizontal="right" vertical="center"/>
    </xf>
    <xf numFmtId="0" fontId="59" fillId="0" borderId="0" xfId="5" applyFont="1"/>
    <xf numFmtId="0" fontId="60" fillId="0" borderId="0" xfId="5" applyFont="1"/>
    <xf numFmtId="0" fontId="13" fillId="0" borderId="0" xfId="5" applyFont="1"/>
    <xf numFmtId="0" fontId="61" fillId="0" borderId="0" xfId="5" applyFont="1"/>
    <xf numFmtId="0" fontId="62" fillId="0" borderId="0" xfId="5" applyFont="1"/>
    <xf numFmtId="0" fontId="13" fillId="0" borderId="1" xfId="5" applyFont="1" applyBorder="1"/>
    <xf numFmtId="0" fontId="13" fillId="0" borderId="3" xfId="5" applyFont="1" applyBorder="1"/>
    <xf numFmtId="0" fontId="63" fillId="0" borderId="0" xfId="5" applyFont="1"/>
    <xf numFmtId="0" fontId="64" fillId="2" borderId="44" xfId="5" applyFont="1" applyFill="1" applyBorder="1" applyAlignment="1"/>
    <xf numFmtId="0" fontId="64" fillId="2" borderId="0" xfId="5" applyFont="1" applyFill="1" applyBorder="1" applyAlignment="1">
      <alignment horizontal="center"/>
    </xf>
    <xf numFmtId="0" fontId="64" fillId="0" borderId="0" xfId="5" applyFont="1" applyBorder="1" applyAlignment="1">
      <alignment horizontal="left"/>
    </xf>
    <xf numFmtId="0" fontId="13" fillId="0" borderId="26" xfId="5" applyFont="1" applyBorder="1"/>
    <xf numFmtId="0" fontId="13" fillId="0" borderId="14" xfId="5" applyFont="1" applyBorder="1"/>
    <xf numFmtId="0" fontId="13" fillId="0" borderId="9" xfId="5" applyFont="1" applyBorder="1"/>
    <xf numFmtId="0" fontId="64" fillId="0" borderId="0" xfId="5" applyFont="1" applyBorder="1"/>
    <xf numFmtId="0" fontId="55" fillId="0" borderId="0" xfId="5" applyFont="1" applyBorder="1" applyAlignment="1">
      <alignment horizontal="center"/>
    </xf>
    <xf numFmtId="0" fontId="64" fillId="0" borderId="12" xfId="5" applyFont="1" applyBorder="1" applyAlignment="1">
      <alignment horizontal="center"/>
    </xf>
    <xf numFmtId="0" fontId="64" fillId="0" borderId="10" xfId="5" applyFont="1" applyBorder="1" applyAlignment="1">
      <alignment horizontal="center"/>
    </xf>
    <xf numFmtId="0" fontId="64" fillId="0" borderId="13" xfId="5" applyFont="1" applyBorder="1" applyAlignment="1">
      <alignment horizontal="center"/>
    </xf>
    <xf numFmtId="0" fontId="64" fillId="0" borderId="26" xfId="5" applyFont="1" applyBorder="1" applyAlignment="1">
      <alignment horizontal="center"/>
    </xf>
    <xf numFmtId="0" fontId="64" fillId="0" borderId="0" xfId="5" applyFont="1" applyBorder="1" applyAlignment="1">
      <alignment horizontal="center"/>
    </xf>
    <xf numFmtId="0" fontId="55" fillId="0" borderId="11" xfId="5" applyFont="1" applyBorder="1" applyAlignment="1">
      <alignment horizontal="center"/>
    </xf>
    <xf numFmtId="0" fontId="64" fillId="0" borderId="12" xfId="5" applyFont="1" applyBorder="1" applyAlignment="1">
      <alignment horizontal="right"/>
    </xf>
    <xf numFmtId="0" fontId="64" fillId="0" borderId="11" xfId="5" applyFont="1" applyBorder="1" applyAlignment="1">
      <alignment horizontal="center"/>
    </xf>
    <xf numFmtId="0" fontId="63" fillId="0" borderId="14" xfId="5" applyFont="1" applyBorder="1" applyAlignment="1">
      <alignment horizontal="right"/>
    </xf>
    <xf numFmtId="0" fontId="63" fillId="0" borderId="10" xfId="5" applyFont="1" applyBorder="1"/>
    <xf numFmtId="0" fontId="13" fillId="0" borderId="14" xfId="5" applyFont="1" applyBorder="1" applyAlignment="1">
      <alignment horizontal="right"/>
    </xf>
    <xf numFmtId="0" fontId="13" fillId="0" borderId="26" xfId="5" applyFont="1" applyBorder="1" applyAlignment="1">
      <alignment horizontal="right"/>
    </xf>
    <xf numFmtId="0" fontId="13" fillId="0" borderId="10" xfId="5" applyFont="1" applyBorder="1" applyAlignment="1">
      <alignment horizontal="right"/>
    </xf>
    <xf numFmtId="0" fontId="13" fillId="0" borderId="9" xfId="5" applyFont="1" applyBorder="1" applyAlignment="1">
      <alignment horizontal="right"/>
    </xf>
    <xf numFmtId="0" fontId="13" fillId="2" borderId="13" xfId="5" applyFont="1" applyFill="1" applyBorder="1" applyAlignment="1">
      <alignment horizontal="center"/>
    </xf>
    <xf numFmtId="38" fontId="55" fillId="2" borderId="12" xfId="6" applyNumberFormat="1" applyFont="1" applyFill="1" applyBorder="1" applyAlignment="1">
      <alignment horizontal="right"/>
    </xf>
    <xf numFmtId="38" fontId="55" fillId="2" borderId="0" xfId="6" applyNumberFormat="1" applyFont="1" applyFill="1" applyBorder="1" applyAlignment="1">
      <alignment horizontal="right"/>
    </xf>
    <xf numFmtId="0" fontId="55" fillId="2" borderId="11" xfId="5" applyFont="1" applyFill="1" applyBorder="1" applyAlignment="1">
      <alignment horizontal="center"/>
    </xf>
    <xf numFmtId="38" fontId="55" fillId="2" borderId="13" xfId="6" applyFont="1" applyFill="1" applyBorder="1"/>
    <xf numFmtId="38" fontId="55" fillId="2" borderId="12" xfId="6" applyFont="1" applyFill="1" applyBorder="1"/>
    <xf numFmtId="0" fontId="64" fillId="2" borderId="13" xfId="5" applyFont="1" applyFill="1" applyBorder="1" applyAlignment="1">
      <alignment horizontal="center"/>
    </xf>
    <xf numFmtId="38" fontId="13" fillId="0" borderId="33" xfId="6" applyFont="1" applyBorder="1"/>
    <xf numFmtId="38" fontId="13" fillId="0" borderId="39" xfId="6" applyFont="1" applyBorder="1"/>
    <xf numFmtId="0" fontId="63" fillId="2" borderId="34" xfId="5" applyFont="1" applyFill="1" applyBorder="1"/>
    <xf numFmtId="0" fontId="63" fillId="2" borderId="11" xfId="5" applyFont="1" applyFill="1" applyBorder="1"/>
    <xf numFmtId="38" fontId="13" fillId="0" borderId="45" xfId="6" applyFont="1" applyBorder="1"/>
    <xf numFmtId="38" fontId="13" fillId="0" borderId="34" xfId="6" applyFont="1" applyBorder="1"/>
    <xf numFmtId="0" fontId="13" fillId="0" borderId="13" xfId="5" applyFont="1" applyBorder="1"/>
    <xf numFmtId="0" fontId="55" fillId="0" borderId="11" xfId="5" applyFont="1" applyBorder="1"/>
    <xf numFmtId="0" fontId="13" fillId="0" borderId="13" xfId="5" applyFont="1" applyBorder="1" applyAlignment="1">
      <alignment horizontal="center"/>
    </xf>
    <xf numFmtId="0" fontId="13" fillId="0" borderId="11" xfId="5" applyFont="1" applyBorder="1" applyAlignment="1">
      <alignment horizontal="center"/>
    </xf>
    <xf numFmtId="0" fontId="13" fillId="0" borderId="11" xfId="5" applyFont="1" applyBorder="1"/>
    <xf numFmtId="0" fontId="55" fillId="0" borderId="34" xfId="5" applyFont="1" applyBorder="1"/>
    <xf numFmtId="0" fontId="13" fillId="0" borderId="13" xfId="5" applyFont="1" applyFill="1" applyBorder="1" applyAlignment="1">
      <alignment horizontal="center"/>
    </xf>
    <xf numFmtId="0" fontId="13" fillId="0" borderId="11" xfId="5" applyFont="1" applyFill="1" applyBorder="1" applyAlignment="1">
      <alignment horizontal="center"/>
    </xf>
    <xf numFmtId="0" fontId="13" fillId="0" borderId="0" xfId="5" applyFont="1" applyBorder="1"/>
    <xf numFmtId="38" fontId="13" fillId="2" borderId="12" xfId="6" applyFont="1" applyFill="1" applyBorder="1"/>
    <xf numFmtId="38" fontId="13" fillId="2" borderId="0" xfId="6" applyFont="1" applyFill="1" applyBorder="1"/>
    <xf numFmtId="0" fontId="55" fillId="2" borderId="10" xfId="5" applyFont="1" applyFill="1" applyBorder="1"/>
    <xf numFmtId="0" fontId="55" fillId="2" borderId="11" xfId="5" applyFont="1" applyFill="1" applyBorder="1"/>
    <xf numFmtId="38" fontId="13" fillId="2" borderId="9" xfId="6" applyFont="1" applyFill="1" applyBorder="1"/>
    <xf numFmtId="38" fontId="13" fillId="2" borderId="26" xfId="6" applyFont="1" applyFill="1" applyBorder="1"/>
    <xf numFmtId="38" fontId="13" fillId="2" borderId="13" xfId="6" applyFont="1" applyFill="1" applyBorder="1"/>
    <xf numFmtId="38" fontId="13" fillId="2" borderId="11" xfId="6" applyFont="1" applyFill="1" applyBorder="1" applyAlignment="1">
      <alignment horizontal="right"/>
    </xf>
    <xf numFmtId="0" fontId="13" fillId="2" borderId="2" xfId="5" applyFont="1" applyFill="1" applyBorder="1" applyAlignment="1">
      <alignment horizontal="center"/>
    </xf>
    <xf numFmtId="38" fontId="55" fillId="0" borderId="1" xfId="6" applyFont="1" applyBorder="1"/>
    <xf numFmtId="0" fontId="55" fillId="2" borderId="3" xfId="5" applyFont="1" applyFill="1" applyBorder="1" applyAlignment="1">
      <alignment horizontal="center"/>
    </xf>
    <xf numFmtId="38" fontId="13" fillId="2" borderId="39" xfId="6" applyFont="1" applyFill="1" applyBorder="1"/>
    <xf numFmtId="3" fontId="13" fillId="0" borderId="31" xfId="5" quotePrefix="1" applyNumberFormat="1" applyFont="1" applyBorder="1" applyAlignment="1">
      <alignment horizontal="right"/>
    </xf>
    <xf numFmtId="38" fontId="13" fillId="0" borderId="0" xfId="6" applyFont="1" applyBorder="1"/>
    <xf numFmtId="0" fontId="55" fillId="0" borderId="32" xfId="5" applyFont="1" applyBorder="1"/>
    <xf numFmtId="38" fontId="13" fillId="2" borderId="12" xfId="6" applyFont="1" applyFill="1" applyBorder="1" applyAlignment="1">
      <alignment horizontal="right"/>
    </xf>
    <xf numFmtId="3" fontId="13" fillId="0" borderId="12" xfId="5" quotePrefix="1" applyNumberFormat="1" applyFont="1" applyBorder="1" applyAlignment="1">
      <alignment horizontal="right"/>
    </xf>
    <xf numFmtId="3" fontId="13" fillId="0" borderId="33" xfId="5" quotePrefix="1" applyNumberFormat="1" applyFont="1" applyBorder="1" applyAlignment="1">
      <alignment horizontal="right"/>
    </xf>
    <xf numFmtId="38" fontId="13" fillId="2" borderId="34" xfId="6" applyFont="1" applyFill="1" applyBorder="1" applyAlignment="1">
      <alignment horizontal="right"/>
    </xf>
    <xf numFmtId="38" fontId="13" fillId="2" borderId="33" xfId="6" applyFont="1" applyFill="1" applyBorder="1" applyAlignment="1">
      <alignment horizontal="right"/>
    </xf>
    <xf numFmtId="0" fontId="13" fillId="0" borderId="39" xfId="5" applyFont="1" applyBorder="1"/>
    <xf numFmtId="38" fontId="13" fillId="2" borderId="33" xfId="6" quotePrefix="1" applyFont="1" applyFill="1" applyBorder="1" applyAlignment="1">
      <alignment horizontal="right"/>
    </xf>
    <xf numFmtId="3" fontId="13" fillId="0" borderId="35" xfId="5" quotePrefix="1" applyNumberFormat="1" applyFont="1" applyBorder="1" applyAlignment="1">
      <alignment horizontal="right"/>
    </xf>
    <xf numFmtId="38" fontId="13" fillId="0" borderId="40" xfId="6" applyFont="1" applyBorder="1"/>
    <xf numFmtId="0" fontId="55" fillId="0" borderId="36" xfId="5" applyFont="1" applyBorder="1" applyAlignment="1"/>
    <xf numFmtId="38" fontId="13" fillId="2" borderId="36" xfId="6" applyFont="1" applyFill="1" applyBorder="1" applyAlignment="1">
      <alignment horizontal="right"/>
    </xf>
    <xf numFmtId="38" fontId="13" fillId="2" borderId="35" xfId="6" applyFont="1" applyFill="1" applyBorder="1" applyAlignment="1">
      <alignment horizontal="right"/>
    </xf>
    <xf numFmtId="3" fontId="13" fillId="0" borderId="47" xfId="5" quotePrefix="1" applyNumberFormat="1" applyFont="1" applyBorder="1" applyAlignment="1">
      <alignment horizontal="right"/>
    </xf>
    <xf numFmtId="38" fontId="13" fillId="0" borderId="5" xfId="6" applyFont="1" applyBorder="1"/>
    <xf numFmtId="0" fontId="55" fillId="0" borderId="7" xfId="5" applyFont="1" applyBorder="1" applyAlignment="1">
      <alignment horizontal="center"/>
    </xf>
    <xf numFmtId="38" fontId="13" fillId="2" borderId="43" xfId="6" applyFont="1" applyFill="1" applyBorder="1" applyAlignment="1">
      <alignment horizontal="right"/>
    </xf>
    <xf numFmtId="38" fontId="13" fillId="2" borderId="47" xfId="6" applyFont="1" applyFill="1" applyBorder="1" applyAlignment="1">
      <alignment horizontal="right"/>
    </xf>
    <xf numFmtId="3" fontId="13" fillId="0" borderId="26" xfId="5" quotePrefix="1" applyNumberFormat="1" applyFont="1" applyBorder="1" applyAlignment="1">
      <alignment horizontal="right"/>
    </xf>
    <xf numFmtId="0" fontId="55" fillId="0" borderId="11" xfId="5" applyFont="1" applyBorder="1" applyAlignment="1"/>
    <xf numFmtId="38" fontId="13" fillId="2" borderId="11" xfId="6" quotePrefix="1" applyFont="1" applyFill="1" applyBorder="1" applyAlignment="1">
      <alignment horizontal="right"/>
    </xf>
    <xf numFmtId="0" fontId="13" fillId="0" borderId="17" xfId="5" applyFont="1" applyBorder="1"/>
    <xf numFmtId="3" fontId="13" fillId="0" borderId="19" xfId="5" quotePrefix="1" applyNumberFormat="1" applyFont="1" applyBorder="1" applyAlignment="1">
      <alignment horizontal="right"/>
    </xf>
    <xf numFmtId="38" fontId="13" fillId="0" borderId="27" xfId="6" applyFont="1" applyBorder="1"/>
    <xf numFmtId="0" fontId="55" fillId="0" borderId="18" xfId="5" applyFont="1" applyBorder="1" applyAlignment="1"/>
    <xf numFmtId="0" fontId="55" fillId="0" borderId="18" xfId="5" applyFont="1" applyBorder="1"/>
    <xf numFmtId="38" fontId="13" fillId="2" borderId="18" xfId="6" applyFont="1" applyFill="1" applyBorder="1" applyAlignment="1">
      <alignment horizontal="right"/>
    </xf>
    <xf numFmtId="38" fontId="13" fillId="2" borderId="19" xfId="6" applyFont="1" applyFill="1" applyBorder="1" applyAlignment="1">
      <alignment horizontal="right"/>
    </xf>
    <xf numFmtId="0" fontId="13" fillId="0" borderId="0" xfId="5" applyFont="1" applyAlignment="1">
      <alignment horizontal="left"/>
    </xf>
    <xf numFmtId="0" fontId="14" fillId="0" borderId="0" xfId="5" applyFont="1"/>
    <xf numFmtId="184" fontId="14" fillId="0" borderId="0" xfId="5" applyNumberFormat="1" applyFont="1"/>
    <xf numFmtId="184" fontId="13" fillId="0" borderId="0" xfId="5" applyNumberFormat="1" applyFont="1"/>
    <xf numFmtId="0" fontId="65" fillId="0" borderId="0" xfId="5" applyFont="1"/>
    <xf numFmtId="0" fontId="14" fillId="0" borderId="1" xfId="5" applyFont="1" applyBorder="1"/>
    <xf numFmtId="0" fontId="14" fillId="0" borderId="48" xfId="5" applyFont="1" applyBorder="1"/>
    <xf numFmtId="0" fontId="66" fillId="0" borderId="49" xfId="5" applyFont="1" applyBorder="1"/>
    <xf numFmtId="0" fontId="15" fillId="0" borderId="0" xfId="5" applyFont="1" applyBorder="1"/>
    <xf numFmtId="0" fontId="15" fillId="0" borderId="44" xfId="5" applyFont="1" applyBorder="1"/>
    <xf numFmtId="0" fontId="15" fillId="0" borderId="0" xfId="5" applyFont="1" applyBorder="1" applyAlignment="1">
      <alignment horizontal="left"/>
    </xf>
    <xf numFmtId="0" fontId="4" fillId="0" borderId="26" xfId="5" applyFont="1" applyBorder="1"/>
    <xf numFmtId="0" fontId="4" fillId="0" borderId="14" xfId="5" applyFont="1" applyBorder="1"/>
    <xf numFmtId="0" fontId="4" fillId="0" borderId="9" xfId="5" applyFont="1" applyBorder="1"/>
    <xf numFmtId="0" fontId="15" fillId="0" borderId="12" xfId="5" applyFont="1" applyBorder="1" applyAlignment="1">
      <alignment horizontal="center"/>
    </xf>
    <xf numFmtId="0" fontId="15" fillId="0" borderId="10" xfId="5" applyFont="1" applyBorder="1" applyAlignment="1">
      <alignment horizontal="center"/>
    </xf>
    <xf numFmtId="0" fontId="15" fillId="0" borderId="13" xfId="5" applyFont="1" applyBorder="1" applyAlignment="1">
      <alignment horizontal="center"/>
    </xf>
    <xf numFmtId="0" fontId="15" fillId="0" borderId="26" xfId="5" applyFont="1" applyBorder="1" applyAlignment="1">
      <alignment horizontal="center"/>
    </xf>
    <xf numFmtId="0" fontId="18" fillId="0" borderId="50" xfId="5" applyFont="1" applyBorder="1" applyAlignment="1">
      <alignment horizontal="left"/>
    </xf>
    <xf numFmtId="0" fontId="15" fillId="0" borderId="0" xfId="5" applyFont="1" applyBorder="1" applyAlignment="1">
      <alignment horizontal="center"/>
    </xf>
    <xf numFmtId="0" fontId="15" fillId="0" borderId="11" xfId="5" applyFont="1" applyBorder="1" applyAlignment="1">
      <alignment horizontal="center"/>
    </xf>
    <xf numFmtId="0" fontId="14" fillId="0" borderId="9" xfId="5" applyFont="1" applyBorder="1"/>
    <xf numFmtId="0" fontId="14" fillId="0" borderId="51" xfId="5" applyFont="1" applyBorder="1" applyAlignment="1">
      <alignment horizontal="right"/>
    </xf>
    <xf numFmtId="0" fontId="66" fillId="0" borderId="52" xfId="5" applyFont="1" applyBorder="1"/>
    <xf numFmtId="0" fontId="14" fillId="0" borderId="14" xfId="5" applyFont="1" applyBorder="1"/>
    <xf numFmtId="0" fontId="14" fillId="0" borderId="26" xfId="5" applyFont="1" applyBorder="1" applyAlignment="1">
      <alignment horizontal="right"/>
    </xf>
    <xf numFmtId="0" fontId="14" fillId="0" borderId="10" xfId="5" applyFont="1" applyBorder="1" applyAlignment="1">
      <alignment horizontal="right"/>
    </xf>
    <xf numFmtId="0" fontId="14" fillId="0" borderId="9" xfId="5" applyFont="1" applyBorder="1" applyAlignment="1">
      <alignment horizontal="right"/>
    </xf>
    <xf numFmtId="0" fontId="14" fillId="0" borderId="14" xfId="5" applyFont="1" applyBorder="1" applyAlignment="1">
      <alignment horizontal="right"/>
    </xf>
    <xf numFmtId="0" fontId="14" fillId="2" borderId="13" xfId="5" applyFont="1" applyFill="1" applyBorder="1" applyAlignment="1">
      <alignment horizontal="center"/>
    </xf>
    <xf numFmtId="38" fontId="18" fillId="2" borderId="53" xfId="6" applyFont="1" applyFill="1" applyBorder="1"/>
    <xf numFmtId="0" fontId="18" fillId="2" borderId="50" xfId="5" applyFont="1" applyFill="1" applyBorder="1" applyAlignment="1">
      <alignment horizontal="center"/>
    </xf>
    <xf numFmtId="0" fontId="9" fillId="2" borderId="0" xfId="5" applyFont="1" applyFill="1" applyBorder="1" applyAlignment="1">
      <alignment horizontal="center"/>
    </xf>
    <xf numFmtId="38" fontId="18" fillId="2" borderId="12" xfId="6" applyFont="1" applyFill="1" applyBorder="1"/>
    <xf numFmtId="0" fontId="67" fillId="2" borderId="13" xfId="5" applyFont="1" applyFill="1" applyBorder="1" applyAlignment="1">
      <alignment horizontal="center"/>
    </xf>
    <xf numFmtId="38" fontId="14" fillId="0" borderId="53" xfId="6" applyFont="1" applyBorder="1"/>
    <xf numFmtId="0" fontId="66" fillId="2" borderId="54" xfId="5" applyFont="1" applyFill="1" applyBorder="1"/>
    <xf numFmtId="38" fontId="14" fillId="2" borderId="12" xfId="6" applyFont="1" applyFill="1" applyBorder="1"/>
    <xf numFmtId="38" fontId="14" fillId="2" borderId="33" xfId="6" applyFont="1" applyFill="1" applyBorder="1"/>
    <xf numFmtId="38" fontId="14" fillId="2" borderId="34" xfId="6" applyFont="1" applyFill="1" applyBorder="1"/>
    <xf numFmtId="38" fontId="14" fillId="2" borderId="45" xfId="6" applyFont="1" applyFill="1" applyBorder="1"/>
    <xf numFmtId="0" fontId="18" fillId="0" borderId="50" xfId="5" applyFont="1" applyFill="1" applyBorder="1" applyAlignment="1"/>
    <xf numFmtId="0" fontId="67" fillId="0" borderId="13" xfId="5" applyFont="1" applyFill="1" applyBorder="1" applyAlignment="1">
      <alignment horizontal="center"/>
    </xf>
    <xf numFmtId="38" fontId="14" fillId="0" borderId="32" xfId="6" applyFont="1" applyFill="1" applyBorder="1"/>
    <xf numFmtId="38" fontId="14" fillId="0" borderId="12" xfId="6" applyFont="1" applyFill="1" applyBorder="1"/>
    <xf numFmtId="38" fontId="67" fillId="0" borderId="13" xfId="6" applyFont="1" applyFill="1" applyBorder="1" applyAlignment="1">
      <alignment horizontal="center"/>
    </xf>
    <xf numFmtId="0" fontId="18" fillId="0" borderId="50" xfId="5" applyFont="1" applyFill="1" applyBorder="1"/>
    <xf numFmtId="38" fontId="14" fillId="0" borderId="11" xfId="6" applyFont="1" applyFill="1" applyBorder="1"/>
    <xf numFmtId="38" fontId="14" fillId="0" borderId="11" xfId="6" applyFont="1" applyFill="1" applyBorder="1" applyAlignment="1">
      <alignment horizontal="right"/>
    </xf>
    <xf numFmtId="0" fontId="67" fillId="2" borderId="13" xfId="5" quotePrefix="1" applyFont="1" applyFill="1" applyBorder="1" applyAlignment="1">
      <alignment horizontal="center"/>
    </xf>
    <xf numFmtId="0" fontId="18" fillId="0" borderId="54" xfId="5" applyFont="1" applyFill="1" applyBorder="1"/>
    <xf numFmtId="38" fontId="14" fillId="0" borderId="34" xfId="6" applyFont="1" applyFill="1" applyBorder="1"/>
    <xf numFmtId="38" fontId="14" fillId="0" borderId="34" xfId="6" applyFont="1" applyFill="1" applyBorder="1" applyAlignment="1">
      <alignment horizontal="right"/>
    </xf>
    <xf numFmtId="0" fontId="14" fillId="0" borderId="13" xfId="5" applyFont="1" applyFill="1" applyBorder="1" applyAlignment="1">
      <alignment horizontal="center"/>
    </xf>
    <xf numFmtId="0" fontId="14" fillId="2" borderId="13" xfId="5" applyFont="1" applyFill="1" applyBorder="1"/>
    <xf numFmtId="0" fontId="14" fillId="0" borderId="13" xfId="5" applyFont="1" applyFill="1" applyBorder="1"/>
    <xf numFmtId="0" fontId="18" fillId="0" borderId="54" xfId="5" applyFont="1" applyFill="1" applyBorder="1" applyAlignment="1">
      <alignment horizontal="center"/>
    </xf>
    <xf numFmtId="38" fontId="14" fillId="0" borderId="36" xfId="6" applyFont="1" applyFill="1" applyBorder="1"/>
    <xf numFmtId="38" fontId="14" fillId="0" borderId="36" xfId="6" applyFont="1" applyFill="1" applyBorder="1" applyAlignment="1">
      <alignment horizontal="right"/>
    </xf>
    <xf numFmtId="0" fontId="14" fillId="2" borderId="6" xfId="5" applyFont="1" applyFill="1" applyBorder="1"/>
    <xf numFmtId="0" fontId="18" fillId="2" borderId="58" xfId="5" applyFont="1" applyFill="1" applyBorder="1" applyAlignment="1">
      <alignment horizontal="center"/>
    </xf>
    <xf numFmtId="38" fontId="14" fillId="2" borderId="47" xfId="6" applyFont="1" applyFill="1" applyBorder="1" applyAlignment="1">
      <alignment horizontal="right"/>
    </xf>
    <xf numFmtId="38" fontId="14" fillId="2" borderId="43" xfId="6" applyFont="1" applyFill="1" applyBorder="1" applyAlignment="1">
      <alignment horizontal="right"/>
    </xf>
    <xf numFmtId="38" fontId="14" fillId="2" borderId="59" xfId="6" applyFont="1" applyFill="1" applyBorder="1" applyAlignment="1">
      <alignment horizontal="right"/>
    </xf>
    <xf numFmtId="0" fontId="68" fillId="2" borderId="13" xfId="5" applyFont="1" applyFill="1" applyBorder="1" applyAlignment="1">
      <alignment horizontal="center"/>
    </xf>
    <xf numFmtId="38" fontId="0" fillId="0" borderId="33" xfId="6" applyFont="1" applyFill="1" applyBorder="1" applyAlignment="1">
      <alignment horizontal="right"/>
    </xf>
    <xf numFmtId="38" fontId="0" fillId="0" borderId="0" xfId="6" applyFont="1" applyBorder="1" applyAlignment="1">
      <alignment horizontal="right"/>
    </xf>
    <xf numFmtId="0" fontId="18" fillId="2" borderId="50" xfId="5" applyFont="1" applyFill="1" applyBorder="1" applyAlignment="1"/>
    <xf numFmtId="38" fontId="14" fillId="2" borderId="32" xfId="6" applyFont="1" applyFill="1" applyBorder="1" applyAlignment="1">
      <alignment horizontal="right"/>
    </xf>
    <xf numFmtId="38" fontId="14" fillId="2" borderId="12" xfId="6" applyFont="1" applyFill="1" applyBorder="1" applyAlignment="1">
      <alignment horizontal="right"/>
    </xf>
    <xf numFmtId="38" fontId="14" fillId="0" borderId="32" xfId="6" applyFont="1" applyFill="1" applyBorder="1" applyAlignment="1">
      <alignment horizontal="right"/>
    </xf>
    <xf numFmtId="38" fontId="14" fillId="0" borderId="13" xfId="6" applyFont="1" applyFill="1" applyBorder="1" applyAlignment="1">
      <alignment horizontal="right"/>
    </xf>
    <xf numFmtId="38" fontId="14" fillId="0" borderId="12" xfId="6" applyFont="1" applyFill="1" applyBorder="1" applyAlignment="1">
      <alignment horizontal="right"/>
    </xf>
    <xf numFmtId="38" fontId="67" fillId="2" borderId="13" xfId="6" applyFont="1" applyFill="1" applyBorder="1" applyAlignment="1">
      <alignment horizontal="center"/>
    </xf>
    <xf numFmtId="0" fontId="18" fillId="2" borderId="50" xfId="5" applyFont="1" applyFill="1" applyBorder="1"/>
    <xf numFmtId="38" fontId="14" fillId="2" borderId="11" xfId="6" applyFont="1" applyFill="1" applyBorder="1" applyAlignment="1">
      <alignment horizontal="right"/>
    </xf>
    <xf numFmtId="38" fontId="0" fillId="0" borderId="33" xfId="6" applyFont="1" applyBorder="1" applyAlignment="1">
      <alignment horizontal="right"/>
    </xf>
    <xf numFmtId="0" fontId="18" fillId="2" borderId="54" xfId="5" applyFont="1" applyFill="1" applyBorder="1"/>
    <xf numFmtId="38" fontId="14" fillId="2" borderId="34" xfId="6" applyFont="1" applyFill="1" applyBorder="1" applyAlignment="1">
      <alignment horizontal="right"/>
    </xf>
    <xf numFmtId="38" fontId="14" fillId="2" borderId="33" xfId="6" applyFont="1" applyFill="1" applyBorder="1" applyAlignment="1">
      <alignment horizontal="right"/>
    </xf>
    <xf numFmtId="38" fontId="14" fillId="0" borderId="45" xfId="6" applyFont="1" applyFill="1" applyBorder="1" applyAlignment="1">
      <alignment horizontal="right"/>
    </xf>
    <xf numFmtId="38" fontId="14" fillId="0" borderId="33" xfId="6" applyFont="1" applyFill="1" applyBorder="1" applyAlignment="1">
      <alignment horizontal="right"/>
    </xf>
    <xf numFmtId="0" fontId="67" fillId="2" borderId="13" xfId="5" applyFont="1" applyFill="1" applyBorder="1"/>
    <xf numFmtId="0" fontId="18" fillId="2" borderId="54" xfId="5" applyFont="1" applyFill="1" applyBorder="1" applyAlignment="1">
      <alignment horizontal="center"/>
    </xf>
    <xf numFmtId="38" fontId="14" fillId="2" borderId="31" xfId="6" applyFont="1" applyFill="1" applyBorder="1" applyAlignment="1">
      <alignment horizontal="right"/>
    </xf>
    <xf numFmtId="38" fontId="14" fillId="2" borderId="35" xfId="6" applyFont="1" applyFill="1" applyBorder="1" applyAlignment="1">
      <alignment horizontal="right"/>
    </xf>
    <xf numFmtId="38" fontId="14" fillId="0" borderId="61" xfId="6" applyFont="1" applyFill="1" applyBorder="1" applyAlignment="1">
      <alignment horizontal="right"/>
    </xf>
    <xf numFmtId="38" fontId="14" fillId="0" borderId="35" xfId="6" applyFont="1" applyFill="1" applyBorder="1" applyAlignment="1">
      <alignment horizontal="right"/>
    </xf>
    <xf numFmtId="38" fontId="0" fillId="0" borderId="12" xfId="6" applyFont="1" applyBorder="1" applyAlignment="1">
      <alignment horizontal="right"/>
    </xf>
    <xf numFmtId="38" fontId="14" fillId="2" borderId="62" xfId="6" applyFont="1" applyFill="1" applyBorder="1" applyAlignment="1">
      <alignment horizontal="right"/>
    </xf>
    <xf numFmtId="0" fontId="14" fillId="2" borderId="9" xfId="5" applyFont="1" applyFill="1" applyBorder="1" applyAlignment="1">
      <alignment horizontal="center"/>
    </xf>
    <xf numFmtId="0" fontId="9" fillId="2" borderId="9" xfId="5" applyFont="1" applyFill="1" applyBorder="1" applyAlignment="1">
      <alignment horizontal="center"/>
    </xf>
    <xf numFmtId="38" fontId="14" fillId="0" borderId="44" xfId="6" applyFont="1" applyFill="1" applyBorder="1" applyAlignment="1">
      <alignment horizontal="right"/>
    </xf>
    <xf numFmtId="38" fontId="14" fillId="0" borderId="56" xfId="6" applyFont="1" applyFill="1" applyBorder="1" applyAlignment="1">
      <alignment horizontal="right"/>
    </xf>
    <xf numFmtId="38" fontId="14" fillId="0" borderId="57" xfId="6" applyFont="1" applyFill="1" applyBorder="1" applyAlignment="1">
      <alignment horizontal="right"/>
    </xf>
    <xf numFmtId="0" fontId="67" fillId="2" borderId="6" xfId="5" applyFont="1" applyFill="1" applyBorder="1"/>
    <xf numFmtId="38" fontId="14" fillId="0" borderId="63" xfId="6" applyFont="1" applyFill="1" applyBorder="1" applyAlignment="1">
      <alignment horizontal="right"/>
    </xf>
    <xf numFmtId="38" fontId="14" fillId="0" borderId="44" xfId="6" applyFont="1" applyFill="1" applyBorder="1"/>
    <xf numFmtId="38" fontId="14" fillId="0" borderId="56" xfId="6" applyFont="1" applyFill="1" applyBorder="1"/>
    <xf numFmtId="38" fontId="14" fillId="0" borderId="57" xfId="6" applyFont="1" applyFill="1" applyBorder="1"/>
    <xf numFmtId="38" fontId="14" fillId="0" borderId="55" xfId="6" applyFont="1" applyFill="1" applyBorder="1"/>
    <xf numFmtId="0" fontId="67" fillId="2" borderId="17" xfId="5" applyFont="1" applyFill="1" applyBorder="1"/>
    <xf numFmtId="38" fontId="14" fillId="0" borderId="64" xfId="6" applyFont="1" applyFill="1" applyBorder="1"/>
    <xf numFmtId="0" fontId="18" fillId="2" borderId="65" xfId="5" applyFont="1" applyFill="1" applyBorder="1" applyAlignment="1">
      <alignment horizontal="center"/>
    </xf>
    <xf numFmtId="38" fontId="14" fillId="2" borderId="66" xfId="6" applyFont="1" applyFill="1" applyBorder="1" applyAlignment="1">
      <alignment horizontal="right"/>
    </xf>
    <xf numFmtId="38" fontId="14" fillId="2" borderId="38" xfId="6" applyFont="1" applyFill="1" applyBorder="1" applyAlignment="1">
      <alignment horizontal="right"/>
    </xf>
    <xf numFmtId="38" fontId="14" fillId="2" borderId="67" xfId="6" applyFont="1" applyFill="1" applyBorder="1" applyAlignment="1">
      <alignment horizontal="right"/>
    </xf>
    <xf numFmtId="0" fontId="14" fillId="0" borderId="0" xfId="5" applyFont="1" applyAlignment="1">
      <alignment horizontal="right"/>
    </xf>
    <xf numFmtId="0" fontId="14" fillId="0" borderId="0" xfId="5" applyFont="1" applyBorder="1"/>
    <xf numFmtId="0" fontId="67" fillId="0" borderId="0" xfId="5" applyFont="1"/>
    <xf numFmtId="0" fontId="11" fillId="0" borderId="3" xfId="5" applyBorder="1"/>
    <xf numFmtId="0" fontId="51" fillId="0" borderId="0" xfId="5" applyFont="1" applyFill="1" applyBorder="1" applyAlignment="1">
      <alignment horizontal="left"/>
    </xf>
    <xf numFmtId="0" fontId="51" fillId="0" borderId="0" xfId="5" applyFont="1" applyFill="1" applyBorder="1" applyAlignment="1">
      <alignment horizontal="center"/>
    </xf>
    <xf numFmtId="0" fontId="51" fillId="0" borderId="11" xfId="5" applyFont="1" applyFill="1" applyBorder="1"/>
    <xf numFmtId="0" fontId="51" fillId="0" borderId="0" xfId="5" applyFont="1" applyFill="1" applyBorder="1"/>
    <xf numFmtId="0" fontId="51" fillId="0" borderId="26" xfId="5" applyFont="1" applyBorder="1"/>
    <xf numFmtId="0" fontId="51" fillId="0" borderId="14" xfId="5" applyFont="1" applyBorder="1" applyAlignment="1">
      <alignment horizontal="center"/>
    </xf>
    <xf numFmtId="0" fontId="51" fillId="0" borderId="14" xfId="5" applyFont="1" applyBorder="1"/>
    <xf numFmtId="0" fontId="51" fillId="0" borderId="9" xfId="5" applyFont="1" applyBorder="1"/>
    <xf numFmtId="0" fontId="51" fillId="0" borderId="0" xfId="5" applyFont="1" applyBorder="1" applyAlignment="1">
      <alignment horizontal="center"/>
    </xf>
    <xf numFmtId="0" fontId="51" fillId="0" borderId="0" xfId="5" applyFont="1" applyBorder="1"/>
    <xf numFmtId="0" fontId="51" fillId="0" borderId="0" xfId="5" applyFont="1" applyBorder="1" applyAlignment="1">
      <alignment horizontal="left"/>
    </xf>
    <xf numFmtId="0" fontId="51" fillId="0" borderId="12" xfId="5" applyFont="1" applyBorder="1"/>
    <xf numFmtId="0" fontId="51" fillId="0" borderId="14" xfId="5" applyFont="1" applyBorder="1" applyAlignment="1">
      <alignment horizontal="left"/>
    </xf>
    <xf numFmtId="0" fontId="51" fillId="0" borderId="5" xfId="5" applyFont="1" applyBorder="1"/>
    <xf numFmtId="0" fontId="51" fillId="0" borderId="5" xfId="5" applyFont="1" applyBorder="1" applyAlignment="1">
      <alignment horizontal="center"/>
    </xf>
    <xf numFmtId="0" fontId="51" fillId="0" borderId="8" xfId="5" applyFont="1" applyBorder="1"/>
    <xf numFmtId="0" fontId="51" fillId="0" borderId="5" xfId="5" applyFont="1" applyBorder="1" applyAlignment="1">
      <alignment horizontal="left"/>
    </xf>
    <xf numFmtId="0" fontId="51" fillId="0" borderId="6" xfId="5" applyFont="1" applyBorder="1"/>
    <xf numFmtId="0" fontId="11" fillId="0" borderId="5" xfId="5" applyBorder="1"/>
    <xf numFmtId="0" fontId="58" fillId="0" borderId="7" xfId="5" applyFont="1" applyBorder="1"/>
    <xf numFmtId="0" fontId="51" fillId="0" borderId="28" xfId="5" applyFont="1" applyBorder="1" applyAlignment="1">
      <alignment horizontal="center"/>
    </xf>
    <xf numFmtId="0" fontId="51" fillId="0" borderId="8" xfId="5" applyFont="1" applyBorder="1" applyAlignment="1">
      <alignment horizontal="center"/>
    </xf>
    <xf numFmtId="0" fontId="51" fillId="0" borderId="28" xfId="5" applyFont="1" applyBorder="1" applyAlignment="1">
      <alignment horizontal="left"/>
    </xf>
    <xf numFmtId="0" fontId="51" fillId="0" borderId="6" xfId="5" applyFont="1" applyBorder="1" applyAlignment="1">
      <alignment horizontal="center"/>
    </xf>
    <xf numFmtId="0" fontId="11" fillId="0" borderId="12" xfId="5" applyBorder="1" applyAlignment="1">
      <alignment horizontal="right"/>
    </xf>
    <xf numFmtId="0" fontId="58" fillId="0" borderId="11" xfId="5" applyFont="1" applyBorder="1"/>
    <xf numFmtId="0" fontId="11" fillId="0" borderId="13" xfId="5" applyBorder="1" applyAlignment="1">
      <alignment horizontal="right"/>
    </xf>
    <xf numFmtId="0" fontId="10" fillId="0" borderId="11" xfId="5" applyFont="1" applyBorder="1" applyAlignment="1">
      <alignment horizontal="center"/>
    </xf>
    <xf numFmtId="0" fontId="58" fillId="0" borderId="34" xfId="5" applyFont="1" applyBorder="1"/>
    <xf numFmtId="0" fontId="10" fillId="0" borderId="11" xfId="5" applyFont="1" applyBorder="1"/>
    <xf numFmtId="0" fontId="10" fillId="0" borderId="34" xfId="5" applyFont="1" applyBorder="1"/>
    <xf numFmtId="0" fontId="10" fillId="0" borderId="7" xfId="5" applyFont="1" applyBorder="1" applyAlignment="1">
      <alignment horizontal="center"/>
    </xf>
    <xf numFmtId="0" fontId="11" fillId="0" borderId="4" xfId="5" applyBorder="1" applyAlignment="1">
      <alignment horizontal="right"/>
    </xf>
    <xf numFmtId="0" fontId="58" fillId="0" borderId="3" xfId="5" applyFont="1" applyBorder="1"/>
    <xf numFmtId="0" fontId="11" fillId="0" borderId="3" xfId="5" applyBorder="1" applyAlignment="1">
      <alignment horizontal="right"/>
    </xf>
    <xf numFmtId="0" fontId="11" fillId="0" borderId="2" xfId="5" applyBorder="1" applyAlignment="1">
      <alignment horizontal="right"/>
    </xf>
    <xf numFmtId="184" fontId="61" fillId="0" borderId="12" xfId="5" applyNumberFormat="1" applyFont="1" applyBorder="1"/>
    <xf numFmtId="184" fontId="61" fillId="0" borderId="0" xfId="5" applyNumberFormat="1" applyFont="1" applyBorder="1" applyAlignment="1">
      <alignment horizontal="right"/>
    </xf>
    <xf numFmtId="184" fontId="61" fillId="0" borderId="11" xfId="5" applyNumberFormat="1" applyFont="1" applyBorder="1" applyAlignment="1">
      <alignment horizontal="right"/>
    </xf>
    <xf numFmtId="184" fontId="61" fillId="0" borderId="12" xfId="5" applyNumberFormat="1" applyFont="1" applyBorder="1" applyAlignment="1">
      <alignment horizontal="right"/>
    </xf>
    <xf numFmtId="184" fontId="61" fillId="0" borderId="11" xfId="5" applyNumberFormat="1" applyFont="1" applyBorder="1"/>
    <xf numFmtId="184" fontId="61" fillId="0" borderId="0" xfId="5" applyNumberFormat="1" applyFont="1" applyBorder="1"/>
    <xf numFmtId="184" fontId="61" fillId="0" borderId="13" xfId="5" applyNumberFormat="1" applyFont="1" applyBorder="1"/>
    <xf numFmtId="184" fontId="11" fillId="0" borderId="33" xfId="5" applyNumberFormat="1" applyBorder="1"/>
    <xf numFmtId="184" fontId="11" fillId="0" borderId="39" xfId="5" applyNumberFormat="1" applyBorder="1"/>
    <xf numFmtId="184" fontId="11" fillId="0" borderId="34" xfId="5" applyNumberFormat="1" applyBorder="1"/>
    <xf numFmtId="184" fontId="11" fillId="0" borderId="45" xfId="5" applyNumberFormat="1" applyBorder="1"/>
    <xf numFmtId="184" fontId="11" fillId="0" borderId="12" xfId="5" applyNumberFormat="1" applyBorder="1"/>
    <xf numFmtId="184" fontId="11" fillId="0" borderId="36" xfId="5" applyNumberFormat="1" applyBorder="1"/>
    <xf numFmtId="187" fontId="0" fillId="0" borderId="7" xfId="6" applyNumberFormat="1" applyFont="1" applyBorder="1" applyAlignment="1">
      <alignment horizontal="right"/>
    </xf>
    <xf numFmtId="0" fontId="11" fillId="0" borderId="27" xfId="5" applyBorder="1"/>
    <xf numFmtId="184" fontId="11" fillId="0" borderId="18" xfId="5" applyNumberFormat="1" applyBorder="1"/>
    <xf numFmtId="0" fontId="10" fillId="0" borderId="18" xfId="5" applyFont="1" applyBorder="1"/>
    <xf numFmtId="0" fontId="51" fillId="0" borderId="11" xfId="5" applyFont="1" applyBorder="1"/>
    <xf numFmtId="0" fontId="51" fillId="2" borderId="0" xfId="5" applyFont="1" applyFill="1" applyBorder="1"/>
    <xf numFmtId="0" fontId="11" fillId="2" borderId="12" xfId="5" applyFill="1" applyBorder="1" applyAlignment="1">
      <alignment horizontal="right"/>
    </xf>
    <xf numFmtId="0" fontId="11" fillId="2" borderId="0" xfId="5" applyFill="1" applyBorder="1" applyAlignment="1">
      <alignment horizontal="right"/>
    </xf>
    <xf numFmtId="0" fontId="11" fillId="2" borderId="11" xfId="5" applyFill="1" applyBorder="1" applyAlignment="1">
      <alignment horizontal="right"/>
    </xf>
    <xf numFmtId="184" fontId="11" fillId="0" borderId="32" xfId="5" applyNumberFormat="1" applyBorder="1"/>
    <xf numFmtId="184" fontId="11" fillId="0" borderId="43" xfId="5" applyNumberFormat="1" applyBorder="1" applyAlignment="1">
      <alignment horizontal="right"/>
    </xf>
    <xf numFmtId="0" fontId="51" fillId="2" borderId="0" xfId="5" applyFont="1" applyFill="1" applyBorder="1" applyAlignment="1">
      <alignment horizontal="left"/>
    </xf>
    <xf numFmtId="0" fontId="11" fillId="0" borderId="0" xfId="5" applyBorder="1" applyAlignment="1">
      <alignment horizontal="center"/>
    </xf>
    <xf numFmtId="0" fontId="11" fillId="0" borderId="14" xfId="5" applyBorder="1" applyAlignment="1">
      <alignment horizontal="center"/>
    </xf>
    <xf numFmtId="0" fontId="11" fillId="0" borderId="29" xfId="5" applyBorder="1"/>
    <xf numFmtId="0" fontId="11" fillId="0" borderId="42" xfId="5" applyBorder="1"/>
    <xf numFmtId="0" fontId="51" fillId="0" borderId="44" xfId="5" applyFont="1" applyBorder="1"/>
    <xf numFmtId="0" fontId="51" fillId="0" borderId="13" xfId="5" applyFont="1" applyBorder="1"/>
    <xf numFmtId="0" fontId="51" fillId="0" borderId="12" xfId="5" applyFont="1" applyBorder="1" applyAlignment="1">
      <alignment horizontal="center"/>
    </xf>
    <xf numFmtId="0" fontId="51" fillId="0" borderId="10" xfId="5" applyFont="1" applyBorder="1" applyAlignment="1">
      <alignment horizontal="center"/>
    </xf>
    <xf numFmtId="0" fontId="51" fillId="0" borderId="13" xfId="5" applyFont="1" applyBorder="1" applyAlignment="1">
      <alignment horizontal="center"/>
    </xf>
    <xf numFmtId="0" fontId="51" fillId="0" borderId="13" xfId="5" applyFont="1" applyBorder="1" applyAlignment="1">
      <alignment horizontal="left"/>
    </xf>
    <xf numFmtId="0" fontId="58" fillId="0" borderId="10" xfId="5" applyFont="1" applyBorder="1"/>
    <xf numFmtId="0" fontId="11" fillId="0" borderId="26" xfId="5" applyBorder="1" applyAlignment="1">
      <alignment horizontal="right"/>
    </xf>
    <xf numFmtId="0" fontId="11" fillId="0" borderId="9" xfId="5" applyBorder="1" applyAlignment="1">
      <alignment horizontal="right"/>
    </xf>
    <xf numFmtId="0" fontId="11" fillId="0" borderId="13" xfId="5" applyBorder="1" applyAlignment="1">
      <alignment horizontal="center"/>
    </xf>
    <xf numFmtId="0" fontId="51" fillId="0" borderId="13" xfId="5" quotePrefix="1" applyFont="1" applyFill="1" applyBorder="1" applyAlignment="1">
      <alignment horizontal="center"/>
    </xf>
    <xf numFmtId="0" fontId="51" fillId="0" borderId="13" xfId="5" quotePrefix="1" applyFont="1" applyBorder="1" applyAlignment="1">
      <alignment horizontal="center"/>
    </xf>
    <xf numFmtId="0" fontId="51" fillId="0" borderId="17" xfId="5" applyFont="1" applyBorder="1"/>
    <xf numFmtId="38" fontId="0" fillId="0" borderId="34" xfId="6" applyFont="1" applyFill="1" applyBorder="1" applyAlignment="1">
      <alignment horizontal="right"/>
    </xf>
    <xf numFmtId="38" fontId="0" fillId="0" borderId="39" xfId="6" applyFont="1" applyFill="1" applyBorder="1" applyAlignment="1">
      <alignment horizontal="right"/>
    </xf>
    <xf numFmtId="38" fontId="0" fillId="0" borderId="45" xfId="6" applyFont="1" applyFill="1" applyBorder="1" applyAlignment="1">
      <alignment horizontal="right"/>
    </xf>
    <xf numFmtId="0" fontId="51" fillId="3" borderId="13" xfId="5" quotePrefix="1" applyFont="1" applyFill="1" applyBorder="1" applyAlignment="1">
      <alignment horizontal="center"/>
    </xf>
    <xf numFmtId="0" fontId="51" fillId="0" borderId="2" xfId="5" applyFont="1" applyBorder="1"/>
    <xf numFmtId="0" fontId="51" fillId="0" borderId="13" xfId="5" applyFont="1" applyBorder="1" applyAlignment="1">
      <alignment horizontal="center" vertical="center" textRotation="255"/>
    </xf>
    <xf numFmtId="0" fontId="10" fillId="0" borderId="11" xfId="5" applyFont="1" applyFill="1" applyBorder="1" applyAlignment="1">
      <alignment horizontal="center"/>
    </xf>
    <xf numFmtId="0" fontId="11" fillId="0" borderId="13" xfId="5" applyFill="1" applyBorder="1" applyAlignment="1">
      <alignment horizontal="center"/>
    </xf>
    <xf numFmtId="38" fontId="61" fillId="0" borderId="12" xfId="6" applyFont="1" applyFill="1" applyBorder="1"/>
    <xf numFmtId="38" fontId="61" fillId="0" borderId="11" xfId="6" applyFont="1" applyFill="1" applyBorder="1"/>
    <xf numFmtId="38" fontId="61" fillId="0" borderId="0" xfId="6" applyFont="1" applyFill="1" applyBorder="1"/>
    <xf numFmtId="38" fontId="61" fillId="0" borderId="13" xfId="6" applyFont="1" applyFill="1" applyBorder="1"/>
    <xf numFmtId="0" fontId="11" fillId="0" borderId="33" xfId="5" applyFill="1" applyBorder="1"/>
    <xf numFmtId="0" fontId="58" fillId="0" borderId="34" xfId="5" applyFont="1" applyFill="1" applyBorder="1"/>
    <xf numFmtId="0" fontId="51" fillId="0" borderId="13" xfId="5" applyFont="1" applyFill="1" applyBorder="1" applyAlignment="1">
      <alignment horizontal="center"/>
    </xf>
    <xf numFmtId="38" fontId="0" fillId="0" borderId="33" xfId="6" applyFont="1" applyFill="1" applyBorder="1"/>
    <xf numFmtId="38" fontId="0" fillId="0" borderId="34" xfId="6" applyFont="1" applyFill="1" applyBorder="1"/>
    <xf numFmtId="38" fontId="0" fillId="0" borderId="39" xfId="6" applyFont="1" applyFill="1" applyBorder="1"/>
    <xf numFmtId="38" fontId="0" fillId="0" borderId="45" xfId="6" applyFont="1" applyFill="1" applyBorder="1"/>
    <xf numFmtId="0" fontId="10" fillId="0" borderId="0" xfId="5" applyFont="1"/>
    <xf numFmtId="0" fontId="11" fillId="0" borderId="1" xfId="5" applyFont="1" applyBorder="1"/>
    <xf numFmtId="0" fontId="11" fillId="0" borderId="41" xfId="5" applyFont="1" applyBorder="1" applyAlignment="1">
      <alignment horizontal="centerContinuous"/>
    </xf>
    <xf numFmtId="0" fontId="11" fillId="0" borderId="23" xfId="5" applyFont="1" applyBorder="1" applyAlignment="1">
      <alignment horizontal="center"/>
    </xf>
    <xf numFmtId="0" fontId="11" fillId="0" borderId="24" xfId="5" applyFont="1" applyBorder="1" applyAlignment="1">
      <alignment horizontal="centerContinuous"/>
    </xf>
    <xf numFmtId="0" fontId="11" fillId="0" borderId="23" xfId="5" quotePrefix="1" applyFont="1" applyBorder="1" applyAlignment="1">
      <alignment horizontal="centerContinuous"/>
    </xf>
    <xf numFmtId="0" fontId="11" fillId="0" borderId="23" xfId="5" quotePrefix="1" applyFont="1" applyBorder="1" applyAlignment="1">
      <alignment horizontal="center"/>
    </xf>
    <xf numFmtId="0" fontId="11" fillId="0" borderId="23" xfId="5" applyFont="1" applyBorder="1" applyAlignment="1">
      <alignment horizontal="centerContinuous"/>
    </xf>
    <xf numFmtId="0" fontId="11" fillId="0" borderId="5" xfId="5" quotePrefix="1" applyFont="1" applyBorder="1" applyAlignment="1">
      <alignment horizontal="left"/>
    </xf>
    <xf numFmtId="0" fontId="11" fillId="0" borderId="8" xfId="5" applyFont="1" applyBorder="1" applyAlignment="1">
      <alignment horizontal="center"/>
    </xf>
    <xf numFmtId="0" fontId="11" fillId="0" borderId="7" xfId="5" applyFont="1" applyBorder="1" applyAlignment="1">
      <alignment horizontal="center"/>
    </xf>
    <xf numFmtId="0" fontId="11" fillId="0" borderId="5" xfId="5" applyFont="1" applyBorder="1" applyAlignment="1">
      <alignment horizontal="center"/>
    </xf>
    <xf numFmtId="0" fontId="49" fillId="0" borderId="0" xfId="5" quotePrefix="1" applyFont="1" applyBorder="1" applyAlignment="1">
      <alignment horizontal="left"/>
    </xf>
    <xf numFmtId="0" fontId="49" fillId="0" borderId="0" xfId="5" applyFont="1" applyBorder="1" applyAlignment="1">
      <alignment horizontal="left"/>
    </xf>
    <xf numFmtId="0" fontId="51" fillId="0" borderId="0" xfId="5" applyFont="1"/>
    <xf numFmtId="0" fontId="30" fillId="0" borderId="0" xfId="5" applyFont="1" applyBorder="1"/>
    <xf numFmtId="0" fontId="30" fillId="0" borderId="0" xfId="5" quotePrefix="1" applyFont="1" applyBorder="1" applyAlignment="1">
      <alignment horizontal="distributed"/>
    </xf>
    <xf numFmtId="0" fontId="30" fillId="0" borderId="0" xfId="5" applyFont="1" applyBorder="1" applyAlignment="1">
      <alignment horizontal="distributed"/>
    </xf>
    <xf numFmtId="0" fontId="30" fillId="0" borderId="0" xfId="5" applyFont="1" applyBorder="1" applyAlignment="1">
      <alignment horizontal="distributed" vertical="top"/>
    </xf>
    <xf numFmtId="0" fontId="10" fillId="0" borderId="0" xfId="5" applyFont="1" applyBorder="1"/>
    <xf numFmtId="0" fontId="10" fillId="0" borderId="0" xfId="5" quotePrefix="1" applyFont="1" applyBorder="1" applyAlignment="1">
      <alignment horizontal="left"/>
    </xf>
    <xf numFmtId="0" fontId="11" fillId="0" borderId="27" xfId="5" applyFont="1" applyBorder="1"/>
    <xf numFmtId="0" fontId="11" fillId="0" borderId="27" xfId="5" applyFont="1" applyBorder="1" applyAlignment="1">
      <alignment horizontal="distributed"/>
    </xf>
    <xf numFmtId="0" fontId="11" fillId="0" borderId="0" xfId="5" applyFont="1" applyBorder="1"/>
    <xf numFmtId="0" fontId="11" fillId="0" borderId="41" xfId="5" quotePrefix="1" applyFont="1" applyBorder="1" applyAlignment="1">
      <alignment horizontal="centerContinuous"/>
    </xf>
    <xf numFmtId="0" fontId="11" fillId="0" borderId="23" xfId="5" applyFont="1" applyBorder="1"/>
    <xf numFmtId="0" fontId="11" fillId="0" borderId="41" xfId="5" applyFont="1" applyBorder="1"/>
    <xf numFmtId="0" fontId="11" fillId="0" borderId="24" xfId="5" applyFont="1" applyBorder="1"/>
    <xf numFmtId="0" fontId="30" fillId="0" borderId="27" xfId="5" applyFont="1" applyBorder="1"/>
    <xf numFmtId="0" fontId="30" fillId="0" borderId="27" xfId="5" applyFont="1" applyBorder="1" applyAlignment="1">
      <alignment horizontal="distributed"/>
    </xf>
    <xf numFmtId="37" fontId="11" fillId="0" borderId="0" xfId="5" applyNumberFormat="1"/>
    <xf numFmtId="0" fontId="11" fillId="0" borderId="28" xfId="5" applyFont="1" applyBorder="1" applyAlignment="1">
      <alignment horizontal="center"/>
    </xf>
    <xf numFmtId="0" fontId="11" fillId="0" borderId="6" xfId="5" applyFont="1" applyBorder="1" applyAlignment="1">
      <alignment horizontal="center"/>
    </xf>
    <xf numFmtId="0" fontId="11" fillId="0" borderId="5" xfId="5" quotePrefix="1" applyBorder="1" applyAlignment="1">
      <alignment horizontal="left"/>
    </xf>
    <xf numFmtId="0" fontId="58" fillId="0" borderId="0" xfId="5" applyFont="1"/>
    <xf numFmtId="0" fontId="11" fillId="0" borderId="0" xfId="0" applyFont="1"/>
    <xf numFmtId="0" fontId="11" fillId="0" borderId="0" xfId="0" applyFont="1" applyFill="1"/>
    <xf numFmtId="0" fontId="0" fillId="0" borderId="0" xfId="0" applyFill="1"/>
    <xf numFmtId="0" fontId="0" fillId="0" borderId="1" xfId="0" applyBorder="1"/>
    <xf numFmtId="0" fontId="11" fillId="0" borderId="3" xfId="0" applyFont="1" applyBorder="1" applyAlignment="1">
      <alignment horizontal="center"/>
    </xf>
    <xf numFmtId="0" fontId="11" fillId="0" borderId="1" xfId="0" applyFont="1" applyBorder="1" applyAlignment="1">
      <alignment horizontal="center"/>
    </xf>
    <xf numFmtId="0" fontId="11" fillId="0" borderId="1" xfId="0" applyFont="1" applyBorder="1"/>
    <xf numFmtId="0" fontId="11" fillId="0" borderId="4" xfId="0" applyFont="1" applyFill="1" applyBorder="1" applyAlignment="1">
      <alignment horizontal="center"/>
    </xf>
    <xf numFmtId="0" fontId="11" fillId="0" borderId="11" xfId="0" applyFont="1" applyFill="1" applyBorder="1" applyAlignment="1">
      <alignment horizontal="center"/>
    </xf>
    <xf numFmtId="0" fontId="11" fillId="0" borderId="0" xfId="0" applyFont="1" applyFill="1" applyBorder="1" applyAlignment="1">
      <alignment horizontal="center"/>
    </xf>
    <xf numFmtId="0" fontId="11" fillId="0" borderId="26" xfId="0" applyFont="1" applyFill="1" applyBorder="1"/>
    <xf numFmtId="0" fontId="11" fillId="0" borderId="14" xfId="0" applyFont="1" applyFill="1" applyBorder="1"/>
    <xf numFmtId="0" fontId="11" fillId="0" borderId="9" xfId="0" applyFont="1" applyFill="1" applyBorder="1"/>
    <xf numFmtId="0" fontId="11" fillId="0" borderId="12" xfId="0" applyFont="1" applyFill="1" applyBorder="1" applyAlignment="1">
      <alignment horizontal="center"/>
    </xf>
    <xf numFmtId="0" fontId="11" fillId="0" borderId="0" xfId="0" applyFont="1" applyBorder="1" applyAlignment="1">
      <alignment horizontal="left"/>
    </xf>
    <xf numFmtId="0" fontId="11" fillId="0" borderId="0" xfId="0" applyFont="1" applyBorder="1"/>
    <xf numFmtId="0" fontId="11" fillId="0" borderId="10" xfId="0" applyFont="1" applyFill="1" applyBorder="1" applyAlignment="1">
      <alignment horizontal="center"/>
    </xf>
    <xf numFmtId="0" fontId="11" fillId="0" borderId="26" xfId="0" applyFont="1" applyFill="1" applyBorder="1" applyAlignment="1">
      <alignment horizontal="center"/>
    </xf>
    <xf numFmtId="0" fontId="11" fillId="0" borderId="5" xfId="0" quotePrefix="1" applyFont="1" applyBorder="1" applyAlignment="1">
      <alignment horizontal="left"/>
    </xf>
    <xf numFmtId="0" fontId="11" fillId="0" borderId="7" xfId="0" applyFont="1" applyFill="1" applyBorder="1" applyAlignment="1">
      <alignment horizontal="center"/>
    </xf>
    <xf numFmtId="0" fontId="11" fillId="0" borderId="5" xfId="0" applyFont="1" applyFill="1" applyBorder="1" applyAlignment="1">
      <alignment horizontal="center"/>
    </xf>
    <xf numFmtId="0" fontId="11" fillId="0" borderId="8" xfId="0" applyFont="1" applyFill="1" applyBorder="1" applyAlignment="1">
      <alignment horizontal="center"/>
    </xf>
    <xf numFmtId="0" fontId="11" fillId="0" borderId="0" xfId="0" quotePrefix="1" applyFont="1" applyBorder="1" applyAlignment="1">
      <alignment horizontal="left"/>
    </xf>
    <xf numFmtId="0" fontId="11" fillId="0" borderId="11" xfId="0" applyFont="1" applyFill="1" applyBorder="1" applyAlignment="1">
      <alignment horizontal="right"/>
    </xf>
    <xf numFmtId="0" fontId="11" fillId="0" borderId="0" xfId="0" applyFont="1" applyFill="1" applyBorder="1" applyAlignment="1">
      <alignment horizontal="right"/>
    </xf>
    <xf numFmtId="0" fontId="11" fillId="0" borderId="12" xfId="0" applyFont="1" applyFill="1" applyBorder="1" applyAlignment="1">
      <alignment horizontal="right"/>
    </xf>
    <xf numFmtId="0" fontId="11" fillId="0" borderId="13" xfId="0" applyFont="1" applyFill="1" applyBorder="1" applyAlignment="1">
      <alignment horizontal="right"/>
    </xf>
    <xf numFmtId="0" fontId="69" fillId="0" borderId="0" xfId="0" quotePrefix="1" applyFont="1" applyBorder="1" applyAlignment="1">
      <alignment horizontal="left"/>
    </xf>
    <xf numFmtId="0" fontId="69" fillId="0" borderId="0" xfId="0" applyFont="1" applyBorder="1" applyAlignment="1">
      <alignment horizontal="left"/>
    </xf>
    <xf numFmtId="38" fontId="69" fillId="0" borderId="11" xfId="0" applyNumberFormat="1" applyFont="1" applyFill="1" applyBorder="1"/>
    <xf numFmtId="38" fontId="69" fillId="0" borderId="0" xfId="1" applyFont="1" applyFill="1" applyBorder="1"/>
    <xf numFmtId="38" fontId="69" fillId="0" borderId="11" xfId="1" quotePrefix="1" applyFont="1" applyFill="1" applyBorder="1" applyAlignment="1">
      <alignment horizontal="right"/>
    </xf>
    <xf numFmtId="38" fontId="69" fillId="0" borderId="13" xfId="1" quotePrefix="1" applyFont="1" applyFill="1" applyBorder="1" applyAlignment="1">
      <alignment horizontal="right"/>
    </xf>
    <xf numFmtId="38" fontId="69" fillId="0" borderId="12" xfId="1" quotePrefix="1" applyFont="1" applyFill="1" applyBorder="1" applyAlignment="1">
      <alignment horizontal="right"/>
    </xf>
    <xf numFmtId="0" fontId="69" fillId="0" borderId="0" xfId="0" applyFont="1"/>
    <xf numFmtId="0" fontId="11" fillId="0" borderId="0" xfId="0" quotePrefix="1" applyFont="1" applyBorder="1" applyAlignment="1">
      <alignment horizontal="distributed"/>
    </xf>
    <xf numFmtId="38" fontId="11" fillId="0" borderId="11" xfId="0" applyNumberFormat="1" applyFont="1" applyFill="1" applyBorder="1"/>
    <xf numFmtId="38" fontId="11" fillId="0" borderId="0" xfId="1" applyFont="1" applyFill="1" applyBorder="1"/>
    <xf numFmtId="38" fontId="11" fillId="0" borderId="12" xfId="1" applyFont="1" applyFill="1" applyBorder="1" applyAlignment="1">
      <alignment horizontal="right"/>
    </xf>
    <xf numFmtId="38" fontId="11" fillId="0" borderId="11" xfId="1" quotePrefix="1" applyFont="1" applyFill="1" applyBorder="1" applyAlignment="1">
      <alignment horizontal="right"/>
    </xf>
    <xf numFmtId="38" fontId="11" fillId="0" borderId="13" xfId="1" applyFont="1" applyFill="1" applyBorder="1"/>
    <xf numFmtId="38" fontId="11" fillId="0" borderId="0" xfId="1" applyFont="1" applyFill="1" applyBorder="1" applyAlignment="1">
      <alignment horizontal="right"/>
    </xf>
    <xf numFmtId="37" fontId="11" fillId="0" borderId="11" xfId="0" applyNumberFormat="1" applyFont="1" applyFill="1" applyBorder="1"/>
    <xf numFmtId="37" fontId="11" fillId="0" borderId="0" xfId="0" applyNumberFormat="1" applyFont="1" applyFill="1" applyBorder="1"/>
    <xf numFmtId="38" fontId="11" fillId="0" borderId="12" xfId="0" applyNumberFormat="1" applyFont="1" applyFill="1" applyBorder="1"/>
    <xf numFmtId="0" fontId="11" fillId="0" borderId="0" xfId="0" applyFont="1" applyBorder="1" applyAlignment="1">
      <alignment horizontal="distributed"/>
    </xf>
    <xf numFmtId="38" fontId="69" fillId="0" borderId="12" xfId="1" applyFont="1" applyFill="1" applyBorder="1"/>
    <xf numFmtId="38" fontId="69" fillId="0" borderId="11" xfId="1" applyFont="1" applyFill="1" applyBorder="1"/>
    <xf numFmtId="38" fontId="69" fillId="0" borderId="13" xfId="1" applyFont="1" applyFill="1" applyBorder="1"/>
    <xf numFmtId="37" fontId="69" fillId="0" borderId="11" xfId="0" applyNumberFormat="1" applyFont="1" applyFill="1" applyBorder="1"/>
    <xf numFmtId="38" fontId="69" fillId="0" borderId="12" xfId="0" applyNumberFormat="1" applyFont="1" applyFill="1" applyBorder="1"/>
    <xf numFmtId="38" fontId="11" fillId="0" borderId="11" xfId="1" applyFont="1" applyFill="1" applyBorder="1" applyAlignment="1">
      <alignment horizontal="right"/>
    </xf>
    <xf numFmtId="0" fontId="11" fillId="0" borderId="0" xfId="0" applyFont="1" applyBorder="1" applyAlignment="1">
      <alignment horizontal="distributed" vertical="top"/>
    </xf>
    <xf numFmtId="38" fontId="11" fillId="0" borderId="11" xfId="0" applyNumberFormat="1" applyFont="1" applyFill="1" applyBorder="1" applyAlignment="1"/>
    <xf numFmtId="38" fontId="11" fillId="0" borderId="0" xfId="1" applyFont="1" applyFill="1" applyBorder="1" applyAlignment="1"/>
    <xf numFmtId="37" fontId="11" fillId="0" borderId="11" xfId="0" applyNumberFormat="1" applyFont="1" applyFill="1" applyBorder="1" applyAlignment="1"/>
    <xf numFmtId="37" fontId="11" fillId="0" borderId="0" xfId="0" applyNumberFormat="1" applyFont="1" applyFill="1" applyBorder="1" applyAlignment="1"/>
    <xf numFmtId="38" fontId="11" fillId="0" borderId="12" xfId="0" applyNumberFormat="1" applyFont="1" applyFill="1" applyBorder="1" applyAlignment="1"/>
    <xf numFmtId="0" fontId="11" fillId="0" borderId="27" xfId="0" applyFont="1" applyBorder="1"/>
    <xf numFmtId="0" fontId="11" fillId="0" borderId="27" xfId="0" applyFont="1" applyBorder="1" applyAlignment="1">
      <alignment horizontal="distributed"/>
    </xf>
    <xf numFmtId="38" fontId="11" fillId="0" borderId="18" xfId="0" applyNumberFormat="1" applyFont="1" applyFill="1" applyBorder="1"/>
    <xf numFmtId="38" fontId="11" fillId="0" borderId="27" xfId="1" applyFont="1" applyFill="1" applyBorder="1"/>
    <xf numFmtId="38" fontId="11" fillId="0" borderId="18" xfId="1" applyFont="1" applyFill="1" applyBorder="1" applyAlignment="1">
      <alignment horizontal="right"/>
    </xf>
    <xf numFmtId="38" fontId="11" fillId="0" borderId="27" xfId="1" applyFont="1" applyFill="1" applyBorder="1" applyAlignment="1">
      <alignment horizontal="right"/>
    </xf>
    <xf numFmtId="37" fontId="11" fillId="0" borderId="18" xfId="0" applyNumberFormat="1" applyFont="1" applyFill="1" applyBorder="1"/>
    <xf numFmtId="37" fontId="11" fillId="0" borderId="27" xfId="0" applyNumberFormat="1" applyFont="1" applyFill="1" applyBorder="1"/>
    <xf numFmtId="38" fontId="11" fillId="0" borderId="19" xfId="0" applyNumberFormat="1" applyFont="1" applyFill="1" applyBorder="1"/>
    <xf numFmtId="0" fontId="12" fillId="0" borderId="0" xfId="0" applyFont="1"/>
    <xf numFmtId="0" fontId="13" fillId="0" borderId="0" xfId="0" applyFont="1"/>
    <xf numFmtId="38" fontId="0" fillId="0" borderId="0" xfId="0" applyNumberFormat="1"/>
    <xf numFmtId="0" fontId="70" fillId="0" borderId="0" xfId="0" applyFont="1"/>
    <xf numFmtId="0" fontId="21" fillId="0" borderId="0" xfId="3" applyFont="1"/>
    <xf numFmtId="0" fontId="8" fillId="0" borderId="0" xfId="3" applyFont="1" applyAlignment="1">
      <alignment horizontal="right"/>
    </xf>
    <xf numFmtId="0" fontId="21" fillId="0" borderId="0" xfId="3" applyFont="1" applyAlignment="1">
      <alignment horizontal="right"/>
    </xf>
    <xf numFmtId="0" fontId="4" fillId="0" borderId="1" xfId="3" applyBorder="1"/>
    <xf numFmtId="0" fontId="57" fillId="0" borderId="3" xfId="3" applyFont="1" applyBorder="1"/>
    <xf numFmtId="0" fontId="57" fillId="0" borderId="1" xfId="3" applyFont="1" applyBorder="1"/>
    <xf numFmtId="0" fontId="57" fillId="0" borderId="11" xfId="3" applyFont="1" applyBorder="1"/>
    <xf numFmtId="0" fontId="57" fillId="0" borderId="0" xfId="3" applyFont="1" applyBorder="1"/>
    <xf numFmtId="0" fontId="57" fillId="0" borderId="26" xfId="3" applyFont="1" applyBorder="1"/>
    <xf numFmtId="0" fontId="57" fillId="0" borderId="14" xfId="3" applyFont="1" applyBorder="1"/>
    <xf numFmtId="0" fontId="57" fillId="0" borderId="42" xfId="3" applyFont="1" applyBorder="1"/>
    <xf numFmtId="0" fontId="4" fillId="0" borderId="29" xfId="3" applyBorder="1"/>
    <xf numFmtId="0" fontId="4" fillId="0" borderId="14" xfId="3" applyBorder="1"/>
    <xf numFmtId="0" fontId="57" fillId="0" borderId="11" xfId="3" applyFont="1" applyBorder="1" applyAlignment="1">
      <alignment horizontal="center" wrapText="1"/>
    </xf>
    <xf numFmtId="0" fontId="57" fillId="0" borderId="0" xfId="3" applyFont="1" applyBorder="1" applyAlignment="1">
      <alignment horizontal="center"/>
    </xf>
    <xf numFmtId="0" fontId="57" fillId="0" borderId="12" xfId="3" applyFont="1" applyBorder="1" applyAlignment="1">
      <alignment horizontal="center"/>
    </xf>
    <xf numFmtId="0" fontId="57" fillId="0" borderId="26" xfId="3" applyFont="1" applyBorder="1" applyAlignment="1">
      <alignment horizontal="center"/>
    </xf>
    <xf numFmtId="0" fontId="57" fillId="0" borderId="10" xfId="3" applyFont="1" applyBorder="1" applyAlignment="1">
      <alignment horizontal="center"/>
    </xf>
    <xf numFmtId="0" fontId="4" fillId="0" borderId="5" xfId="3" applyBorder="1"/>
    <xf numFmtId="0" fontId="57" fillId="0" borderId="7" xfId="3" applyFont="1" applyBorder="1" applyAlignment="1">
      <alignment horizontal="center"/>
    </xf>
    <xf numFmtId="0" fontId="57" fillId="0" borderId="5" xfId="3" applyFont="1" applyBorder="1" applyAlignment="1">
      <alignment horizontal="center"/>
    </xf>
    <xf numFmtId="0" fontId="57" fillId="0" borderId="8" xfId="3" applyFont="1" applyBorder="1" applyAlignment="1">
      <alignment horizontal="center"/>
    </xf>
    <xf numFmtId="0" fontId="57" fillId="0" borderId="0" xfId="3" applyFont="1"/>
    <xf numFmtId="0" fontId="71" fillId="0" borderId="12" xfId="3" applyFont="1" applyBorder="1" applyAlignment="1">
      <alignment horizontal="right"/>
    </xf>
    <xf numFmtId="0" fontId="71" fillId="0" borderId="0" xfId="3" applyFont="1" applyAlignment="1">
      <alignment horizontal="right"/>
    </xf>
    <xf numFmtId="0" fontId="71" fillId="0" borderId="10" xfId="3" applyFont="1" applyBorder="1" applyAlignment="1">
      <alignment horizontal="right"/>
    </xf>
    <xf numFmtId="0" fontId="71" fillId="0" borderId="11" xfId="3" applyFont="1" applyBorder="1" applyAlignment="1">
      <alignment horizontal="right"/>
    </xf>
    <xf numFmtId="0" fontId="21" fillId="0" borderId="0" xfId="3" applyFont="1" applyBorder="1" applyAlignment="1">
      <alignment horizontal="right"/>
    </xf>
    <xf numFmtId="0" fontId="56" fillId="0" borderId="0" xfId="3" applyFont="1" applyAlignment="1">
      <alignment horizontal="center"/>
    </xf>
    <xf numFmtId="38" fontId="56" fillId="0" borderId="11" xfId="3" applyNumberFormat="1" applyFont="1" applyBorder="1" applyAlignment="1">
      <alignment horizontal="right"/>
    </xf>
    <xf numFmtId="0" fontId="56" fillId="0" borderId="11" xfId="3" applyFont="1" applyBorder="1" applyAlignment="1">
      <alignment horizontal="center"/>
    </xf>
    <xf numFmtId="38" fontId="56" fillId="0" borderId="0" xfId="1" applyFont="1" applyAlignment="1">
      <alignment horizontal="right"/>
    </xf>
    <xf numFmtId="38" fontId="56" fillId="0" borderId="11" xfId="1" applyFont="1" applyBorder="1" applyAlignment="1">
      <alignment horizontal="right"/>
    </xf>
    <xf numFmtId="38" fontId="56" fillId="0" borderId="12" xfId="1" applyFont="1" applyBorder="1" applyAlignment="1">
      <alignment horizontal="right"/>
    </xf>
    <xf numFmtId="0" fontId="56" fillId="0" borderId="0" xfId="3" quotePrefix="1" applyFont="1" applyAlignment="1">
      <alignment horizontal="center"/>
    </xf>
    <xf numFmtId="0" fontId="56" fillId="0" borderId="11" xfId="3" quotePrefix="1" applyFont="1" applyBorder="1" applyAlignment="1">
      <alignment horizontal="center"/>
    </xf>
    <xf numFmtId="38" fontId="15" fillId="0" borderId="0" xfId="1" applyFont="1" applyBorder="1" applyAlignment="1">
      <alignment horizontal="right"/>
    </xf>
    <xf numFmtId="3" fontId="4" fillId="0" borderId="0" xfId="3" applyNumberFormat="1" applyFont="1" applyBorder="1" applyAlignment="1">
      <alignment horizontal="right" vertical="top" wrapText="1"/>
    </xf>
    <xf numFmtId="3" fontId="56" fillId="0" borderId="11" xfId="3" applyNumberFormat="1" applyFont="1" applyBorder="1" applyAlignment="1">
      <alignment horizontal="right" wrapText="1"/>
    </xf>
    <xf numFmtId="3" fontId="56" fillId="0" borderId="12" xfId="3" applyNumberFormat="1" applyFont="1" applyBorder="1" applyAlignment="1">
      <alignment horizontal="right" wrapText="1"/>
    </xf>
    <xf numFmtId="3" fontId="56" fillId="0" borderId="0" xfId="3" applyNumberFormat="1" applyFont="1" applyBorder="1" applyAlignment="1">
      <alignment horizontal="right" wrapText="1"/>
    </xf>
    <xf numFmtId="0" fontId="4" fillId="0" borderId="27" xfId="3" applyBorder="1"/>
    <xf numFmtId="0" fontId="56" fillId="0" borderId="27" xfId="3" quotePrefix="1" applyFont="1" applyBorder="1" applyAlignment="1">
      <alignment horizontal="center"/>
    </xf>
    <xf numFmtId="3" fontId="56" fillId="0" borderId="18" xfId="3" applyNumberFormat="1" applyFont="1" applyBorder="1" applyAlignment="1">
      <alignment horizontal="right" wrapText="1"/>
    </xf>
    <xf numFmtId="3" fontId="56" fillId="0" borderId="19" xfId="3" applyNumberFormat="1" applyFont="1" applyBorder="1" applyAlignment="1">
      <alignment horizontal="right" wrapText="1"/>
    </xf>
    <xf numFmtId="3" fontId="56" fillId="0" borderId="27" xfId="3" applyNumberFormat="1" applyFont="1" applyBorder="1" applyAlignment="1">
      <alignment horizontal="right" wrapText="1"/>
    </xf>
    <xf numFmtId="3" fontId="4" fillId="0" borderId="27" xfId="3" applyNumberFormat="1" applyFont="1" applyBorder="1" applyAlignment="1">
      <alignment horizontal="right" vertical="top" wrapText="1"/>
    </xf>
    <xf numFmtId="0" fontId="56" fillId="0" borderId="1" xfId="3" applyFont="1" applyBorder="1" applyAlignment="1">
      <alignment horizontal="right"/>
    </xf>
    <xf numFmtId="0" fontId="56" fillId="0" borderId="1" xfId="3" applyFont="1" applyBorder="1" applyAlignment="1"/>
    <xf numFmtId="0" fontId="4" fillId="0" borderId="1" xfId="3" applyBorder="1" applyAlignment="1"/>
    <xf numFmtId="0" fontId="56" fillId="0" borderId="0" xfId="3" applyFont="1" applyAlignment="1"/>
    <xf numFmtId="0" fontId="4" fillId="0" borderId="0" xfId="3" applyAlignment="1"/>
    <xf numFmtId="0" fontId="69" fillId="0" borderId="0" xfId="0" applyFont="1" applyFill="1"/>
    <xf numFmtId="0" fontId="69" fillId="0" borderId="0" xfId="3" applyFont="1"/>
    <xf numFmtId="0" fontId="18" fillId="0" borderId="0" xfId="3" applyFont="1"/>
    <xf numFmtId="0" fontId="72" fillId="0" borderId="27" xfId="5" applyFont="1" applyBorder="1" applyAlignment="1">
      <alignment horizontal="left"/>
    </xf>
    <xf numFmtId="0" fontId="73" fillId="0" borderId="27" xfId="5" applyFont="1" applyBorder="1" applyAlignment="1">
      <alignment horizontal="centerContinuous"/>
    </xf>
    <xf numFmtId="0" fontId="73" fillId="0" borderId="27" xfId="5" applyFont="1" applyFill="1" applyBorder="1" applyAlignment="1">
      <alignment horizontal="centerContinuous"/>
    </xf>
    <xf numFmtId="0" fontId="73" fillId="0" borderId="0" xfId="5" applyFont="1"/>
    <xf numFmtId="0" fontId="72" fillId="0" borderId="0" xfId="5" applyFont="1" applyAlignment="1">
      <alignment horizontal="left"/>
    </xf>
    <xf numFmtId="0" fontId="73" fillId="0" borderId="0" xfId="5" applyFont="1" applyAlignment="1">
      <alignment horizontal="centerContinuous"/>
    </xf>
    <xf numFmtId="0" fontId="73" fillId="0" borderId="0" xfId="5" applyFont="1" applyFill="1" applyAlignment="1">
      <alignment horizontal="centerContinuous"/>
    </xf>
    <xf numFmtId="0" fontId="75" fillId="0" borderId="27" xfId="5" applyFont="1" applyBorder="1"/>
    <xf numFmtId="0" fontId="74" fillId="0" borderId="0" xfId="5" applyFont="1"/>
    <xf numFmtId="0" fontId="75" fillId="0" borderId="0" xfId="5" applyFont="1"/>
    <xf numFmtId="0" fontId="76" fillId="0" borderId="0" xfId="5" applyFont="1"/>
    <xf numFmtId="0" fontId="74" fillId="0" borderId="0" xfId="0" applyFont="1"/>
    <xf numFmtId="38" fontId="13" fillId="0" borderId="12" xfId="6" applyFont="1" applyFill="1" applyBorder="1"/>
    <xf numFmtId="38" fontId="13" fillId="0" borderId="0" xfId="6" applyFont="1" applyFill="1" applyBorder="1"/>
    <xf numFmtId="38" fontId="13" fillId="0" borderId="33" xfId="6" applyFont="1" applyFill="1" applyBorder="1"/>
    <xf numFmtId="38" fontId="13" fillId="0" borderId="39" xfId="6" applyFont="1" applyFill="1" applyBorder="1"/>
    <xf numFmtId="38" fontId="13" fillId="0" borderId="35" xfId="6" applyFont="1" applyFill="1" applyBorder="1"/>
    <xf numFmtId="38" fontId="13" fillId="0" borderId="8" xfId="6" applyFont="1" applyFill="1" applyBorder="1"/>
    <xf numFmtId="38" fontId="13" fillId="0" borderId="46" xfId="6" applyFont="1" applyFill="1" applyBorder="1"/>
    <xf numFmtId="38" fontId="13" fillId="0" borderId="12" xfId="6" applyFont="1" applyFill="1" applyBorder="1" applyAlignment="1">
      <alignment horizontal="right"/>
    </xf>
    <xf numFmtId="38" fontId="13" fillId="0" borderId="33" xfId="6" applyFont="1" applyFill="1" applyBorder="1" applyAlignment="1">
      <alignment horizontal="right"/>
    </xf>
    <xf numFmtId="38" fontId="13" fillId="0" borderId="0" xfId="6" applyFont="1" applyFill="1" applyBorder="1" applyAlignment="1">
      <alignment horizontal="right"/>
    </xf>
    <xf numFmtId="38" fontId="14" fillId="0" borderId="53" xfId="6" applyFont="1" applyFill="1" applyBorder="1"/>
    <xf numFmtId="38" fontId="14" fillId="0" borderId="31" xfId="6" applyFont="1" applyFill="1" applyBorder="1"/>
    <xf numFmtId="38" fontId="14" fillId="0" borderId="33" xfId="6" applyFont="1" applyFill="1" applyBorder="1"/>
    <xf numFmtId="38" fontId="14" fillId="0" borderId="35" xfId="6" applyFont="1" applyFill="1" applyBorder="1"/>
    <xf numFmtId="38" fontId="11" fillId="0" borderId="12" xfId="6" applyFont="1" applyFill="1" applyBorder="1"/>
    <xf numFmtId="0" fontId="10" fillId="0" borderId="11" xfId="5" applyFont="1" applyFill="1" applyBorder="1"/>
    <xf numFmtId="38" fontId="11" fillId="0" borderId="32" xfId="6" applyFont="1" applyFill="1" applyBorder="1"/>
    <xf numFmtId="38" fontId="11" fillId="0" borderId="11" xfId="6" applyFont="1" applyFill="1" applyBorder="1"/>
    <xf numFmtId="0" fontId="10" fillId="0" borderId="34" xfId="5" applyFont="1" applyFill="1" applyBorder="1"/>
    <xf numFmtId="38" fontId="11" fillId="0" borderId="34" xfId="6" applyFont="1" applyFill="1" applyBorder="1"/>
    <xf numFmtId="38" fontId="11" fillId="0" borderId="33" xfId="6" applyFont="1" applyFill="1" applyBorder="1"/>
    <xf numFmtId="0" fontId="10" fillId="0" borderId="32" xfId="5" applyFont="1" applyFill="1" applyBorder="1"/>
    <xf numFmtId="38" fontId="11" fillId="0" borderId="36" xfId="6" applyFont="1" applyFill="1" applyBorder="1"/>
    <xf numFmtId="0" fontId="10" fillId="0" borderId="36" xfId="5" applyFont="1" applyFill="1" applyBorder="1"/>
    <xf numFmtId="38" fontId="11" fillId="0" borderId="35" xfId="6" applyFont="1" applyFill="1" applyBorder="1"/>
    <xf numFmtId="0" fontId="10" fillId="0" borderId="7" xfId="5" applyFont="1" applyFill="1" applyBorder="1" applyAlignment="1">
      <alignment horizontal="center"/>
    </xf>
    <xf numFmtId="38" fontId="11" fillId="0" borderId="10" xfId="6" applyFont="1" applyFill="1" applyBorder="1"/>
    <xf numFmtId="38" fontId="11" fillId="0" borderId="47" xfId="6" applyFont="1" applyFill="1" applyBorder="1"/>
    <xf numFmtId="0" fontId="51" fillId="0" borderId="13" xfId="5" applyFont="1" applyFill="1" applyBorder="1"/>
    <xf numFmtId="0" fontId="10" fillId="0" borderId="18" xfId="5" applyFont="1" applyFill="1" applyBorder="1" applyAlignment="1">
      <alignment horizontal="center"/>
    </xf>
    <xf numFmtId="0" fontId="51" fillId="0" borderId="17" xfId="5" applyFont="1" applyFill="1" applyBorder="1"/>
    <xf numFmtId="0" fontId="10" fillId="0" borderId="3" xfId="5" applyFont="1" applyFill="1" applyBorder="1" applyAlignment="1">
      <alignment horizontal="center"/>
    </xf>
    <xf numFmtId="0" fontId="51" fillId="0" borderId="2" xfId="5" applyFont="1" applyFill="1" applyBorder="1"/>
    <xf numFmtId="0" fontId="51" fillId="0" borderId="11" xfId="5" applyFont="1" applyFill="1" applyBorder="1" applyAlignment="1">
      <alignment horizontal="center"/>
    </xf>
    <xf numFmtId="0" fontId="51" fillId="0" borderId="13" xfId="5" applyFont="1" applyFill="1" applyBorder="1" applyAlignment="1">
      <alignment horizontal="center" textRotation="255"/>
    </xf>
    <xf numFmtId="0" fontId="51" fillId="0" borderId="17" xfId="5" applyFont="1" applyFill="1" applyBorder="1" applyAlignment="1">
      <alignment horizontal="center"/>
    </xf>
    <xf numFmtId="0" fontId="11" fillId="0" borderId="33" xfId="5" applyFill="1" applyBorder="1" applyAlignment="1">
      <alignment horizontal="right"/>
    </xf>
    <xf numFmtId="0" fontId="51" fillId="0" borderId="11" xfId="5" quotePrefix="1" applyFont="1" applyFill="1" applyBorder="1" applyAlignment="1">
      <alignment horizontal="center"/>
    </xf>
    <xf numFmtId="0" fontId="51" fillId="0" borderId="11" xfId="5" applyFont="1" applyFill="1" applyBorder="1" applyAlignment="1">
      <alignment horizontal="center" vertical="center" textRotation="255"/>
    </xf>
    <xf numFmtId="0" fontId="51" fillId="0" borderId="13" xfId="5" applyFont="1" applyFill="1" applyBorder="1" applyAlignment="1">
      <alignment horizontal="center" vertical="center" textRotation="255"/>
    </xf>
    <xf numFmtId="37" fontId="10" fillId="0" borderId="12" xfId="5" quotePrefix="1" applyNumberFormat="1" applyFont="1" applyFill="1" applyBorder="1" applyAlignment="1">
      <alignment horizontal="right"/>
    </xf>
    <xf numFmtId="37" fontId="10" fillId="0" borderId="11" xfId="5" quotePrefix="1" applyNumberFormat="1" applyFont="1" applyFill="1" applyBorder="1" applyAlignment="1">
      <alignment horizontal="right"/>
    </xf>
    <xf numFmtId="37" fontId="10" fillId="0" borderId="13" xfId="5" quotePrefix="1" applyNumberFormat="1" applyFont="1" applyFill="1" applyBorder="1" applyAlignment="1">
      <alignment horizontal="right"/>
    </xf>
    <xf numFmtId="37" fontId="10" fillId="0" borderId="0" xfId="5" applyNumberFormat="1" applyFont="1" applyFill="1" applyBorder="1"/>
    <xf numFmtId="37" fontId="10" fillId="0" borderId="11" xfId="5" applyNumberFormat="1" applyFont="1" applyFill="1" applyBorder="1"/>
    <xf numFmtId="37" fontId="10" fillId="0" borderId="12" xfId="5" applyNumberFormat="1" applyFont="1" applyFill="1" applyBorder="1"/>
    <xf numFmtId="37" fontId="10" fillId="0" borderId="13" xfId="5" applyNumberFormat="1" applyFont="1" applyFill="1" applyBorder="1"/>
    <xf numFmtId="37" fontId="5" fillId="0" borderId="12" xfId="5" quotePrefix="1" applyNumberFormat="1" applyFont="1" applyFill="1" applyBorder="1" applyAlignment="1">
      <alignment horizontal="right"/>
    </xf>
    <xf numFmtId="37" fontId="5" fillId="0" borderId="11" xfId="5" quotePrefix="1" applyNumberFormat="1" applyFont="1" applyFill="1" applyBorder="1" applyAlignment="1">
      <alignment horizontal="right"/>
    </xf>
    <xf numFmtId="37" fontId="5" fillId="0" borderId="13" xfId="5" quotePrefix="1" applyNumberFormat="1" applyFont="1" applyFill="1" applyBorder="1" applyAlignment="1">
      <alignment horizontal="right"/>
    </xf>
    <xf numFmtId="37" fontId="5" fillId="0" borderId="0" xfId="5" applyNumberFormat="1" applyFont="1" applyFill="1" applyBorder="1"/>
    <xf numFmtId="37" fontId="5" fillId="0" borderId="11" xfId="5" applyNumberFormat="1" applyFont="1" applyFill="1" applyBorder="1"/>
    <xf numFmtId="37" fontId="5" fillId="0" borderId="12" xfId="5" applyNumberFormat="1" applyFont="1" applyFill="1" applyBorder="1"/>
    <xf numFmtId="37" fontId="10" fillId="0" borderId="12" xfId="5" applyNumberFormat="1" applyFont="1" applyFill="1" applyBorder="1" applyAlignment="1">
      <alignment horizontal="right"/>
    </xf>
    <xf numFmtId="37" fontId="10" fillId="0" borderId="11" xfId="5" applyNumberFormat="1" applyFont="1" applyFill="1" applyBorder="1" applyAlignment="1">
      <alignment horizontal="right"/>
    </xf>
    <xf numFmtId="37" fontId="10" fillId="0" borderId="13" xfId="5" applyNumberFormat="1" applyFont="1" applyFill="1" applyBorder="1" applyAlignment="1">
      <alignment horizontal="right"/>
    </xf>
    <xf numFmtId="37" fontId="5" fillId="0" borderId="12" xfId="5" applyNumberFormat="1" applyFont="1" applyFill="1" applyBorder="1" applyAlignment="1">
      <alignment horizontal="right"/>
    </xf>
    <xf numFmtId="37" fontId="5" fillId="0" borderId="11" xfId="5" applyNumberFormat="1" applyFont="1" applyFill="1" applyBorder="1" applyAlignment="1">
      <alignment horizontal="right"/>
    </xf>
    <xf numFmtId="37" fontId="5" fillId="0" borderId="13" xfId="5" applyNumberFormat="1" applyFont="1" applyFill="1" applyBorder="1" applyAlignment="1">
      <alignment horizontal="right"/>
    </xf>
    <xf numFmtId="37" fontId="5" fillId="0" borderId="13" xfId="5" applyNumberFormat="1" applyFont="1" applyFill="1" applyBorder="1"/>
    <xf numFmtId="37" fontId="5" fillId="0" borderId="12" xfId="5" applyNumberFormat="1" applyFont="1" applyFill="1" applyBorder="1" applyAlignment="1">
      <alignment horizontal="right" vertical="top"/>
    </xf>
    <xf numFmtId="37" fontId="5" fillId="0" borderId="11" xfId="5" applyNumberFormat="1" applyFont="1" applyFill="1" applyBorder="1" applyAlignment="1">
      <alignment horizontal="right" vertical="top"/>
    </xf>
    <xf numFmtId="37" fontId="5" fillId="0" borderId="11" xfId="5" applyNumberFormat="1" applyFont="1" applyFill="1" applyBorder="1" applyAlignment="1">
      <alignment vertical="top"/>
    </xf>
    <xf numFmtId="37" fontId="5" fillId="0" borderId="19" xfId="5" applyNumberFormat="1" applyFont="1" applyFill="1" applyBorder="1" applyAlignment="1">
      <alignment horizontal="right"/>
    </xf>
    <xf numFmtId="37" fontId="5" fillId="0" borderId="18" xfId="5" applyNumberFormat="1" applyFont="1" applyFill="1" applyBorder="1" applyAlignment="1">
      <alignment horizontal="right"/>
    </xf>
    <xf numFmtId="37" fontId="5" fillId="0" borderId="17" xfId="5" applyNumberFormat="1" applyFont="1" applyFill="1" applyBorder="1" applyAlignment="1">
      <alignment horizontal="right"/>
    </xf>
    <xf numFmtId="37" fontId="5" fillId="0" borderId="27" xfId="5" applyNumberFormat="1" applyFont="1" applyFill="1" applyBorder="1"/>
    <xf numFmtId="37" fontId="5" fillId="0" borderId="18" xfId="5" applyNumberFormat="1" applyFont="1" applyFill="1" applyBorder="1"/>
    <xf numFmtId="37" fontId="5" fillId="0" borderId="19" xfId="5" applyNumberFormat="1" applyFont="1" applyFill="1" applyBorder="1"/>
    <xf numFmtId="37" fontId="5" fillId="0" borderId="17" xfId="5" applyNumberFormat="1" applyFont="1" applyFill="1" applyBorder="1"/>
    <xf numFmtId="38" fontId="10" fillId="0" borderId="12" xfId="6" applyFont="1" applyFill="1" applyBorder="1"/>
    <xf numFmtId="38" fontId="10" fillId="0" borderId="11" xfId="6" applyFont="1" applyFill="1" applyBorder="1"/>
    <xf numFmtId="38" fontId="10" fillId="0" borderId="13" xfId="6" applyFont="1" applyFill="1" applyBorder="1"/>
    <xf numFmtId="38" fontId="10" fillId="0" borderId="0" xfId="6" applyFont="1" applyFill="1" applyBorder="1"/>
    <xf numFmtId="38" fontId="10" fillId="0" borderId="26" xfId="6" applyFont="1" applyFill="1" applyBorder="1"/>
    <xf numFmtId="38" fontId="5" fillId="0" borderId="12" xfId="6" applyFont="1" applyFill="1" applyBorder="1"/>
    <xf numFmtId="38" fontId="5" fillId="0" borderId="11" xfId="6" applyFont="1" applyFill="1" applyBorder="1"/>
    <xf numFmtId="38" fontId="5" fillId="0" borderId="13" xfId="6" applyFont="1" applyFill="1" applyBorder="1"/>
    <xf numFmtId="38" fontId="5" fillId="0" borderId="0" xfId="6" applyFont="1" applyFill="1" applyBorder="1"/>
    <xf numFmtId="38" fontId="5" fillId="0" borderId="12" xfId="6" applyFont="1" applyFill="1" applyBorder="1" applyAlignment="1">
      <alignment vertical="top"/>
    </xf>
    <xf numFmtId="38" fontId="5" fillId="0" borderId="11" xfId="6" applyFont="1" applyFill="1" applyBorder="1" applyAlignment="1">
      <alignment vertical="top"/>
    </xf>
    <xf numFmtId="38" fontId="5" fillId="0" borderId="19" xfId="6" applyFont="1" applyFill="1" applyBorder="1"/>
    <xf numFmtId="38" fontId="5" fillId="0" borderId="18" xfId="6" applyFont="1" applyFill="1" applyBorder="1"/>
    <xf numFmtId="38" fontId="5" fillId="0" borderId="17" xfId="6" applyFont="1" applyFill="1" applyBorder="1"/>
    <xf numFmtId="38" fontId="5" fillId="0" borderId="27" xfId="6" applyFont="1" applyFill="1" applyBorder="1"/>
    <xf numFmtId="37" fontId="5" fillId="0" borderId="12" xfId="5" applyNumberFormat="1" applyFont="1" applyFill="1" applyBorder="1" applyAlignment="1">
      <alignment vertical="top"/>
    </xf>
    <xf numFmtId="37" fontId="5" fillId="0" borderId="13" xfId="5" applyNumberFormat="1" applyFont="1" applyFill="1" applyBorder="1" applyAlignment="1">
      <alignment vertical="top"/>
    </xf>
    <xf numFmtId="37" fontId="5" fillId="0" borderId="0" xfId="5" applyNumberFormat="1" applyFont="1" applyFill="1" applyBorder="1" applyAlignment="1">
      <alignment vertical="top"/>
    </xf>
    <xf numFmtId="0" fontId="77" fillId="0" borderId="41" xfId="5" applyFont="1" applyFill="1" applyBorder="1" applyAlignment="1">
      <alignment vertical="center"/>
    </xf>
    <xf numFmtId="0" fontId="52" fillId="0" borderId="5" xfId="5" applyFont="1" applyFill="1" applyBorder="1" applyAlignment="1">
      <alignment horizontal="center" vertical="center"/>
    </xf>
    <xf numFmtId="0" fontId="38" fillId="0" borderId="30" xfId="5" applyFont="1" applyFill="1" applyBorder="1" applyAlignment="1">
      <alignment horizontal="center" vertical="center"/>
    </xf>
    <xf numFmtId="38" fontId="9" fillId="0" borderId="13" xfId="6" applyFont="1" applyFill="1" applyBorder="1" applyAlignment="1">
      <alignment horizontal="right" vertical="center"/>
    </xf>
    <xf numFmtId="38" fontId="57" fillId="0" borderId="13" xfId="6" applyFont="1" applyFill="1" applyBorder="1" applyAlignment="1">
      <alignment horizontal="right" vertical="center"/>
    </xf>
    <xf numFmtId="38" fontId="9" fillId="0" borderId="13" xfId="6" applyFont="1" applyFill="1" applyBorder="1" applyAlignment="1"/>
    <xf numFmtId="38" fontId="57" fillId="0" borderId="17" xfId="6" applyFont="1" applyFill="1" applyBorder="1" applyAlignment="1">
      <alignment horizontal="right" vertical="center"/>
    </xf>
    <xf numFmtId="38" fontId="9" fillId="0" borderId="13" xfId="6" applyFont="1" applyFill="1" applyBorder="1" applyAlignment="1">
      <alignment horizontal="right"/>
    </xf>
    <xf numFmtId="0" fontId="57" fillId="0" borderId="13" xfId="7" applyFont="1" applyFill="1" applyBorder="1"/>
    <xf numFmtId="38" fontId="57" fillId="0" borderId="13" xfId="6" applyFont="1" applyFill="1" applyBorder="1"/>
    <xf numFmtId="38" fontId="57" fillId="0" borderId="17" xfId="6" applyFont="1" applyFill="1" applyBorder="1"/>
    <xf numFmtId="56" fontId="49" fillId="0" borderId="41" xfId="5" applyNumberFormat="1" applyFont="1" applyFill="1" applyBorder="1" applyAlignment="1">
      <alignment horizontal="distributed" vertical="center"/>
    </xf>
    <xf numFmtId="38" fontId="57" fillId="0" borderId="13" xfId="6" applyFont="1" applyFill="1" applyBorder="1" applyAlignment="1" applyProtection="1">
      <alignment horizontal="right" vertical="center"/>
    </xf>
    <xf numFmtId="38" fontId="57" fillId="0" borderId="17" xfId="6" applyFont="1" applyFill="1" applyBorder="1" applyAlignment="1" applyProtection="1">
      <alignment horizontal="right" vertical="center"/>
    </xf>
    <xf numFmtId="0" fontId="57" fillId="0" borderId="12" xfId="7" applyFont="1" applyFill="1" applyBorder="1"/>
    <xf numFmtId="38" fontId="57" fillId="0" borderId="12" xfId="6" applyFont="1" applyFill="1" applyBorder="1"/>
    <xf numFmtId="38" fontId="57" fillId="0" borderId="19" xfId="6" applyFont="1" applyFill="1" applyBorder="1"/>
    <xf numFmtId="0" fontId="10" fillId="0" borderId="0" xfId="5" applyFont="1" applyBorder="1" applyAlignment="1">
      <alignment horizontal="left"/>
    </xf>
    <xf numFmtId="38" fontId="10" fillId="0" borderId="0" xfId="6" applyFont="1" applyBorder="1" applyAlignment="1">
      <alignment horizontal="left"/>
    </xf>
    <xf numFmtId="187" fontId="30" fillId="0" borderId="12" xfId="6" applyNumberFormat="1" applyFont="1" applyBorder="1" applyAlignment="1">
      <alignment horizontal="right"/>
    </xf>
    <xf numFmtId="187" fontId="30" fillId="0" borderId="11" xfId="6" applyNumberFormat="1" applyFont="1" applyBorder="1" applyAlignment="1">
      <alignment horizontal="right"/>
    </xf>
    <xf numFmtId="187" fontId="30" fillId="0" borderId="0" xfId="6" applyNumberFormat="1" applyFont="1" applyBorder="1" applyAlignment="1">
      <alignment horizontal="right"/>
    </xf>
    <xf numFmtId="187" fontId="30" fillId="0" borderId="12" xfId="6" applyNumberFormat="1" applyFont="1" applyBorder="1"/>
    <xf numFmtId="187" fontId="30" fillId="0" borderId="11" xfId="6" applyNumberFormat="1" applyFont="1" applyBorder="1"/>
    <xf numFmtId="187" fontId="30" fillId="0" borderId="0" xfId="6" applyNumberFormat="1" applyFont="1" applyBorder="1"/>
    <xf numFmtId="187" fontId="30" fillId="0" borderId="13" xfId="6" applyNumberFormat="1" applyFont="1" applyBorder="1"/>
    <xf numFmtId="187" fontId="30" fillId="0" borderId="39" xfId="6" applyNumberFormat="1" applyFont="1" applyBorder="1"/>
    <xf numFmtId="187" fontId="30" fillId="0" borderId="34" xfId="6" applyNumberFormat="1" applyFont="1" applyBorder="1"/>
    <xf numFmtId="187" fontId="30" fillId="0" borderId="45" xfId="6" applyNumberFormat="1" applyFont="1" applyBorder="1"/>
    <xf numFmtId="187" fontId="30" fillId="0" borderId="33" xfId="6" applyNumberFormat="1" applyFont="1" applyBorder="1" applyAlignment="1">
      <alignment horizontal="right"/>
    </xf>
    <xf numFmtId="187" fontId="30" fillId="0" borderId="34" xfId="6" applyNumberFormat="1" applyFont="1" applyBorder="1" applyAlignment="1">
      <alignment horizontal="right"/>
    </xf>
    <xf numFmtId="187" fontId="30" fillId="0" borderId="39" xfId="6" applyNumberFormat="1" applyFont="1" applyBorder="1" applyAlignment="1">
      <alignment horizontal="right"/>
    </xf>
    <xf numFmtId="187" fontId="30" fillId="0" borderId="33" xfId="6" applyNumberFormat="1" applyFont="1" applyBorder="1"/>
    <xf numFmtId="187" fontId="30" fillId="0" borderId="5" xfId="6" applyNumberFormat="1" applyFont="1" applyBorder="1" applyAlignment="1">
      <alignment horizontal="right"/>
    </xf>
    <xf numFmtId="187" fontId="30" fillId="0" borderId="7" xfId="6" applyNumberFormat="1" applyFont="1" applyBorder="1" applyAlignment="1">
      <alignment horizontal="right"/>
    </xf>
    <xf numFmtId="187" fontId="30" fillId="0" borderId="6" xfId="6" applyNumberFormat="1" applyFont="1" applyBorder="1" applyAlignment="1">
      <alignment horizontal="right"/>
    </xf>
    <xf numFmtId="187" fontId="30" fillId="0" borderId="8" xfId="6" applyNumberFormat="1" applyFont="1" applyBorder="1" applyAlignment="1">
      <alignment horizontal="right"/>
    </xf>
    <xf numFmtId="187" fontId="30" fillId="0" borderId="27" xfId="6" applyNumberFormat="1" applyFont="1" applyBorder="1"/>
    <xf numFmtId="187" fontId="30" fillId="0" borderId="18" xfId="6" applyNumberFormat="1" applyFont="1" applyBorder="1"/>
    <xf numFmtId="187" fontId="30" fillId="0" borderId="17" xfId="6" applyNumberFormat="1" applyFont="1" applyBorder="1"/>
    <xf numFmtId="187" fontId="30" fillId="0" borderId="19" xfId="6" applyNumberFormat="1" applyFont="1" applyBorder="1" applyAlignment="1">
      <alignment horizontal="right"/>
    </xf>
    <xf numFmtId="187" fontId="30" fillId="0" borderId="18" xfId="6" applyNumberFormat="1" applyFont="1" applyBorder="1" applyAlignment="1">
      <alignment horizontal="right"/>
    </xf>
    <xf numFmtId="187" fontId="30" fillId="0" borderId="19" xfId="6" applyNumberFormat="1" applyFont="1" applyBorder="1"/>
    <xf numFmtId="38" fontId="30" fillId="0" borderId="0" xfId="6" applyFont="1" applyFill="1" applyBorder="1"/>
    <xf numFmtId="38" fontId="30" fillId="0" borderId="11" xfId="6" applyFont="1" applyFill="1" applyBorder="1"/>
    <xf numFmtId="38" fontId="30" fillId="0" borderId="12" xfId="6" applyFont="1" applyFill="1" applyBorder="1"/>
    <xf numFmtId="38" fontId="30" fillId="0" borderId="13" xfId="6" applyFont="1" applyFill="1" applyBorder="1"/>
    <xf numFmtId="38" fontId="30" fillId="0" borderId="12" xfId="6" applyFont="1" applyFill="1" applyBorder="1" applyAlignment="1">
      <alignment horizontal="right"/>
    </xf>
    <xf numFmtId="38" fontId="30" fillId="0" borderId="11" xfId="6" applyFont="1" applyFill="1" applyBorder="1" applyAlignment="1">
      <alignment horizontal="right"/>
    </xf>
    <xf numFmtId="38" fontId="30" fillId="0" borderId="0" xfId="6" applyFont="1" applyFill="1" applyBorder="1" applyAlignment="1">
      <alignment horizontal="right"/>
    </xf>
    <xf numFmtId="38" fontId="30" fillId="0" borderId="39" xfId="6" applyFont="1" applyFill="1" applyBorder="1"/>
    <xf numFmtId="38" fontId="30" fillId="0" borderId="34" xfId="6" applyFont="1" applyFill="1" applyBorder="1"/>
    <xf numFmtId="38" fontId="30" fillId="0" borderId="33" xfId="6" applyFont="1" applyFill="1" applyBorder="1"/>
    <xf numFmtId="38" fontId="30" fillId="0" borderId="33" xfId="6" applyFont="1" applyFill="1" applyBorder="1" applyAlignment="1">
      <alignment horizontal="right"/>
    </xf>
    <xf numFmtId="38" fontId="30" fillId="0" borderId="34" xfId="6" applyFont="1" applyFill="1" applyBorder="1" applyAlignment="1">
      <alignment horizontal="right"/>
    </xf>
    <xf numFmtId="38" fontId="30" fillId="0" borderId="39" xfId="6" applyFont="1" applyFill="1" applyBorder="1" applyAlignment="1">
      <alignment horizontal="right"/>
    </xf>
    <xf numFmtId="38" fontId="30" fillId="0" borderId="45" xfId="6" applyFont="1" applyFill="1" applyBorder="1"/>
    <xf numFmtId="38" fontId="30" fillId="0" borderId="5" xfId="6" applyFont="1" applyFill="1" applyBorder="1" applyAlignment="1">
      <alignment horizontal="right"/>
    </xf>
    <xf numFmtId="38" fontId="30" fillId="0" borderId="7" xfId="6" applyFont="1" applyFill="1" applyBorder="1" applyAlignment="1">
      <alignment horizontal="right"/>
    </xf>
    <xf numFmtId="38" fontId="30" fillId="0" borderId="8" xfId="6" applyFont="1" applyFill="1" applyBorder="1" applyAlignment="1">
      <alignment horizontal="right"/>
    </xf>
    <xf numFmtId="38" fontId="30" fillId="0" borderId="6" xfId="6" applyFont="1" applyFill="1" applyBorder="1" applyAlignment="1">
      <alignment horizontal="right"/>
    </xf>
    <xf numFmtId="187" fontId="30" fillId="0" borderId="27" xfId="6" applyNumberFormat="1" applyFont="1" applyBorder="1" applyAlignment="1">
      <alignment horizontal="right"/>
    </xf>
    <xf numFmtId="187" fontId="11" fillId="0" borderId="0" xfId="6" applyNumberFormat="1" applyFont="1" applyBorder="1"/>
    <xf numFmtId="187" fontId="11" fillId="0" borderId="39" xfId="6" applyNumberFormat="1" applyFont="1" applyBorder="1"/>
    <xf numFmtId="187" fontId="11" fillId="0" borderId="8" xfId="6" applyNumberFormat="1" applyFont="1" applyBorder="1" applyAlignment="1">
      <alignment horizontal="right"/>
    </xf>
    <xf numFmtId="187" fontId="11" fillId="0" borderId="27" xfId="6" applyNumberFormat="1" applyFont="1" applyBorder="1"/>
    <xf numFmtId="38" fontId="30" fillId="0" borderId="32" xfId="6" applyFont="1" applyFill="1" applyBorder="1"/>
    <xf numFmtId="38" fontId="30" fillId="0" borderId="62" xfId="6" applyFont="1" applyFill="1" applyBorder="1"/>
    <xf numFmtId="38" fontId="30" fillId="0" borderId="31" xfId="6" applyFont="1" applyFill="1" applyBorder="1"/>
    <xf numFmtId="38" fontId="30" fillId="0" borderId="37" xfId="6" applyFont="1" applyFill="1" applyBorder="1"/>
    <xf numFmtId="38" fontId="30" fillId="0" borderId="36" xfId="6" applyFont="1" applyFill="1" applyBorder="1"/>
    <xf numFmtId="38" fontId="30" fillId="0" borderId="35" xfId="6" applyFont="1" applyFill="1" applyBorder="1"/>
    <xf numFmtId="38" fontId="30" fillId="0" borderId="61" xfId="6" applyFont="1" applyFill="1" applyBorder="1"/>
    <xf numFmtId="38" fontId="30" fillId="0" borderId="35" xfId="6" applyFont="1" applyFill="1" applyBorder="1" applyAlignment="1">
      <alignment horizontal="right"/>
    </xf>
    <xf numFmtId="38" fontId="30" fillId="0" borderId="36" xfId="6" applyFont="1" applyFill="1" applyBorder="1" applyAlignment="1">
      <alignment horizontal="right"/>
    </xf>
    <xf numFmtId="38" fontId="30" fillId="0" borderId="10" xfId="6" applyFont="1" applyFill="1" applyBorder="1"/>
    <xf numFmtId="38" fontId="30" fillId="0" borderId="18" xfId="6" applyFont="1" applyFill="1" applyBorder="1"/>
    <xf numFmtId="38" fontId="30" fillId="0" borderId="17" xfId="6" applyFont="1" applyFill="1" applyBorder="1"/>
    <xf numFmtId="38" fontId="30" fillId="0" borderId="19" xfId="6" applyFont="1" applyFill="1" applyBorder="1"/>
    <xf numFmtId="0" fontId="58" fillId="0" borderId="13" xfId="5" applyFont="1" applyFill="1" applyBorder="1" applyAlignment="1">
      <alignment horizontal="center"/>
    </xf>
    <xf numFmtId="38" fontId="10" fillId="0" borderId="12" xfId="6" applyFont="1" applyFill="1" applyBorder="1" applyAlignment="1">
      <alignment horizontal="right"/>
    </xf>
    <xf numFmtId="0" fontId="10" fillId="0" borderId="13" xfId="5" applyFont="1" applyFill="1" applyBorder="1" applyAlignment="1">
      <alignment horizontal="center"/>
    </xf>
    <xf numFmtId="38" fontId="30" fillId="0" borderId="27" xfId="6" applyFont="1" applyFill="1" applyBorder="1"/>
    <xf numFmtId="38" fontId="30" fillId="0" borderId="19" xfId="6" applyFont="1" applyFill="1" applyBorder="1" applyAlignment="1">
      <alignment horizontal="right"/>
    </xf>
    <xf numFmtId="38" fontId="30" fillId="0" borderId="18" xfId="6" applyFont="1" applyFill="1" applyBorder="1" applyAlignment="1">
      <alignment horizontal="right"/>
    </xf>
    <xf numFmtId="38" fontId="30" fillId="0" borderId="27" xfId="6" applyFont="1" applyFill="1" applyBorder="1" applyAlignment="1">
      <alignment horizontal="right"/>
    </xf>
    <xf numFmtId="38" fontId="30" fillId="0" borderId="17" xfId="6" applyFont="1" applyFill="1" applyBorder="1" applyAlignment="1">
      <alignment horizontal="right"/>
    </xf>
    <xf numFmtId="38" fontId="30" fillId="0" borderId="45" xfId="6" applyFont="1" applyFill="1" applyBorder="1" applyAlignment="1">
      <alignment horizontal="right"/>
    </xf>
    <xf numFmtId="38" fontId="30" fillId="0" borderId="13" xfId="6" applyFont="1" applyFill="1" applyBorder="1" applyAlignment="1">
      <alignment horizontal="right"/>
    </xf>
    <xf numFmtId="38" fontId="30" fillId="0" borderId="32" xfId="6" applyFont="1" applyFill="1" applyBorder="1" applyAlignment="1">
      <alignment horizontal="right"/>
    </xf>
    <xf numFmtId="38" fontId="10" fillId="0" borderId="1" xfId="6" applyFont="1" applyFill="1" applyBorder="1" applyAlignment="1">
      <alignment horizontal="right"/>
    </xf>
    <xf numFmtId="0" fontId="10" fillId="0" borderId="2" xfId="5" applyFont="1" applyFill="1" applyBorder="1"/>
    <xf numFmtId="38" fontId="10" fillId="0" borderId="3" xfId="6" applyFont="1" applyFill="1" applyBorder="1" applyAlignment="1">
      <alignment horizontal="right"/>
    </xf>
    <xf numFmtId="38" fontId="10" fillId="0" borderId="2" xfId="6" applyFont="1" applyFill="1" applyBorder="1" applyAlignment="1">
      <alignment horizontal="right"/>
    </xf>
    <xf numFmtId="38" fontId="10" fillId="0" borderId="4" xfId="6" applyFont="1" applyFill="1" applyBorder="1" applyAlignment="1">
      <alignment horizontal="right"/>
    </xf>
    <xf numFmtId="38" fontId="30" fillId="0" borderId="31" xfId="6" applyFont="1" applyFill="1" applyBorder="1" applyAlignment="1">
      <alignment horizontal="right"/>
    </xf>
    <xf numFmtId="38" fontId="30" fillId="0" borderId="62" xfId="6" applyFont="1" applyFill="1" applyBorder="1" applyAlignment="1">
      <alignment horizontal="right"/>
    </xf>
    <xf numFmtId="38" fontId="10" fillId="0" borderId="11" xfId="6" applyFont="1" applyFill="1" applyBorder="1" applyAlignment="1">
      <alignment horizontal="right"/>
    </xf>
    <xf numFmtId="38" fontId="10" fillId="0" borderId="0" xfId="6" applyFont="1" applyFill="1" applyBorder="1" applyAlignment="1">
      <alignment horizontal="right"/>
    </xf>
    <xf numFmtId="38" fontId="10" fillId="0" borderId="13" xfId="6" applyFont="1" applyFill="1" applyBorder="1" applyAlignment="1">
      <alignment horizontal="right"/>
    </xf>
    <xf numFmtId="38" fontId="78" fillId="0" borderId="0" xfId="6" applyFont="1" applyFill="1" applyBorder="1" applyAlignment="1">
      <alignment horizontal="right"/>
    </xf>
    <xf numFmtId="38" fontId="78" fillId="0" borderId="33" xfId="6" applyFont="1" applyFill="1" applyBorder="1" applyAlignment="1">
      <alignment horizontal="right"/>
    </xf>
    <xf numFmtId="38" fontId="30" fillId="0" borderId="40" xfId="6" applyFont="1" applyFill="1" applyBorder="1" applyAlignment="1">
      <alignment horizontal="right"/>
    </xf>
    <xf numFmtId="38" fontId="30" fillId="0" borderId="61" xfId="6" applyFont="1" applyFill="1" applyBorder="1" applyAlignment="1">
      <alignment horizontal="right"/>
    </xf>
    <xf numFmtId="38" fontId="30" fillId="0" borderId="40" xfId="6" applyFont="1" applyFill="1" applyBorder="1"/>
    <xf numFmtId="38" fontId="9" fillId="0" borderId="0" xfId="6" applyFont="1" applyFill="1" applyBorder="1" applyAlignment="1">
      <alignment shrinkToFit="1"/>
    </xf>
    <xf numFmtId="38" fontId="9" fillId="0" borderId="11" xfId="6" applyFont="1" applyFill="1" applyBorder="1" applyAlignment="1">
      <alignment shrinkToFit="1"/>
    </xf>
    <xf numFmtId="38" fontId="9" fillId="0" borderId="13" xfId="6" applyFont="1" applyFill="1" applyBorder="1" applyAlignment="1">
      <alignment shrinkToFit="1"/>
    </xf>
    <xf numFmtId="38" fontId="9" fillId="0" borderId="12" xfId="6" applyFont="1" applyFill="1" applyBorder="1" applyAlignment="1">
      <alignment shrinkToFit="1"/>
    </xf>
    <xf numFmtId="38" fontId="9" fillId="0" borderId="13" xfId="6" applyFont="1" applyFill="1" applyBorder="1" applyAlignment="1" applyProtection="1">
      <alignment horizontal="right" vertical="center" shrinkToFit="1"/>
    </xf>
    <xf numFmtId="38" fontId="9" fillId="0" borderId="11" xfId="6" applyFont="1" applyFill="1" applyBorder="1" applyAlignment="1">
      <alignment horizontal="right" vertical="center" shrinkToFit="1"/>
    </xf>
    <xf numFmtId="184" fontId="9" fillId="0" borderId="13" xfId="5" applyNumberFormat="1" applyFont="1" applyFill="1" applyBorder="1" applyAlignment="1" applyProtection="1">
      <alignment horizontal="right" vertical="center" shrinkToFit="1"/>
    </xf>
    <xf numFmtId="184" fontId="9" fillId="0" borderId="11" xfId="5" applyNumberFormat="1" applyFont="1" applyFill="1" applyBorder="1" applyAlignment="1" applyProtection="1">
      <alignment horizontal="right" vertical="center" shrinkToFit="1"/>
    </xf>
    <xf numFmtId="184" fontId="9" fillId="0" borderId="12" xfId="5" applyNumberFormat="1" applyFont="1" applyFill="1" applyBorder="1" applyAlignment="1" applyProtection="1">
      <alignment horizontal="right" vertical="center" shrinkToFit="1"/>
    </xf>
    <xf numFmtId="184" fontId="42" fillId="0" borderId="11" xfId="5" applyNumberFormat="1" applyFont="1" applyFill="1" applyBorder="1" applyAlignment="1">
      <alignment horizontal="right" vertical="center" shrinkToFit="1"/>
    </xf>
    <xf numFmtId="2" fontId="9" fillId="0" borderId="0" xfId="5" applyNumberFormat="1" applyFont="1" applyFill="1" applyBorder="1" applyAlignment="1" applyProtection="1">
      <alignment horizontal="right" vertical="center" shrinkToFit="1"/>
    </xf>
    <xf numFmtId="0" fontId="57" fillId="0" borderId="0" xfId="7" applyFont="1" applyFill="1" applyBorder="1" applyAlignment="1">
      <alignment shrinkToFit="1"/>
    </xf>
    <xf numFmtId="0" fontId="57" fillId="0" borderId="11" xfId="7" applyFont="1" applyFill="1" applyBorder="1" applyAlignment="1">
      <alignment shrinkToFit="1"/>
    </xf>
    <xf numFmtId="0" fontId="57" fillId="0" borderId="13" xfId="7" applyFont="1" applyFill="1" applyBorder="1" applyAlignment="1">
      <alignment shrinkToFit="1"/>
    </xf>
    <xf numFmtId="0" fontId="57" fillId="0" borderId="12" xfId="7" applyFont="1" applyFill="1" applyBorder="1" applyAlignment="1">
      <alignment shrinkToFit="1"/>
    </xf>
    <xf numFmtId="38" fontId="57" fillId="0" borderId="13" xfId="6" applyFont="1" applyFill="1" applyBorder="1" applyAlignment="1" applyProtection="1">
      <alignment horizontal="right" vertical="center" shrinkToFit="1"/>
    </xf>
    <xf numFmtId="38" fontId="57" fillId="0" borderId="11" xfId="6" applyFont="1" applyFill="1" applyBorder="1" applyAlignment="1" applyProtection="1">
      <alignment horizontal="right" vertical="center" shrinkToFit="1"/>
    </xf>
    <xf numFmtId="184" fontId="57" fillId="0" borderId="13" xfId="5" applyNumberFormat="1" applyFont="1" applyFill="1" applyBorder="1" applyAlignment="1" applyProtection="1">
      <alignment horizontal="right" vertical="center" shrinkToFit="1"/>
    </xf>
    <xf numFmtId="184" fontId="57" fillId="0" borderId="11" xfId="5" applyNumberFormat="1" applyFont="1" applyFill="1" applyBorder="1" applyAlignment="1" applyProtection="1">
      <alignment horizontal="right" vertical="center" shrinkToFit="1"/>
    </xf>
    <xf numFmtId="184" fontId="57" fillId="0" borderId="12" xfId="5" applyNumberFormat="1" applyFont="1" applyFill="1" applyBorder="1" applyAlignment="1" applyProtection="1">
      <alignment horizontal="right" vertical="center" shrinkToFit="1"/>
    </xf>
    <xf numFmtId="184" fontId="43" fillId="0" borderId="11" xfId="5" applyNumberFormat="1" applyFont="1" applyFill="1" applyBorder="1" applyAlignment="1">
      <alignment horizontal="right" vertical="center" shrinkToFit="1"/>
    </xf>
    <xf numFmtId="2" fontId="14" fillId="0" borderId="0" xfId="5" applyNumberFormat="1" applyFont="1" applyFill="1" applyBorder="1" applyAlignment="1">
      <alignment shrinkToFit="1"/>
    </xf>
    <xf numFmtId="38" fontId="9" fillId="0" borderId="11" xfId="6" applyFont="1" applyFill="1" applyBorder="1" applyAlignment="1" applyProtection="1">
      <alignment horizontal="right" vertical="center" shrinkToFit="1"/>
    </xf>
    <xf numFmtId="38" fontId="57" fillId="0" borderId="0" xfId="6" applyFont="1" applyFill="1" applyBorder="1" applyAlignment="1">
      <alignment shrinkToFit="1"/>
    </xf>
    <xf numFmtId="38" fontId="57" fillId="0" borderId="11" xfId="6" applyFont="1" applyFill="1" applyBorder="1" applyAlignment="1">
      <alignment shrinkToFit="1"/>
    </xf>
    <xf numFmtId="38" fontId="57" fillId="0" borderId="13" xfId="6" applyFont="1" applyFill="1" applyBorder="1" applyAlignment="1">
      <alignment shrinkToFit="1"/>
    </xf>
    <xf numFmtId="38" fontId="57" fillId="0" borderId="12" xfId="6" applyFont="1" applyFill="1" applyBorder="1" applyAlignment="1">
      <alignment shrinkToFit="1"/>
    </xf>
    <xf numFmtId="2" fontId="57" fillId="0" borderId="0" xfId="5" applyNumberFormat="1" applyFont="1" applyFill="1" applyBorder="1" applyAlignment="1" applyProtection="1">
      <alignment horizontal="right" vertical="center" shrinkToFit="1"/>
    </xf>
    <xf numFmtId="38" fontId="9" fillId="0" borderId="13" xfId="6" applyFont="1" applyFill="1" applyBorder="1" applyAlignment="1" applyProtection="1">
      <alignment shrinkToFit="1"/>
    </xf>
    <xf numFmtId="38" fontId="9" fillId="0" borderId="11" xfId="6" applyFont="1" applyFill="1" applyBorder="1" applyAlignment="1" applyProtection="1">
      <alignment shrinkToFit="1"/>
    </xf>
    <xf numFmtId="38" fontId="9" fillId="0" borderId="11" xfId="6" applyFont="1" applyFill="1" applyBorder="1" applyAlignment="1">
      <alignment horizontal="right" shrinkToFit="1"/>
    </xf>
    <xf numFmtId="184" fontId="9" fillId="0" borderId="13" xfId="5" applyNumberFormat="1" applyFont="1" applyFill="1" applyBorder="1" applyAlignment="1" applyProtection="1">
      <alignment shrinkToFit="1"/>
    </xf>
    <xf numFmtId="184" fontId="9" fillId="0" borderId="11" xfId="5" applyNumberFormat="1" applyFont="1" applyFill="1" applyBorder="1" applyAlignment="1" applyProtection="1">
      <alignment shrinkToFit="1"/>
    </xf>
    <xf numFmtId="184" fontId="9" fillId="0" borderId="12" xfId="5" applyNumberFormat="1" applyFont="1" applyFill="1" applyBorder="1" applyAlignment="1" applyProtection="1">
      <alignment shrinkToFit="1"/>
    </xf>
    <xf numFmtId="2" fontId="9" fillId="0" borderId="0" xfId="5" applyNumberFormat="1" applyFont="1" applyFill="1" applyBorder="1" applyAlignment="1" applyProtection="1">
      <alignment horizontal="right" shrinkToFit="1"/>
    </xf>
    <xf numFmtId="38" fontId="57" fillId="0" borderId="0" xfId="6" applyFont="1" applyFill="1" applyBorder="1" applyAlignment="1">
      <alignment horizontal="right" shrinkToFit="1"/>
    </xf>
    <xf numFmtId="38" fontId="57" fillId="0" borderId="11" xfId="6" applyFont="1" applyFill="1" applyBorder="1" applyAlignment="1">
      <alignment horizontal="right" shrinkToFit="1"/>
    </xf>
    <xf numFmtId="38" fontId="57" fillId="0" borderId="13" xfId="6" applyFont="1" applyFill="1" applyBorder="1" applyAlignment="1">
      <alignment horizontal="right" shrinkToFit="1"/>
    </xf>
    <xf numFmtId="38" fontId="57" fillId="0" borderId="12" xfId="6" applyFont="1" applyFill="1" applyBorder="1" applyAlignment="1">
      <alignment horizontal="right" shrinkToFit="1"/>
    </xf>
    <xf numFmtId="0" fontId="4" fillId="0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left" vertical="center" indent="1"/>
    </xf>
    <xf numFmtId="0" fontId="4" fillId="0" borderId="5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left" wrapText="1"/>
    </xf>
    <xf numFmtId="0" fontId="7" fillId="0" borderId="23" xfId="0" applyFont="1" applyFill="1" applyBorder="1" applyAlignment="1">
      <alignment horizontal="center"/>
    </xf>
    <xf numFmtId="0" fontId="7" fillId="0" borderId="24" xfId="0" applyFont="1" applyFill="1" applyBorder="1" applyAlignment="1">
      <alignment horizontal="center"/>
    </xf>
    <xf numFmtId="0" fontId="4" fillId="0" borderId="14" xfId="0" applyFont="1" applyFill="1" applyBorder="1" applyAlignment="1">
      <alignment horizontal="center" vertical="center" textRotation="255"/>
    </xf>
    <xf numFmtId="0" fontId="0" fillId="0" borderId="9" xfId="0" applyFill="1" applyBorder="1" applyAlignment="1"/>
    <xf numFmtId="0" fontId="4" fillId="0" borderId="0" xfId="0" applyFont="1" applyFill="1" applyBorder="1" applyAlignment="1">
      <alignment horizontal="center" vertical="center" textRotation="255"/>
    </xf>
    <xf numFmtId="0" fontId="0" fillId="0" borderId="13" xfId="0" applyFill="1" applyBorder="1" applyAlignment="1"/>
    <xf numFmtId="0" fontId="4" fillId="0" borderId="5" xfId="0" applyFont="1" applyFill="1" applyBorder="1" applyAlignment="1">
      <alignment horizontal="center" vertical="center" textRotation="255"/>
    </xf>
    <xf numFmtId="0" fontId="0" fillId="0" borderId="6" xfId="0" applyFill="1" applyBorder="1" applyAlignment="1"/>
    <xf numFmtId="0" fontId="4" fillId="0" borderId="27" xfId="0" applyFont="1" applyFill="1" applyBorder="1" applyAlignment="1">
      <alignment horizontal="center" vertical="center" textRotation="255"/>
    </xf>
    <xf numFmtId="0" fontId="0" fillId="0" borderId="17" xfId="0" applyFill="1" applyBorder="1" applyAlignment="1"/>
    <xf numFmtId="0" fontId="4" fillId="0" borderId="0" xfId="0" applyFont="1" applyFill="1" applyAlignment="1">
      <alignment horizontal="left" wrapText="1"/>
    </xf>
    <xf numFmtId="0" fontId="4" fillId="0" borderId="2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17" xfId="0" applyFont="1" applyFill="1" applyBorder="1" applyAlignment="1">
      <alignment horizontal="center" vertical="center" textRotation="255"/>
    </xf>
    <xf numFmtId="0" fontId="4" fillId="0" borderId="3" xfId="0" applyFont="1" applyFill="1" applyBorder="1" applyAlignment="1">
      <alignment vertical="top" textRotation="255"/>
    </xf>
    <xf numFmtId="0" fontId="4" fillId="0" borderId="11" xfId="0" applyFont="1" applyFill="1" applyBorder="1" applyAlignment="1">
      <alignment vertical="top" textRotation="255"/>
    </xf>
    <xf numFmtId="0" fontId="4" fillId="0" borderId="7" xfId="0" applyFont="1" applyFill="1" applyBorder="1" applyAlignment="1">
      <alignment vertical="top" textRotation="255"/>
    </xf>
    <xf numFmtId="0" fontId="4" fillId="0" borderId="21" xfId="0" applyFont="1" applyFill="1" applyBorder="1" applyAlignment="1">
      <alignment horizontal="center"/>
    </xf>
    <xf numFmtId="0" fontId="4" fillId="0" borderId="16" xfId="0" applyFont="1" applyFill="1" applyBorder="1" applyAlignment="1">
      <alignment horizontal="center"/>
    </xf>
    <xf numFmtId="0" fontId="4" fillId="0" borderId="22" xfId="0" applyFont="1" applyFill="1" applyBorder="1" applyAlignment="1">
      <alignment horizontal="center"/>
    </xf>
    <xf numFmtId="0" fontId="4" fillId="0" borderId="10" xfId="0" applyFont="1" applyFill="1" applyBorder="1" applyAlignment="1">
      <alignment vertical="top" textRotation="255"/>
    </xf>
    <xf numFmtId="0" fontId="4" fillId="0" borderId="18" xfId="0" applyFont="1" applyFill="1" applyBorder="1" applyAlignment="1">
      <alignment vertical="top" textRotation="255"/>
    </xf>
    <xf numFmtId="0" fontId="4" fillId="0" borderId="15" xfId="0" applyFont="1" applyFill="1" applyBorder="1" applyAlignment="1">
      <alignment horizontal="center"/>
    </xf>
    <xf numFmtId="0" fontId="4" fillId="0" borderId="2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left"/>
    </xf>
    <xf numFmtId="0" fontId="4" fillId="0" borderId="1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/>
    </xf>
    <xf numFmtId="0" fontId="4" fillId="0" borderId="3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/>
    </xf>
    <xf numFmtId="0" fontId="4" fillId="0" borderId="9" xfId="0" applyFont="1" applyFill="1" applyBorder="1" applyAlignment="1">
      <alignment horizontal="center" vertical="center" textRotation="255"/>
    </xf>
    <xf numFmtId="0" fontId="4" fillId="0" borderId="10" xfId="0" applyFont="1" applyFill="1" applyBorder="1" applyAlignment="1">
      <alignment horizontal="center" vertical="center" textRotation="255"/>
    </xf>
    <xf numFmtId="0" fontId="4" fillId="0" borderId="11" xfId="0" applyFont="1" applyFill="1" applyBorder="1" applyAlignment="1">
      <alignment horizontal="center" vertical="center" textRotation="255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18" xfId="0" applyFont="1" applyFill="1" applyBorder="1" applyAlignment="1">
      <alignment horizontal="center" vertical="center" textRotation="255"/>
    </xf>
    <xf numFmtId="0" fontId="5" fillId="0" borderId="4" xfId="3" applyFont="1" applyBorder="1" applyAlignment="1">
      <alignment horizontal="center" vertical="center"/>
    </xf>
    <xf numFmtId="0" fontId="5" fillId="0" borderId="2" xfId="3" applyFont="1" applyBorder="1" applyAlignment="1">
      <alignment horizontal="center" vertical="center"/>
    </xf>
    <xf numFmtId="0" fontId="5" fillId="0" borderId="8" xfId="3" applyFont="1" applyBorder="1" applyAlignment="1">
      <alignment horizontal="center" vertical="center"/>
    </xf>
    <xf numFmtId="0" fontId="5" fillId="0" borderId="6" xfId="3" applyFont="1" applyBorder="1" applyAlignment="1">
      <alignment horizontal="center" vertical="center"/>
    </xf>
    <xf numFmtId="0" fontId="5" fillId="0" borderId="1" xfId="3" applyFont="1" applyBorder="1" applyAlignment="1">
      <alignment horizontal="center" vertical="center"/>
    </xf>
    <xf numFmtId="0" fontId="5" fillId="0" borderId="5" xfId="3" applyFont="1" applyBorder="1" applyAlignment="1">
      <alignment horizontal="center" vertical="center"/>
    </xf>
    <xf numFmtId="0" fontId="11" fillId="0" borderId="27" xfId="5" applyBorder="1" applyAlignment="1">
      <alignment horizontal="center"/>
    </xf>
    <xf numFmtId="0" fontId="11" fillId="0" borderId="17" xfId="5" applyBorder="1" applyAlignment="1">
      <alignment horizontal="center"/>
    </xf>
    <xf numFmtId="0" fontId="14" fillId="0" borderId="1" xfId="5" applyFont="1" applyBorder="1" applyAlignment="1">
      <alignment horizontal="center"/>
    </xf>
    <xf numFmtId="0" fontId="14" fillId="0" borderId="2" xfId="5" applyFont="1" applyBorder="1" applyAlignment="1">
      <alignment horizontal="center"/>
    </xf>
    <xf numFmtId="0" fontId="11" fillId="0" borderId="3" xfId="5" applyBorder="1" applyAlignment="1">
      <alignment horizontal="center" vertical="center"/>
    </xf>
    <xf numFmtId="0" fontId="11" fillId="0" borderId="7" xfId="5" applyBorder="1" applyAlignment="1">
      <alignment horizontal="center" vertical="center"/>
    </xf>
    <xf numFmtId="0" fontId="11" fillId="0" borderId="25" xfId="5" applyBorder="1" applyAlignment="1">
      <alignment horizontal="center" vertical="center"/>
    </xf>
    <xf numFmtId="0" fontId="11" fillId="0" borderId="41" xfId="5" applyBorder="1" applyAlignment="1">
      <alignment horizontal="center" vertical="center"/>
    </xf>
    <xf numFmtId="0" fontId="14" fillId="0" borderId="5" xfId="5" applyFont="1" applyBorder="1" applyAlignment="1">
      <alignment horizontal="center" vertical="center" shrinkToFit="1"/>
    </xf>
    <xf numFmtId="0" fontId="14" fillId="0" borderId="6" xfId="5" applyFont="1" applyBorder="1" applyAlignment="1">
      <alignment horizontal="center" vertical="center" shrinkToFit="1"/>
    </xf>
    <xf numFmtId="0" fontId="11" fillId="0" borderId="5" xfId="5" quotePrefix="1" applyFont="1" applyBorder="1" applyAlignment="1">
      <alignment horizontal="center"/>
    </xf>
    <xf numFmtId="0" fontId="11" fillId="0" borderId="6" xfId="5" quotePrefix="1" applyFont="1" applyBorder="1" applyAlignment="1">
      <alignment horizontal="center"/>
    </xf>
    <xf numFmtId="0" fontId="11" fillId="0" borderId="1" xfId="5" applyFont="1" applyBorder="1" applyAlignment="1">
      <alignment horizontal="center" vertical="center"/>
    </xf>
    <xf numFmtId="0" fontId="11" fillId="0" borderId="2" xfId="5" applyFont="1" applyBorder="1" applyAlignment="1">
      <alignment horizontal="center" vertical="center"/>
    </xf>
    <xf numFmtId="0" fontId="11" fillId="0" borderId="0" xfId="5" applyFont="1" applyBorder="1" applyAlignment="1">
      <alignment horizontal="center" vertical="center"/>
    </xf>
    <xf numFmtId="0" fontId="11" fillId="0" borderId="13" xfId="5" applyFont="1" applyBorder="1" applyAlignment="1">
      <alignment horizontal="center" vertical="center"/>
    </xf>
    <xf numFmtId="0" fontId="11" fillId="0" borderId="5" xfId="5" applyFont="1" applyBorder="1" applyAlignment="1">
      <alignment horizontal="center" vertical="center"/>
    </xf>
    <xf numFmtId="0" fontId="11" fillId="0" borderId="6" xfId="5" applyFont="1" applyBorder="1" applyAlignment="1">
      <alignment horizontal="center" vertical="center"/>
    </xf>
    <xf numFmtId="0" fontId="11" fillId="0" borderId="41" xfId="5" applyFont="1" applyBorder="1" applyAlignment="1">
      <alignment horizontal="center" vertical="center"/>
    </xf>
    <xf numFmtId="0" fontId="11" fillId="0" borderId="23" xfId="5" applyFont="1" applyBorder="1" applyAlignment="1">
      <alignment horizontal="center" vertical="center"/>
    </xf>
    <xf numFmtId="0" fontId="11" fillId="0" borderId="24" xfId="5" applyFont="1" applyBorder="1" applyAlignment="1">
      <alignment horizontal="center" vertical="center"/>
    </xf>
    <xf numFmtId="0" fontId="11" fillId="0" borderId="30" xfId="5" applyBorder="1" applyAlignment="1">
      <alignment horizontal="center" vertical="center"/>
    </xf>
    <xf numFmtId="0" fontId="11" fillId="0" borderId="29" xfId="5" applyBorder="1" applyAlignment="1">
      <alignment horizontal="center" vertical="center"/>
    </xf>
    <xf numFmtId="0" fontId="11" fillId="0" borderId="42" xfId="5" applyBorder="1" applyAlignment="1">
      <alignment horizontal="center" vertical="center"/>
    </xf>
    <xf numFmtId="0" fontId="11" fillId="0" borderId="0" xfId="5" quotePrefix="1" applyFont="1" applyBorder="1" applyAlignment="1">
      <alignment horizontal="center"/>
    </xf>
    <xf numFmtId="0" fontId="11" fillId="0" borderId="13" xfId="5" quotePrefix="1" applyFont="1" applyBorder="1" applyAlignment="1">
      <alignment horizontal="center"/>
    </xf>
    <xf numFmtId="0" fontId="16" fillId="0" borderId="13" xfId="0" applyFont="1" applyBorder="1" applyAlignment="1">
      <alignment horizontal="center" vertical="top" wrapText="1"/>
    </xf>
    <xf numFmtId="0" fontId="0" fillId="0" borderId="13" xfId="0" applyBorder="1" applyAlignment="1">
      <alignment horizontal="center" vertical="top" wrapText="1"/>
    </xf>
    <xf numFmtId="0" fontId="0" fillId="0" borderId="17" xfId="0" applyBorder="1" applyAlignment="1">
      <alignment horizontal="center" vertical="top" wrapText="1"/>
    </xf>
    <xf numFmtId="0" fontId="69" fillId="0" borderId="27" xfId="0" applyFont="1" applyBorder="1" applyAlignment="1">
      <alignment horizontal="distributed" vertical="center"/>
    </xf>
    <xf numFmtId="0" fontId="7" fillId="0" borderId="41" xfId="0" applyFont="1" applyBorder="1" applyAlignment="1">
      <alignment horizontal="center" vertical="center"/>
    </xf>
    <xf numFmtId="0" fontId="7" fillId="0" borderId="23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wrapText="1"/>
    </xf>
    <xf numFmtId="0" fontId="7" fillId="0" borderId="5" xfId="0" applyFont="1" applyBorder="1" applyAlignment="1">
      <alignment horizontal="center" wrapText="1"/>
    </xf>
    <xf numFmtId="0" fontId="7" fillId="0" borderId="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12" fillId="0" borderId="3" xfId="5" applyFont="1" applyBorder="1" applyAlignment="1">
      <alignment horizontal="center" vertical="center"/>
    </xf>
    <xf numFmtId="0" fontId="12" fillId="0" borderId="4" xfId="5" applyFont="1" applyBorder="1" applyAlignment="1">
      <alignment horizontal="center" vertical="center"/>
    </xf>
    <xf numFmtId="0" fontId="11" fillId="0" borderId="8" xfId="5" applyBorder="1" applyAlignment="1">
      <alignment horizontal="center" vertical="center"/>
    </xf>
    <xf numFmtId="0" fontId="23" fillId="0" borderId="0" xfId="5" applyFont="1" applyBorder="1" applyAlignment="1">
      <alignment horizontal="center" vertical="center"/>
    </xf>
    <xf numFmtId="0" fontId="11" fillId="0" borderId="13" xfId="5" applyBorder="1" applyAlignment="1"/>
    <xf numFmtId="0" fontId="11" fillId="0" borderId="5" xfId="5" applyBorder="1" applyAlignment="1"/>
    <xf numFmtId="0" fontId="11" fillId="0" borderId="6" xfId="5" applyBorder="1" applyAlignment="1"/>
    <xf numFmtId="0" fontId="24" fillId="0" borderId="3" xfId="5" applyFont="1" applyBorder="1" applyAlignment="1">
      <alignment horizontal="center" vertical="distributed"/>
    </xf>
    <xf numFmtId="0" fontId="11" fillId="0" borderId="7" xfId="5" applyBorder="1" applyAlignment="1">
      <alignment horizontal="center" vertical="distributed"/>
    </xf>
    <xf numFmtId="0" fontId="12" fillId="0" borderId="7" xfId="5" applyFont="1" applyBorder="1" applyAlignment="1">
      <alignment horizontal="center" vertical="center"/>
    </xf>
    <xf numFmtId="0" fontId="12" fillId="0" borderId="8" xfId="5" applyFont="1" applyBorder="1" applyAlignment="1">
      <alignment horizontal="center" vertical="center"/>
    </xf>
    <xf numFmtId="0" fontId="23" fillId="0" borderId="3" xfId="5" applyFont="1" applyBorder="1" applyAlignment="1">
      <alignment horizontal="center" vertical="center"/>
    </xf>
    <xf numFmtId="0" fontId="11" fillId="0" borderId="34" xfId="5" applyBorder="1" applyAlignment="1">
      <alignment vertical="center"/>
    </xf>
    <xf numFmtId="38" fontId="23" fillId="0" borderId="3" xfId="6" applyFont="1" applyBorder="1" applyAlignment="1">
      <alignment horizontal="right" vertical="center"/>
    </xf>
    <xf numFmtId="38" fontId="23" fillId="0" borderId="34" xfId="6" applyFont="1" applyBorder="1" applyAlignment="1">
      <alignment horizontal="right" vertical="center"/>
    </xf>
    <xf numFmtId="38" fontId="23" fillId="0" borderId="4" xfId="6" applyFont="1" applyBorder="1" applyAlignment="1">
      <alignment horizontal="right" vertical="center"/>
    </xf>
    <xf numFmtId="38" fontId="23" fillId="0" borderId="33" xfId="6" applyFont="1" applyBorder="1" applyAlignment="1">
      <alignment horizontal="right" vertical="center"/>
    </xf>
    <xf numFmtId="0" fontId="23" fillId="0" borderId="1" xfId="5" applyFont="1" applyBorder="1" applyAlignment="1">
      <alignment horizontal="center" vertical="center"/>
    </xf>
    <xf numFmtId="0" fontId="11" fillId="0" borderId="2" xfId="5" applyBorder="1" applyAlignment="1">
      <alignment horizontal="center" vertical="center"/>
    </xf>
    <xf numFmtId="0" fontId="11" fillId="0" borderId="5" xfId="5" applyBorder="1" applyAlignment="1">
      <alignment horizontal="center" vertical="center"/>
    </xf>
    <xf numFmtId="0" fontId="11" fillId="0" borderId="6" xfId="5" applyBorder="1" applyAlignment="1">
      <alignment horizontal="center" vertical="center"/>
    </xf>
    <xf numFmtId="0" fontId="24" fillId="0" borderId="3" xfId="5" applyFont="1" applyBorder="1" applyAlignment="1">
      <alignment horizontal="center" vertical="center"/>
    </xf>
    <xf numFmtId="0" fontId="24" fillId="0" borderId="7" xfId="5" applyFont="1" applyBorder="1" applyAlignment="1">
      <alignment horizontal="center" vertical="center"/>
    </xf>
    <xf numFmtId="0" fontId="36" fillId="0" borderId="23" xfId="5" applyFont="1" applyFill="1" applyBorder="1" applyAlignment="1">
      <alignment horizontal="center" vertical="center"/>
    </xf>
    <xf numFmtId="0" fontId="36" fillId="0" borderId="24" xfId="5" applyFont="1" applyFill="1" applyBorder="1" applyAlignment="1">
      <alignment horizontal="center" vertical="center"/>
    </xf>
    <xf numFmtId="56" fontId="50" fillId="0" borderId="23" xfId="5" applyNumberFormat="1" applyFont="1" applyFill="1" applyBorder="1" applyAlignment="1">
      <alignment horizontal="center" vertical="center"/>
    </xf>
    <xf numFmtId="56" fontId="50" fillId="0" borderId="24" xfId="5" applyNumberFormat="1" applyFont="1" applyFill="1" applyBorder="1" applyAlignment="1">
      <alignment horizontal="center" vertical="center"/>
    </xf>
    <xf numFmtId="38" fontId="55" fillId="0" borderId="4" xfId="6" quotePrefix="1" applyFont="1" applyBorder="1" applyAlignment="1">
      <alignment horizontal="right" vertical="center"/>
    </xf>
    <xf numFmtId="38" fontId="55" fillId="0" borderId="33" xfId="6" quotePrefix="1" applyFont="1" applyBorder="1" applyAlignment="1">
      <alignment horizontal="right" vertical="center"/>
    </xf>
    <xf numFmtId="0" fontId="55" fillId="0" borderId="3" xfId="5" applyFont="1" applyBorder="1" applyAlignment="1">
      <alignment horizontal="center" vertical="center"/>
    </xf>
    <xf numFmtId="38" fontId="55" fillId="2" borderId="3" xfId="6" applyFont="1" applyFill="1" applyBorder="1" applyAlignment="1">
      <alignment horizontal="right" vertical="center"/>
    </xf>
    <xf numFmtId="38" fontId="55" fillId="2" borderId="34" xfId="6" applyFont="1" applyFill="1" applyBorder="1" applyAlignment="1">
      <alignment horizontal="right" vertical="center"/>
    </xf>
    <xf numFmtId="38" fontId="55" fillId="2" borderId="4" xfId="6" applyFont="1" applyFill="1" applyBorder="1" applyAlignment="1">
      <alignment horizontal="right" vertical="center"/>
    </xf>
    <xf numFmtId="38" fontId="55" fillId="2" borderId="33" xfId="6" applyFont="1" applyFill="1" applyBorder="1" applyAlignment="1">
      <alignment horizontal="right" vertical="center"/>
    </xf>
    <xf numFmtId="0" fontId="55" fillId="0" borderId="11" xfId="5" applyFont="1" applyBorder="1" applyAlignment="1">
      <alignment horizontal="center" vertical="center"/>
    </xf>
    <xf numFmtId="0" fontId="11" fillId="0" borderId="11" xfId="5" applyBorder="1" applyAlignment="1">
      <alignment horizontal="center" vertical="center"/>
    </xf>
    <xf numFmtId="38" fontId="18" fillId="0" borderId="60" xfId="6" applyFont="1" applyFill="1" applyBorder="1" applyAlignment="1">
      <alignment horizontal="right" vertical="center"/>
    </xf>
    <xf numFmtId="38" fontId="18" fillId="0" borderId="56" xfId="6" applyFont="1" applyFill="1" applyBorder="1" applyAlignment="1">
      <alignment horizontal="right" vertical="center"/>
    </xf>
    <xf numFmtId="0" fontId="18" fillId="0" borderId="50" xfId="5" applyFont="1" applyBorder="1" applyAlignment="1">
      <alignment horizontal="center" vertical="center"/>
    </xf>
    <xf numFmtId="0" fontId="18" fillId="2" borderId="52" xfId="5" applyFont="1" applyFill="1" applyBorder="1" applyAlignment="1">
      <alignment horizontal="center" vertical="center"/>
    </xf>
    <xf numFmtId="0" fontId="18" fillId="2" borderId="54" xfId="5" applyFont="1" applyFill="1" applyBorder="1" applyAlignment="1">
      <alignment horizontal="center" vertical="center"/>
    </xf>
    <xf numFmtId="38" fontId="18" fillId="2" borderId="10" xfId="6" applyFont="1" applyFill="1" applyBorder="1" applyAlignment="1">
      <alignment horizontal="right" vertical="center"/>
    </xf>
    <xf numFmtId="38" fontId="18" fillId="2" borderId="34" xfId="6" applyFont="1" applyFill="1" applyBorder="1" applyAlignment="1">
      <alignment horizontal="right" vertical="center"/>
    </xf>
    <xf numFmtId="38" fontId="18" fillId="2" borderId="26" xfId="6" applyFont="1" applyFill="1" applyBorder="1" applyAlignment="1">
      <alignment horizontal="right" vertical="center"/>
    </xf>
    <xf numFmtId="38" fontId="18" fillId="2" borderId="33" xfId="6" applyFont="1" applyFill="1" applyBorder="1" applyAlignment="1">
      <alignment horizontal="right" vertical="center"/>
    </xf>
    <xf numFmtId="38" fontId="18" fillId="2" borderId="60" xfId="6" applyFont="1" applyFill="1" applyBorder="1" applyAlignment="1">
      <alignment horizontal="right" vertical="center"/>
    </xf>
    <xf numFmtId="38" fontId="18" fillId="2" borderId="56" xfId="6" applyFont="1" applyFill="1" applyBorder="1" applyAlignment="1">
      <alignment horizontal="right" vertical="center"/>
    </xf>
    <xf numFmtId="0" fontId="14" fillId="0" borderId="0" xfId="5" applyFont="1" applyAlignment="1">
      <alignment wrapText="1"/>
    </xf>
    <xf numFmtId="0" fontId="14" fillId="0" borderId="0" xfId="5" applyFont="1" applyAlignment="1"/>
    <xf numFmtId="38" fontId="18" fillId="2" borderId="60" xfId="6" applyFont="1" applyFill="1" applyBorder="1" applyAlignment="1">
      <alignment vertical="center"/>
    </xf>
    <xf numFmtId="38" fontId="18" fillId="2" borderId="56" xfId="6" applyFont="1" applyFill="1" applyBorder="1" applyAlignment="1">
      <alignment vertical="center"/>
    </xf>
    <xf numFmtId="0" fontId="10" fillId="0" borderId="11" xfId="5" applyFont="1" applyBorder="1" applyAlignment="1">
      <alignment horizontal="center" vertical="center"/>
    </xf>
    <xf numFmtId="0" fontId="12" fillId="0" borderId="1" xfId="5" applyFont="1" applyBorder="1" applyAlignment="1"/>
    <xf numFmtId="0" fontId="12" fillId="0" borderId="0" xfId="5" applyFont="1" applyAlignment="1"/>
    <xf numFmtId="0" fontId="12" fillId="0" borderId="0" xfId="5" applyNumberFormat="1" applyFont="1" applyAlignment="1"/>
    <xf numFmtId="0" fontId="10" fillId="0" borderId="0" xfId="5" applyFont="1" applyBorder="1" applyAlignment="1">
      <alignment horizontal="distributed"/>
    </xf>
    <xf numFmtId="0" fontId="58" fillId="0" borderId="13" xfId="5" applyFont="1" applyBorder="1" applyAlignment="1">
      <alignment horizontal="distributed"/>
    </xf>
    <xf numFmtId="0" fontId="30" fillId="0" borderId="0" xfId="5" applyFont="1" applyBorder="1" applyAlignment="1">
      <alignment horizontal="left"/>
    </xf>
    <xf numFmtId="0" fontId="30" fillId="0" borderId="13" xfId="5" applyFont="1" applyBorder="1" applyAlignment="1">
      <alignment horizontal="left"/>
    </xf>
    <xf numFmtId="0" fontId="10" fillId="0" borderId="0" xfId="5" quotePrefix="1" applyFont="1" applyBorder="1" applyAlignment="1">
      <alignment horizontal="distributed"/>
    </xf>
    <xf numFmtId="0" fontId="10" fillId="0" borderId="13" xfId="5" quotePrefix="1" applyFont="1" applyBorder="1" applyAlignment="1">
      <alignment horizontal="distributed"/>
    </xf>
    <xf numFmtId="0" fontId="69" fillId="0" borderId="0" xfId="0" applyFont="1" applyBorder="1" applyAlignment="1">
      <alignment horizontal="distributed"/>
    </xf>
    <xf numFmtId="0" fontId="0" fillId="0" borderId="13" xfId="0" applyBorder="1" applyAlignment="1">
      <alignment horizontal="distributed"/>
    </xf>
    <xf numFmtId="0" fontId="69" fillId="0" borderId="0" xfId="0" quotePrefix="1" applyFont="1" applyBorder="1" applyAlignment="1">
      <alignment horizontal="distributed"/>
    </xf>
    <xf numFmtId="0" fontId="69" fillId="0" borderId="13" xfId="0" quotePrefix="1" applyFont="1" applyBorder="1" applyAlignment="1">
      <alignment horizontal="distributed"/>
    </xf>
    <xf numFmtId="0" fontId="11" fillId="0" borderId="0" xfId="0" applyFont="1" applyBorder="1" applyAlignment="1">
      <alignment horizontal="left"/>
    </xf>
    <xf numFmtId="0" fontId="0" fillId="0" borderId="13" xfId="0" applyBorder="1" applyAlignment="1">
      <alignment horizontal="left"/>
    </xf>
    <xf numFmtId="0" fontId="57" fillId="0" borderId="1" xfId="3" applyFont="1" applyBorder="1" applyAlignment="1">
      <alignment horizontal="center" vertical="center"/>
    </xf>
    <xf numFmtId="0" fontId="57" fillId="0" borderId="2" xfId="3" applyFont="1" applyBorder="1" applyAlignment="1">
      <alignment horizontal="center" vertical="center"/>
    </xf>
    <xf numFmtId="0" fontId="57" fillId="0" borderId="5" xfId="3" applyFont="1" applyBorder="1" applyAlignment="1">
      <alignment horizontal="center" vertical="center"/>
    </xf>
    <xf numFmtId="0" fontId="57" fillId="0" borderId="6" xfId="3" applyFont="1" applyBorder="1" applyAlignment="1">
      <alignment horizontal="center" vertical="center"/>
    </xf>
    <xf numFmtId="0" fontId="57" fillId="0" borderId="9" xfId="3" applyFont="1" applyBorder="1" applyAlignment="1">
      <alignment horizontal="center" vertical="center"/>
    </xf>
  </cellXfs>
  <cellStyles count="8">
    <cellStyle name="パーセント 2" xfId="4"/>
    <cellStyle name="桁区切り" xfId="1" builtinId="6"/>
    <cellStyle name="桁区切り 2" xfId="6"/>
    <cellStyle name="標準" xfId="0" builtinId="0"/>
    <cellStyle name="標準 2" xfId="2"/>
    <cellStyle name="標準 3" xfId="3"/>
    <cellStyle name="標準 4" xfId="5"/>
    <cellStyle name="標準_Book1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3813</xdr:colOff>
      <xdr:row>38</xdr:row>
      <xdr:rowOff>35719</xdr:rowOff>
    </xdr:from>
    <xdr:to>
      <xdr:col>10</xdr:col>
      <xdr:colOff>278606</xdr:colOff>
      <xdr:row>40</xdr:row>
      <xdr:rowOff>164307</xdr:rowOff>
    </xdr:to>
    <xdr:sp macro="" textlink="">
      <xdr:nvSpPr>
        <xdr:cNvPr id="2" name="テキスト ボックス 1"/>
        <xdr:cNvSpPr txBox="1"/>
      </xdr:nvSpPr>
      <xdr:spPr>
        <a:xfrm>
          <a:off x="3576638" y="6474619"/>
          <a:ext cx="4283868" cy="471488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「平成</a:t>
          </a:r>
          <a:r>
            <a:rPr kumimoji="1" lang="en-US" altLang="ja-JP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27</a:t>
          </a:r>
          <a:r>
            <a:rPr kumimoji="1" lang="ja-JP" altLang="en-US" sz="1400">
              <a:latin typeface="ＭＳ ゴシック" panose="020B0609070205080204" pitchFamily="49" charset="-128"/>
              <a:ea typeface="ＭＳ ゴシック" panose="020B0609070205080204" pitchFamily="49" charset="-128"/>
            </a:rPr>
            <a:t>年中」の人口異動は調査して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63"/>
  <sheetViews>
    <sheetView tabSelected="1" zoomScaleNormal="100" zoomScaleSheetLayoutView="80" zoomScalePageLayoutView="90" workbookViewId="0"/>
  </sheetViews>
  <sheetFormatPr defaultRowHeight="12"/>
  <cols>
    <col min="1" max="1" width="4.625" style="2" customWidth="1"/>
    <col min="2" max="2" width="3.25" style="2" customWidth="1"/>
    <col min="3" max="3" width="5" style="2" customWidth="1"/>
    <col min="4" max="4" width="6.125" style="2" customWidth="1"/>
    <col min="5" max="8" width="13.125" style="2" customWidth="1"/>
    <col min="9" max="9" width="9.25" style="2" bestFit="1" customWidth="1"/>
    <col min="10" max="16384" width="9" style="3"/>
  </cols>
  <sheetData>
    <row r="1" spans="1:9" ht="18" customHeight="1">
      <c r="A1" s="1" t="s">
        <v>0</v>
      </c>
    </row>
    <row r="2" spans="1:9" ht="12" customHeight="1">
      <c r="A2" s="1"/>
    </row>
    <row r="3" spans="1:9" s="966" customFormat="1" ht="14.25" customHeight="1" thickBot="1">
      <c r="A3" s="1055" t="s">
        <v>1</v>
      </c>
      <c r="B3" s="1055"/>
      <c r="C3" s="1055"/>
      <c r="D3" s="1055"/>
      <c r="E3" s="1055"/>
      <c r="F3" s="1055"/>
      <c r="G3" s="1055"/>
      <c r="H3" s="1055"/>
      <c r="I3" s="1055"/>
    </row>
    <row r="4" spans="1:9" ht="12.75" thickTop="1">
      <c r="A4" s="1332" t="s">
        <v>2</v>
      </c>
      <c r="B4" s="1332"/>
      <c r="C4" s="1332"/>
      <c r="D4" s="1333"/>
      <c r="E4" s="1334" t="s">
        <v>3</v>
      </c>
      <c r="F4" s="4" t="s">
        <v>4</v>
      </c>
      <c r="G4" s="5" t="s">
        <v>5</v>
      </c>
      <c r="H4" s="4" t="s">
        <v>6</v>
      </c>
      <c r="I4" s="1336" t="s">
        <v>7</v>
      </c>
    </row>
    <row r="5" spans="1:9">
      <c r="A5" s="1304" t="s">
        <v>8</v>
      </c>
      <c r="B5" s="1304"/>
      <c r="C5" s="1304"/>
      <c r="D5" s="1338"/>
      <c r="E5" s="1335"/>
      <c r="F5" s="6" t="s">
        <v>9</v>
      </c>
      <c r="G5" s="7" t="s">
        <v>10</v>
      </c>
      <c r="H5" s="6" t="s">
        <v>11</v>
      </c>
      <c r="I5" s="1337"/>
    </row>
    <row r="6" spans="1:9">
      <c r="A6" s="1339" t="s">
        <v>12</v>
      </c>
      <c r="B6" s="1340" t="s">
        <v>13</v>
      </c>
      <c r="C6" s="8"/>
      <c r="D6" s="9"/>
      <c r="E6" s="10" t="s">
        <v>14</v>
      </c>
      <c r="F6" s="11" t="s">
        <v>14</v>
      </c>
      <c r="G6" s="10" t="s">
        <v>14</v>
      </c>
      <c r="H6" s="11" t="s">
        <v>14</v>
      </c>
      <c r="I6" s="12" t="s">
        <v>14</v>
      </c>
    </row>
    <row r="7" spans="1:9">
      <c r="A7" s="1319"/>
      <c r="B7" s="1341"/>
      <c r="C7" s="13" t="s">
        <v>15</v>
      </c>
      <c r="D7" s="14" t="s">
        <v>16</v>
      </c>
      <c r="E7" s="15">
        <v>9163279</v>
      </c>
      <c r="F7" s="16">
        <v>1117039</v>
      </c>
      <c r="G7" s="15">
        <v>5703570</v>
      </c>
      <c r="H7" s="16">
        <v>2259744</v>
      </c>
      <c r="I7" s="17">
        <v>82926</v>
      </c>
    </row>
    <row r="8" spans="1:9">
      <c r="A8" s="1319"/>
      <c r="B8" s="1341"/>
      <c r="C8" s="8"/>
      <c r="D8" s="14" t="s">
        <v>17</v>
      </c>
      <c r="E8" s="15">
        <v>9147400</v>
      </c>
      <c r="F8" s="16">
        <v>1128426</v>
      </c>
      <c r="G8" s="15">
        <v>5715800</v>
      </c>
      <c r="H8" s="16">
        <v>2220248</v>
      </c>
      <c r="I8" s="17">
        <v>82926</v>
      </c>
    </row>
    <row r="9" spans="1:9">
      <c r="A9" s="1319"/>
      <c r="B9" s="1341"/>
      <c r="C9" s="8"/>
      <c r="D9" s="14" t="s">
        <v>18</v>
      </c>
      <c r="E9" s="15">
        <v>9128037</v>
      </c>
      <c r="F9" s="16">
        <v>1137781</v>
      </c>
      <c r="G9" s="15">
        <v>5735512</v>
      </c>
      <c r="H9" s="16">
        <v>2171818</v>
      </c>
      <c r="I9" s="17">
        <v>82926</v>
      </c>
    </row>
    <row r="10" spans="1:9">
      <c r="A10" s="1319"/>
      <c r="B10" s="1341"/>
      <c r="C10" s="8"/>
      <c r="D10" s="14" t="s">
        <v>19</v>
      </c>
      <c r="E10" s="15">
        <v>9100346</v>
      </c>
      <c r="F10" s="16">
        <v>1160016</v>
      </c>
      <c r="G10" s="15">
        <v>5770260</v>
      </c>
      <c r="H10" s="16">
        <v>2117842</v>
      </c>
      <c r="I10" s="17">
        <v>52228</v>
      </c>
    </row>
    <row r="11" spans="1:9">
      <c r="A11" s="1319"/>
      <c r="B11" s="1342"/>
      <c r="C11" s="18"/>
      <c r="D11" s="14" t="s">
        <v>20</v>
      </c>
      <c r="E11" s="15">
        <v>9083839</v>
      </c>
      <c r="F11" s="16">
        <v>1168050</v>
      </c>
      <c r="G11" s="15">
        <v>5827503</v>
      </c>
      <c r="H11" s="16">
        <v>2036058</v>
      </c>
      <c r="I11" s="17">
        <v>52228</v>
      </c>
    </row>
    <row r="12" spans="1:9">
      <c r="A12" s="1319"/>
      <c r="B12" s="1340" t="s">
        <v>21</v>
      </c>
      <c r="C12" s="8"/>
      <c r="D12" s="19"/>
      <c r="E12" s="20" t="s">
        <v>22</v>
      </c>
      <c r="F12" s="21" t="s">
        <v>23</v>
      </c>
      <c r="G12" s="20" t="s">
        <v>24</v>
      </c>
      <c r="H12" s="21" t="s">
        <v>25</v>
      </c>
      <c r="I12" s="1329"/>
    </row>
    <row r="13" spans="1:9">
      <c r="A13" s="1319"/>
      <c r="B13" s="1341"/>
      <c r="C13" s="13" t="s">
        <v>26</v>
      </c>
      <c r="D13" s="14" t="s">
        <v>16</v>
      </c>
      <c r="E13" s="22" t="s">
        <v>27</v>
      </c>
      <c r="F13" s="23">
        <v>12.301713380526065</v>
      </c>
      <c r="G13" s="24">
        <v>62.812205648833256</v>
      </c>
      <c r="H13" s="23">
        <v>24.886080970640677</v>
      </c>
      <c r="I13" s="1325"/>
    </row>
    <row r="14" spans="1:9">
      <c r="A14" s="1319"/>
      <c r="B14" s="1341"/>
      <c r="C14" s="8"/>
      <c r="D14" s="14" t="s">
        <v>17</v>
      </c>
      <c r="E14" s="22" t="s">
        <v>28</v>
      </c>
      <c r="F14" s="23">
        <v>12.448885616528878</v>
      </c>
      <c r="G14" s="24">
        <v>63.057161397340863</v>
      </c>
      <c r="H14" s="23">
        <v>24.49395298613025</v>
      </c>
      <c r="I14" s="1325"/>
    </row>
    <row r="15" spans="1:9">
      <c r="A15" s="1319"/>
      <c r="B15" s="1341"/>
      <c r="C15" s="8"/>
      <c r="D15" s="14" t="s">
        <v>18</v>
      </c>
      <c r="E15" s="22" t="s">
        <v>29</v>
      </c>
      <c r="F15" s="23">
        <v>12.578961164766248</v>
      </c>
      <c r="G15" s="24">
        <v>63.410078660173433</v>
      </c>
      <c r="H15" s="23">
        <v>24.010960175060315</v>
      </c>
      <c r="I15" s="1325"/>
    </row>
    <row r="16" spans="1:9">
      <c r="A16" s="1319"/>
      <c r="B16" s="1341"/>
      <c r="C16" s="8"/>
      <c r="D16" s="14" t="s">
        <v>19</v>
      </c>
      <c r="E16" s="22" t="s">
        <v>30</v>
      </c>
      <c r="F16" s="23">
        <v>12.820522455609002</v>
      </c>
      <c r="G16" s="24">
        <v>63.773040979350625</v>
      </c>
      <c r="H16" s="23">
        <v>23.406436565040377</v>
      </c>
      <c r="I16" s="1325"/>
    </row>
    <row r="17" spans="1:9" ht="12.75" thickBot="1">
      <c r="A17" s="1320"/>
      <c r="B17" s="1343"/>
      <c r="C17" s="25"/>
      <c r="D17" s="14" t="s">
        <v>20</v>
      </c>
      <c r="E17" s="22" t="s">
        <v>29</v>
      </c>
      <c r="F17" s="23">
        <v>12.932908647194836</v>
      </c>
      <c r="G17" s="24">
        <v>64.523405624976533</v>
      </c>
      <c r="H17" s="23">
        <v>22.543685727828624</v>
      </c>
      <c r="I17" s="1330"/>
    </row>
    <row r="18" spans="1:9" ht="12.75" thickTop="1">
      <c r="A18" s="1318" t="s">
        <v>31</v>
      </c>
      <c r="B18" s="1321" t="s">
        <v>32</v>
      </c>
      <c r="C18" s="26"/>
      <c r="D18" s="27"/>
      <c r="E18" s="28" t="s">
        <v>33</v>
      </c>
      <c r="F18" s="29" t="s">
        <v>33</v>
      </c>
      <c r="G18" s="28" t="s">
        <v>33</v>
      </c>
      <c r="H18" s="30" t="s">
        <v>33</v>
      </c>
      <c r="I18" s="1324"/>
    </row>
    <row r="19" spans="1:9">
      <c r="A19" s="1319"/>
      <c r="B19" s="1322"/>
      <c r="C19" s="31" t="s">
        <v>26</v>
      </c>
      <c r="D19" s="14" t="s">
        <v>16</v>
      </c>
      <c r="E19" s="15">
        <v>12659.2</v>
      </c>
      <c r="F19" s="16">
        <v>1555.7</v>
      </c>
      <c r="G19" s="15">
        <v>7580.7</v>
      </c>
      <c r="H19" s="16">
        <v>3522.8</v>
      </c>
      <c r="I19" s="1325"/>
    </row>
    <row r="20" spans="1:9">
      <c r="A20" s="1319"/>
      <c r="B20" s="1322"/>
      <c r="C20" s="26"/>
      <c r="D20" s="14" t="s">
        <v>17</v>
      </c>
      <c r="E20" s="15">
        <v>12682.2</v>
      </c>
      <c r="F20" s="32">
        <v>1573.8</v>
      </c>
      <c r="G20" s="15">
        <v>7638.5</v>
      </c>
      <c r="H20" s="16">
        <v>3469.9</v>
      </c>
      <c r="I20" s="1325"/>
    </row>
    <row r="21" spans="1:9">
      <c r="A21" s="1319"/>
      <c r="B21" s="1322"/>
      <c r="C21" s="26"/>
      <c r="D21" s="14" t="s">
        <v>18</v>
      </c>
      <c r="E21" s="15">
        <v>12703</v>
      </c>
      <c r="F21" s="16">
        <v>1591</v>
      </c>
      <c r="G21" s="15">
        <v>7707</v>
      </c>
      <c r="H21" s="16">
        <v>3405</v>
      </c>
      <c r="I21" s="1325"/>
    </row>
    <row r="22" spans="1:9">
      <c r="A22" s="1319"/>
      <c r="B22" s="1322"/>
      <c r="C22" s="26"/>
      <c r="D22" s="14" t="s">
        <v>19</v>
      </c>
      <c r="E22" s="15">
        <v>12702</v>
      </c>
      <c r="F22" s="16">
        <v>1621</v>
      </c>
      <c r="G22" s="15">
        <v>7757</v>
      </c>
      <c r="H22" s="16">
        <v>3323</v>
      </c>
      <c r="I22" s="1325"/>
    </row>
    <row r="23" spans="1:9">
      <c r="A23" s="1319"/>
      <c r="B23" s="1323"/>
      <c r="C23" s="33"/>
      <c r="D23" s="14" t="s">
        <v>20</v>
      </c>
      <c r="E23" s="15">
        <v>12724</v>
      </c>
      <c r="F23" s="16">
        <v>1637</v>
      </c>
      <c r="G23" s="15">
        <v>7875</v>
      </c>
      <c r="H23" s="16">
        <v>3212</v>
      </c>
      <c r="I23" s="1326"/>
    </row>
    <row r="24" spans="1:9">
      <c r="A24" s="1319"/>
      <c r="B24" s="1327" t="s">
        <v>34</v>
      </c>
      <c r="C24" s="26"/>
      <c r="D24" s="19"/>
      <c r="E24" s="20" t="s">
        <v>23</v>
      </c>
      <c r="F24" s="21" t="s">
        <v>23</v>
      </c>
      <c r="G24" s="20" t="s">
        <v>23</v>
      </c>
      <c r="H24" s="34" t="s">
        <v>23</v>
      </c>
      <c r="I24" s="1329"/>
    </row>
    <row r="25" spans="1:9" ht="13.5" customHeight="1">
      <c r="A25" s="1319"/>
      <c r="B25" s="1322"/>
      <c r="C25" s="31" t="s">
        <v>26</v>
      </c>
      <c r="D25" s="14" t="s">
        <v>16</v>
      </c>
      <c r="E25" s="24">
        <f>E19/E19*100</f>
        <v>100</v>
      </c>
      <c r="F25" s="23">
        <f>F19/E19*100</f>
        <v>12.28908619817998</v>
      </c>
      <c r="G25" s="24">
        <f>G19/E19*100</f>
        <v>59.882930990899894</v>
      </c>
      <c r="H25" s="24">
        <f>H19/E19*100</f>
        <v>27.827982810920123</v>
      </c>
      <c r="I25" s="1325"/>
    </row>
    <row r="26" spans="1:9" ht="13.5" customHeight="1">
      <c r="A26" s="1319"/>
      <c r="B26" s="1322"/>
      <c r="C26" s="26"/>
      <c r="D26" s="14" t="s">
        <v>17</v>
      </c>
      <c r="E26" s="24">
        <v>100</v>
      </c>
      <c r="F26" s="23">
        <v>12.411291594385744</v>
      </c>
      <c r="G26" s="24">
        <v>60.234978709982656</v>
      </c>
      <c r="H26" s="24">
        <v>27.361614887241757</v>
      </c>
      <c r="I26" s="1325"/>
    </row>
    <row r="27" spans="1:9" ht="13.5" customHeight="1">
      <c r="A27" s="1319"/>
      <c r="B27" s="1322"/>
      <c r="C27" s="26"/>
      <c r="D27" s="14" t="s">
        <v>18</v>
      </c>
      <c r="E27" s="24">
        <v>100</v>
      </c>
      <c r="F27" s="23">
        <v>12.524600488073684</v>
      </c>
      <c r="G27" s="24">
        <v>60.670707706840901</v>
      </c>
      <c r="H27" s="24">
        <v>26.804691805085412</v>
      </c>
      <c r="I27" s="1325"/>
    </row>
    <row r="28" spans="1:9" ht="13.5" customHeight="1">
      <c r="A28" s="1319"/>
      <c r="B28" s="1322"/>
      <c r="C28" s="26"/>
      <c r="D28" s="14" t="s">
        <v>19</v>
      </c>
      <c r="E28" s="24">
        <v>100</v>
      </c>
      <c r="F28" s="23">
        <v>12.761769800031491</v>
      </c>
      <c r="G28" s="24">
        <v>61.069122972760191</v>
      </c>
      <c r="H28" s="24">
        <v>26.161234451267518</v>
      </c>
      <c r="I28" s="1325"/>
    </row>
    <row r="29" spans="1:9" ht="14.25" customHeight="1" thickBot="1">
      <c r="A29" s="1320"/>
      <c r="B29" s="1328"/>
      <c r="C29" s="26"/>
      <c r="D29" s="14" t="s">
        <v>20</v>
      </c>
      <c r="E29" s="24">
        <v>100</v>
      </c>
      <c r="F29" s="23">
        <v>12.865451116001259</v>
      </c>
      <c r="G29" s="24">
        <v>61.890914806664568</v>
      </c>
      <c r="H29" s="23">
        <v>25.243634077334171</v>
      </c>
      <c r="I29" s="1330"/>
    </row>
    <row r="30" spans="1:9" ht="9" customHeight="1" thickTop="1">
      <c r="A30" s="35"/>
      <c r="B30" s="36"/>
      <c r="C30" s="36"/>
      <c r="D30" s="27"/>
      <c r="E30" s="37"/>
      <c r="F30" s="37"/>
      <c r="G30" s="37"/>
      <c r="H30" s="37"/>
      <c r="I30" s="37"/>
    </row>
    <row r="31" spans="1:9" s="38" customFormat="1" ht="14.25" customHeight="1">
      <c r="A31" s="9" t="s">
        <v>35</v>
      </c>
      <c r="B31" s="1306" t="s">
        <v>913</v>
      </c>
      <c r="C31" s="1306"/>
      <c r="D31" s="1306"/>
      <c r="E31" s="1306"/>
      <c r="F31" s="1306"/>
      <c r="G31" s="1306"/>
      <c r="H31" s="1306"/>
      <c r="I31" s="1306"/>
    </row>
    <row r="32" spans="1:9" s="38" customFormat="1" ht="14.25" customHeight="1">
      <c r="A32" s="9"/>
      <c r="B32" s="1317" t="s">
        <v>36</v>
      </c>
      <c r="C32" s="1317"/>
      <c r="D32" s="1317"/>
      <c r="E32" s="1317"/>
      <c r="F32" s="1317"/>
      <c r="G32" s="1317"/>
      <c r="H32" s="1317"/>
      <c r="I32" s="1317"/>
    </row>
    <row r="33" spans="1:9" s="38" customFormat="1" ht="14.25" customHeight="1">
      <c r="A33" s="9"/>
      <c r="B33" s="1317" t="s">
        <v>37</v>
      </c>
      <c r="C33" s="1317"/>
      <c r="D33" s="1317"/>
      <c r="E33" s="1317"/>
      <c r="F33" s="1317"/>
      <c r="G33" s="1317"/>
      <c r="H33" s="1317"/>
      <c r="I33" s="1317"/>
    </row>
    <row r="34" spans="1:9" s="38" customFormat="1" ht="14.25" customHeight="1">
      <c r="A34" s="9"/>
      <c r="B34" s="1317" t="s">
        <v>36</v>
      </c>
      <c r="C34" s="1317"/>
      <c r="D34" s="1317"/>
      <c r="E34" s="1317"/>
      <c r="F34" s="1317"/>
      <c r="G34" s="1317"/>
      <c r="H34" s="1317"/>
      <c r="I34" s="1317"/>
    </row>
    <row r="35" spans="1:9" s="38" customFormat="1" ht="14.25" customHeight="1">
      <c r="A35" s="9"/>
      <c r="B35" s="1317" t="s">
        <v>38</v>
      </c>
      <c r="C35" s="1317"/>
      <c r="D35" s="1317"/>
      <c r="E35" s="1317"/>
      <c r="F35" s="1317"/>
      <c r="G35" s="1317"/>
      <c r="H35" s="1317"/>
      <c r="I35" s="1317"/>
    </row>
    <row r="36" spans="1:9" ht="14.25" customHeight="1">
      <c r="B36" s="1331" t="s">
        <v>39</v>
      </c>
      <c r="C36" s="1331"/>
      <c r="D36" s="1331"/>
      <c r="E36" s="1331"/>
      <c r="F36" s="1331"/>
      <c r="G36" s="1331"/>
      <c r="H36" s="1331"/>
      <c r="I36" s="1331"/>
    </row>
    <row r="37" spans="1:9" s="38" customFormat="1" ht="14.25" customHeight="1">
      <c r="A37" s="9"/>
      <c r="B37" s="1317" t="s">
        <v>40</v>
      </c>
      <c r="C37" s="1317"/>
      <c r="D37" s="1317"/>
      <c r="E37" s="1317"/>
      <c r="F37" s="1317"/>
      <c r="G37" s="1317"/>
      <c r="H37" s="1317"/>
      <c r="I37" s="1317"/>
    </row>
    <row r="38" spans="1:9" ht="7.5" customHeight="1">
      <c r="B38" s="1306"/>
      <c r="C38" s="1306"/>
      <c r="D38" s="1306"/>
      <c r="E38" s="1306"/>
      <c r="F38" s="1306"/>
      <c r="G38" s="1306"/>
      <c r="H38" s="1306"/>
      <c r="I38" s="1306"/>
    </row>
    <row r="39" spans="1:9">
      <c r="B39" s="39"/>
      <c r="C39" s="39"/>
      <c r="D39" s="39"/>
      <c r="E39" s="39"/>
      <c r="F39" s="39"/>
      <c r="G39" s="39"/>
      <c r="H39" s="39"/>
      <c r="I39" s="39"/>
    </row>
    <row r="40" spans="1:9" s="966" customFormat="1" ht="14.25" thickBot="1">
      <c r="A40" s="1055" t="s">
        <v>41</v>
      </c>
      <c r="B40" s="1055"/>
      <c r="C40" s="1055"/>
      <c r="D40" s="1055"/>
      <c r="E40" s="1055"/>
      <c r="F40" s="1055"/>
      <c r="G40" s="1055"/>
      <c r="H40" s="1055"/>
      <c r="I40" s="1055"/>
    </row>
    <row r="41" spans="1:9" ht="12.75" thickTop="1">
      <c r="A41" s="1307" t="s">
        <v>42</v>
      </c>
      <c r="B41" s="1307"/>
      <c r="C41" s="1307"/>
      <c r="D41" s="1308"/>
      <c r="E41" s="5" t="s">
        <v>43</v>
      </c>
      <c r="F41" s="4" t="s">
        <v>44</v>
      </c>
      <c r="G41" s="5" t="s">
        <v>45</v>
      </c>
      <c r="H41" s="40" t="s">
        <v>46</v>
      </c>
    </row>
    <row r="42" spans="1:9">
      <c r="A42" s="1309" t="s">
        <v>47</v>
      </c>
      <c r="B42" s="1310"/>
      <c r="C42" s="31" t="s">
        <v>26</v>
      </c>
      <c r="D42" s="14" t="s">
        <v>16</v>
      </c>
      <c r="E42" s="41">
        <v>19.584909100791258</v>
      </c>
      <c r="F42" s="42">
        <v>39.619817061945412</v>
      </c>
      <c r="G42" s="41">
        <v>59.204726162736677</v>
      </c>
      <c r="H42" s="43">
        <v>202.29768163868945</v>
      </c>
    </row>
    <row r="43" spans="1:9">
      <c r="A43" s="1311"/>
      <c r="B43" s="1312"/>
      <c r="C43" s="26"/>
      <c r="D43" s="14" t="s">
        <v>17</v>
      </c>
      <c r="E43" s="24">
        <v>19.742223310822631</v>
      </c>
      <c r="F43" s="23">
        <v>38.844046327723156</v>
      </c>
      <c r="G43" s="24">
        <v>58.586269638545787</v>
      </c>
      <c r="H43" s="44">
        <v>196.75618959506426</v>
      </c>
    </row>
    <row r="44" spans="1:9">
      <c r="A44" s="1311"/>
      <c r="B44" s="1312"/>
      <c r="C44" s="26"/>
      <c r="D44" s="14" t="s">
        <v>18</v>
      </c>
      <c r="E44" s="45">
        <v>19.837479199764555</v>
      </c>
      <c r="F44" s="24">
        <v>37.866157371826617</v>
      </c>
      <c r="G44" s="45">
        <v>57.703636571591169</v>
      </c>
      <c r="H44" s="24">
        <v>190.88190082274181</v>
      </c>
    </row>
    <row r="45" spans="1:9">
      <c r="A45" s="1311"/>
      <c r="B45" s="1312"/>
      <c r="C45" s="26"/>
      <c r="D45" s="14" t="s">
        <v>19</v>
      </c>
      <c r="E45" s="24">
        <v>20.100000000000001</v>
      </c>
      <c r="F45" s="23">
        <v>36.700000000000003</v>
      </c>
      <c r="G45" s="24">
        <v>56.8</v>
      </c>
      <c r="H45" s="44">
        <v>182.6</v>
      </c>
    </row>
    <row r="46" spans="1:9">
      <c r="A46" s="1313"/>
      <c r="B46" s="1314"/>
      <c r="C46" s="26"/>
      <c r="D46" s="14" t="s">
        <v>20</v>
      </c>
      <c r="E46" s="46">
        <v>20</v>
      </c>
      <c r="F46" s="47">
        <v>34.9</v>
      </c>
      <c r="G46" s="46">
        <v>55</v>
      </c>
      <c r="H46" s="48">
        <v>174.3</v>
      </c>
    </row>
    <row r="47" spans="1:9">
      <c r="A47" s="1309" t="s">
        <v>48</v>
      </c>
      <c r="B47" s="1310"/>
      <c r="C47" s="49" t="s">
        <v>26</v>
      </c>
      <c r="D47" s="50" t="s">
        <v>16</v>
      </c>
      <c r="E47" s="41">
        <v>20.521851544</v>
      </c>
      <c r="F47" s="42">
        <v>46.470642552000001</v>
      </c>
      <c r="G47" s="51">
        <v>66.992494096000001</v>
      </c>
      <c r="H47" s="41">
        <v>226.44468727899999</v>
      </c>
    </row>
    <row r="48" spans="1:9">
      <c r="A48" s="1311"/>
      <c r="B48" s="1312"/>
      <c r="C48" s="52"/>
      <c r="D48" s="14" t="s">
        <v>17</v>
      </c>
      <c r="E48" s="24">
        <v>20.604830791385741</v>
      </c>
      <c r="F48" s="23">
        <v>45.427767231786348</v>
      </c>
      <c r="G48" s="45">
        <v>66.032598023172085</v>
      </c>
      <c r="H48" s="24">
        <v>220.47144037105281</v>
      </c>
    </row>
    <row r="49" spans="1:8">
      <c r="A49" s="1311"/>
      <c r="B49" s="1312"/>
      <c r="C49" s="52"/>
      <c r="D49" s="14" t="s">
        <v>18</v>
      </c>
      <c r="E49" s="24">
        <v>20.644332572140335</v>
      </c>
      <c r="F49" s="45">
        <v>44.17427859663691</v>
      </c>
      <c r="G49" s="45">
        <v>64.818611168777252</v>
      </c>
      <c r="H49" s="24">
        <v>213.97775124127963</v>
      </c>
    </row>
    <row r="50" spans="1:8">
      <c r="A50" s="1311"/>
      <c r="B50" s="1312"/>
      <c r="C50" s="52"/>
      <c r="D50" s="14" t="s">
        <v>19</v>
      </c>
      <c r="E50" s="24">
        <v>20.9</v>
      </c>
      <c r="F50" s="23">
        <v>42.8</v>
      </c>
      <c r="G50" s="24">
        <v>63.7</v>
      </c>
      <c r="H50" s="44">
        <v>205</v>
      </c>
    </row>
    <row r="51" spans="1:8" ht="12.75" thickBot="1">
      <c r="A51" s="1315"/>
      <c r="B51" s="1316"/>
      <c r="C51" s="53"/>
      <c r="D51" s="54" t="s">
        <v>20</v>
      </c>
      <c r="E51" s="55">
        <v>20.8</v>
      </c>
      <c r="F51" s="56">
        <v>40.799999999999997</v>
      </c>
      <c r="G51" s="55">
        <v>61.6</v>
      </c>
      <c r="H51" s="57">
        <v>196.2</v>
      </c>
    </row>
    <row r="52" spans="1:8" ht="12" customHeight="1" thickTop="1"/>
    <row r="53" spans="1:8">
      <c r="A53" s="1302" t="s">
        <v>49</v>
      </c>
      <c r="B53" s="1302">
        <v>1</v>
      </c>
      <c r="C53" s="58"/>
      <c r="D53" s="1303" t="s">
        <v>50</v>
      </c>
      <c r="E53" s="1303"/>
      <c r="F53" s="1304" t="s">
        <v>4</v>
      </c>
      <c r="G53" s="1304"/>
      <c r="H53" s="1302" t="s">
        <v>51</v>
      </c>
    </row>
    <row r="54" spans="1:8">
      <c r="A54" s="1302"/>
      <c r="B54" s="1302"/>
      <c r="C54" s="58"/>
      <c r="D54" s="1303"/>
      <c r="E54" s="1303"/>
      <c r="F54" s="1305" t="s">
        <v>5</v>
      </c>
      <c r="G54" s="1305"/>
      <c r="H54" s="1302"/>
    </row>
    <row r="55" spans="1:8" ht="9" customHeight="1">
      <c r="A55" s="58"/>
      <c r="B55" s="58"/>
      <c r="C55" s="58"/>
      <c r="D55" s="59"/>
      <c r="E55" s="59"/>
      <c r="F55" s="60"/>
      <c r="G55" s="60"/>
      <c r="H55" s="58"/>
    </row>
    <row r="56" spans="1:8">
      <c r="B56" s="1302">
        <v>2</v>
      </c>
      <c r="C56" s="58"/>
      <c r="D56" s="1303" t="s">
        <v>52</v>
      </c>
      <c r="E56" s="1303"/>
      <c r="F56" s="1304" t="s">
        <v>6</v>
      </c>
      <c r="G56" s="1304"/>
      <c r="H56" s="1302" t="s">
        <v>51</v>
      </c>
    </row>
    <row r="57" spans="1:8">
      <c r="B57" s="1302"/>
      <c r="C57" s="58"/>
      <c r="D57" s="1303"/>
      <c r="E57" s="1303"/>
      <c r="F57" s="1305" t="s">
        <v>5</v>
      </c>
      <c r="G57" s="1305"/>
      <c r="H57" s="1302"/>
    </row>
    <row r="58" spans="1:8" ht="9" customHeight="1">
      <c r="B58" s="58"/>
      <c r="C58" s="58"/>
      <c r="D58" s="59"/>
      <c r="E58" s="59"/>
      <c r="F58" s="60"/>
      <c r="G58" s="60"/>
      <c r="H58" s="58"/>
    </row>
    <row r="59" spans="1:8">
      <c r="B59" s="1302">
        <v>3</v>
      </c>
      <c r="C59" s="58"/>
      <c r="D59" s="1303" t="s">
        <v>53</v>
      </c>
      <c r="E59" s="1303"/>
      <c r="F59" s="1304" t="s">
        <v>54</v>
      </c>
      <c r="G59" s="1304"/>
      <c r="H59" s="1302" t="s">
        <v>51</v>
      </c>
    </row>
    <row r="60" spans="1:8">
      <c r="B60" s="1302"/>
      <c r="C60" s="58"/>
      <c r="D60" s="1303"/>
      <c r="E60" s="1303"/>
      <c r="F60" s="1305" t="s">
        <v>5</v>
      </c>
      <c r="G60" s="1305"/>
      <c r="H60" s="1302"/>
    </row>
    <row r="61" spans="1:8" ht="9" customHeight="1">
      <c r="B61" s="58"/>
      <c r="C61" s="58"/>
      <c r="D61" s="59"/>
      <c r="E61" s="59"/>
      <c r="F61" s="60"/>
      <c r="G61" s="60"/>
      <c r="H61" s="58"/>
    </row>
    <row r="62" spans="1:8">
      <c r="B62" s="1302">
        <v>4</v>
      </c>
      <c r="C62" s="58"/>
      <c r="D62" s="1303" t="s">
        <v>55</v>
      </c>
      <c r="E62" s="1303"/>
      <c r="F62" s="1304" t="s">
        <v>6</v>
      </c>
      <c r="G62" s="1304"/>
      <c r="H62" s="1302" t="s">
        <v>51</v>
      </c>
    </row>
    <row r="63" spans="1:8">
      <c r="B63" s="1302"/>
      <c r="C63" s="58"/>
      <c r="D63" s="1303"/>
      <c r="E63" s="1303"/>
      <c r="F63" s="1305" t="s">
        <v>4</v>
      </c>
      <c r="G63" s="1305"/>
      <c r="H63" s="1302"/>
    </row>
  </sheetData>
  <mergeCells count="45">
    <mergeCell ref="A4:D4"/>
    <mergeCell ref="E4:E5"/>
    <mergeCell ref="I4:I5"/>
    <mergeCell ref="A5:D5"/>
    <mergeCell ref="A6:A17"/>
    <mergeCell ref="B6:B11"/>
    <mergeCell ref="B12:B17"/>
    <mergeCell ref="I12:I17"/>
    <mergeCell ref="B37:I37"/>
    <mergeCell ref="A18:A29"/>
    <mergeCell ref="B18:B23"/>
    <mergeCell ref="I18:I23"/>
    <mergeCell ref="B24:B29"/>
    <mergeCell ref="I24:I29"/>
    <mergeCell ref="B31:I31"/>
    <mergeCell ref="B32:I32"/>
    <mergeCell ref="B33:I33"/>
    <mergeCell ref="B34:I34"/>
    <mergeCell ref="B35:I35"/>
    <mergeCell ref="B36:I36"/>
    <mergeCell ref="B38:I38"/>
    <mergeCell ref="A41:D41"/>
    <mergeCell ref="A42:B46"/>
    <mergeCell ref="A47:B51"/>
    <mergeCell ref="A53:A54"/>
    <mergeCell ref="B53:B54"/>
    <mergeCell ref="D53:E54"/>
    <mergeCell ref="F53:G53"/>
    <mergeCell ref="H53:H54"/>
    <mergeCell ref="F54:G54"/>
    <mergeCell ref="B59:B60"/>
    <mergeCell ref="D59:E60"/>
    <mergeCell ref="F59:G59"/>
    <mergeCell ref="H59:H60"/>
    <mergeCell ref="F60:G60"/>
    <mergeCell ref="B56:B57"/>
    <mergeCell ref="D56:E57"/>
    <mergeCell ref="F56:G56"/>
    <mergeCell ref="H56:H57"/>
    <mergeCell ref="F57:G57"/>
    <mergeCell ref="B62:B63"/>
    <mergeCell ref="D62:E63"/>
    <mergeCell ref="F62:G62"/>
    <mergeCell ref="H62:H63"/>
    <mergeCell ref="F63:G63"/>
  </mergeCells>
  <phoneticPr fontId="3"/>
  <pageMargins left="1.1811023622047245" right="0.59055118110236227" top="0.78740157480314965" bottom="0.9055118110236221" header="0.51181102362204722" footer="0.19685039370078741"/>
  <pageSetup paperSize="9" firstPageNumber="9" orientation="portrait" useFirstPageNumber="1" r:id="rId1"/>
  <headerFooter differentFirst="1" alignWithMargins="0">
    <firstFooter>&amp;C&amp;"ＭＳ ゴシック,太字"&amp;9-9-</first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187"/>
  <sheetViews>
    <sheetView zoomScale="75" zoomScaleNormal="75" zoomScaleSheetLayoutView="80" workbookViewId="0">
      <pane xSplit="1" ySplit="6" topLeftCell="B7" activePane="bottomRight" state="frozen"/>
      <selection pane="topRight"/>
      <selection pane="bottomLeft"/>
      <selection pane="bottomRight"/>
    </sheetView>
  </sheetViews>
  <sheetFormatPr defaultRowHeight="13.5"/>
  <cols>
    <col min="1" max="1" width="17.375" style="145" customWidth="1"/>
    <col min="2" max="2" width="12" style="502" bestFit="1" customWidth="1"/>
    <col min="3" max="3" width="12" style="502" customWidth="1"/>
    <col min="4" max="5" width="12" style="502" bestFit="1" customWidth="1"/>
    <col min="6" max="6" width="7.625" style="502" customWidth="1"/>
    <col min="7" max="7" width="12" style="502" bestFit="1" customWidth="1"/>
    <col min="8" max="8" width="9.625" style="502" customWidth="1"/>
    <col min="9" max="9" width="12" style="502" bestFit="1" customWidth="1"/>
    <col min="10" max="10" width="9.625" style="502" customWidth="1"/>
    <col min="11" max="11" width="7.625" style="502" customWidth="1"/>
    <col min="12" max="12" width="1.125" style="502" customWidth="1"/>
    <col min="13" max="13" width="9.75" style="502" customWidth="1"/>
    <col min="14" max="16" width="8.625" style="502" customWidth="1"/>
    <col min="17" max="17" width="7.625" style="502" hidden="1" customWidth="1"/>
    <col min="18" max="22" width="7.375" style="502" customWidth="1"/>
    <col min="23" max="25" width="8.375" style="502" customWidth="1"/>
    <col min="26" max="26" width="7.75" style="502" customWidth="1"/>
    <col min="27" max="27" width="8" style="502" customWidth="1"/>
    <col min="28" max="257" width="9" style="145"/>
    <col min="258" max="258" width="16.25" style="145" customWidth="1"/>
    <col min="259" max="262" width="9.625" style="145" customWidth="1"/>
    <col min="263" max="263" width="7.625" style="145" customWidth="1"/>
    <col min="264" max="264" width="9.75" style="145" customWidth="1"/>
    <col min="265" max="265" width="9.625" style="145" customWidth="1"/>
    <col min="266" max="266" width="9.75" style="145" customWidth="1"/>
    <col min="267" max="267" width="9.625" style="145" customWidth="1"/>
    <col min="268" max="268" width="7.625" style="145" customWidth="1"/>
    <col min="269" max="269" width="9.75" style="145" customWidth="1"/>
    <col min="270" max="270" width="39.625" style="145" customWidth="1"/>
    <col min="271" max="272" width="8.625" style="145" customWidth="1"/>
    <col min="273" max="273" width="0" style="145" hidden="1" customWidth="1"/>
    <col min="274" max="277" width="7.625" style="145" customWidth="1"/>
    <col min="278" max="281" width="8.625" style="145" customWidth="1"/>
    <col min="282" max="283" width="8.875" style="145" customWidth="1"/>
    <col min="284" max="513" width="9" style="145"/>
    <col min="514" max="514" width="16.25" style="145" customWidth="1"/>
    <col min="515" max="518" width="9.625" style="145" customWidth="1"/>
    <col min="519" max="519" width="7.625" style="145" customWidth="1"/>
    <col min="520" max="520" width="9.75" style="145" customWidth="1"/>
    <col min="521" max="521" width="9.625" style="145" customWidth="1"/>
    <col min="522" max="522" width="9.75" style="145" customWidth="1"/>
    <col min="523" max="523" width="9.625" style="145" customWidth="1"/>
    <col min="524" max="524" width="7.625" style="145" customWidth="1"/>
    <col min="525" max="525" width="9.75" style="145" customWidth="1"/>
    <col min="526" max="526" width="39.625" style="145" customWidth="1"/>
    <col min="527" max="528" width="8.625" style="145" customWidth="1"/>
    <col min="529" max="529" width="0" style="145" hidden="1" customWidth="1"/>
    <col min="530" max="533" width="7.625" style="145" customWidth="1"/>
    <col min="534" max="537" width="8.625" style="145" customWidth="1"/>
    <col min="538" max="539" width="8.875" style="145" customWidth="1"/>
    <col min="540" max="769" width="9" style="145"/>
    <col min="770" max="770" width="16.25" style="145" customWidth="1"/>
    <col min="771" max="774" width="9.625" style="145" customWidth="1"/>
    <col min="775" max="775" width="7.625" style="145" customWidth="1"/>
    <col min="776" max="776" width="9.75" style="145" customWidth="1"/>
    <col min="777" max="777" width="9.625" style="145" customWidth="1"/>
    <col min="778" max="778" width="9.75" style="145" customWidth="1"/>
    <col min="779" max="779" width="9.625" style="145" customWidth="1"/>
    <col min="780" max="780" width="7.625" style="145" customWidth="1"/>
    <col min="781" max="781" width="9.75" style="145" customWidth="1"/>
    <col min="782" max="782" width="39.625" style="145" customWidth="1"/>
    <col min="783" max="784" width="8.625" style="145" customWidth="1"/>
    <col min="785" max="785" width="0" style="145" hidden="1" customWidth="1"/>
    <col min="786" max="789" width="7.625" style="145" customWidth="1"/>
    <col min="790" max="793" width="8.625" style="145" customWidth="1"/>
    <col min="794" max="795" width="8.875" style="145" customWidth="1"/>
    <col min="796" max="1025" width="9" style="145"/>
    <col min="1026" max="1026" width="16.25" style="145" customWidth="1"/>
    <col min="1027" max="1030" width="9.625" style="145" customWidth="1"/>
    <col min="1031" max="1031" width="7.625" style="145" customWidth="1"/>
    <col min="1032" max="1032" width="9.75" style="145" customWidth="1"/>
    <col min="1033" max="1033" width="9.625" style="145" customWidth="1"/>
    <col min="1034" max="1034" width="9.75" style="145" customWidth="1"/>
    <col min="1035" max="1035" width="9.625" style="145" customWidth="1"/>
    <col min="1036" max="1036" width="7.625" style="145" customWidth="1"/>
    <col min="1037" max="1037" width="9.75" style="145" customWidth="1"/>
    <col min="1038" max="1038" width="39.625" style="145" customWidth="1"/>
    <col min="1039" max="1040" width="8.625" style="145" customWidth="1"/>
    <col min="1041" max="1041" width="0" style="145" hidden="1" customWidth="1"/>
    <col min="1042" max="1045" width="7.625" style="145" customWidth="1"/>
    <col min="1046" max="1049" width="8.625" style="145" customWidth="1"/>
    <col min="1050" max="1051" width="8.875" style="145" customWidth="1"/>
    <col min="1052" max="1281" width="9" style="145"/>
    <col min="1282" max="1282" width="16.25" style="145" customWidth="1"/>
    <col min="1283" max="1286" width="9.625" style="145" customWidth="1"/>
    <col min="1287" max="1287" width="7.625" style="145" customWidth="1"/>
    <col min="1288" max="1288" width="9.75" style="145" customWidth="1"/>
    <col min="1289" max="1289" width="9.625" style="145" customWidth="1"/>
    <col min="1290" max="1290" width="9.75" style="145" customWidth="1"/>
    <col min="1291" max="1291" width="9.625" style="145" customWidth="1"/>
    <col min="1292" max="1292" width="7.625" style="145" customWidth="1"/>
    <col min="1293" max="1293" width="9.75" style="145" customWidth="1"/>
    <col min="1294" max="1294" width="39.625" style="145" customWidth="1"/>
    <col min="1295" max="1296" width="8.625" style="145" customWidth="1"/>
    <col min="1297" max="1297" width="0" style="145" hidden="1" customWidth="1"/>
    <col min="1298" max="1301" width="7.625" style="145" customWidth="1"/>
    <col min="1302" max="1305" width="8.625" style="145" customWidth="1"/>
    <col min="1306" max="1307" width="8.875" style="145" customWidth="1"/>
    <col min="1308" max="1537" width="9" style="145"/>
    <col min="1538" max="1538" width="16.25" style="145" customWidth="1"/>
    <col min="1539" max="1542" width="9.625" style="145" customWidth="1"/>
    <col min="1543" max="1543" width="7.625" style="145" customWidth="1"/>
    <col min="1544" max="1544" width="9.75" style="145" customWidth="1"/>
    <col min="1545" max="1545" width="9.625" style="145" customWidth="1"/>
    <col min="1546" max="1546" width="9.75" style="145" customWidth="1"/>
    <col min="1547" max="1547" width="9.625" style="145" customWidth="1"/>
    <col min="1548" max="1548" width="7.625" style="145" customWidth="1"/>
    <col min="1549" max="1549" width="9.75" style="145" customWidth="1"/>
    <col min="1550" max="1550" width="39.625" style="145" customWidth="1"/>
    <col min="1551" max="1552" width="8.625" style="145" customWidth="1"/>
    <col min="1553" max="1553" width="0" style="145" hidden="1" customWidth="1"/>
    <col min="1554" max="1557" width="7.625" style="145" customWidth="1"/>
    <col min="1558" max="1561" width="8.625" style="145" customWidth="1"/>
    <col min="1562" max="1563" width="8.875" style="145" customWidth="1"/>
    <col min="1564" max="1793" width="9" style="145"/>
    <col min="1794" max="1794" width="16.25" style="145" customWidth="1"/>
    <col min="1795" max="1798" width="9.625" style="145" customWidth="1"/>
    <col min="1799" max="1799" width="7.625" style="145" customWidth="1"/>
    <col min="1800" max="1800" width="9.75" style="145" customWidth="1"/>
    <col min="1801" max="1801" width="9.625" style="145" customWidth="1"/>
    <col min="1802" max="1802" width="9.75" style="145" customWidth="1"/>
    <col min="1803" max="1803" width="9.625" style="145" customWidth="1"/>
    <col min="1804" max="1804" width="7.625" style="145" customWidth="1"/>
    <col min="1805" max="1805" width="9.75" style="145" customWidth="1"/>
    <col min="1806" max="1806" width="39.625" style="145" customWidth="1"/>
    <col min="1807" max="1808" width="8.625" style="145" customWidth="1"/>
    <col min="1809" max="1809" width="0" style="145" hidden="1" customWidth="1"/>
    <col min="1810" max="1813" width="7.625" style="145" customWidth="1"/>
    <col min="1814" max="1817" width="8.625" style="145" customWidth="1"/>
    <col min="1818" max="1819" width="8.875" style="145" customWidth="1"/>
    <col min="1820" max="2049" width="9" style="145"/>
    <col min="2050" max="2050" width="16.25" style="145" customWidth="1"/>
    <col min="2051" max="2054" width="9.625" style="145" customWidth="1"/>
    <col min="2055" max="2055" width="7.625" style="145" customWidth="1"/>
    <col min="2056" max="2056" width="9.75" style="145" customWidth="1"/>
    <col min="2057" max="2057" width="9.625" style="145" customWidth="1"/>
    <col min="2058" max="2058" width="9.75" style="145" customWidth="1"/>
    <col min="2059" max="2059" width="9.625" style="145" customWidth="1"/>
    <col min="2060" max="2060" width="7.625" style="145" customWidth="1"/>
    <col min="2061" max="2061" width="9.75" style="145" customWidth="1"/>
    <col min="2062" max="2062" width="39.625" style="145" customWidth="1"/>
    <col min="2063" max="2064" width="8.625" style="145" customWidth="1"/>
    <col min="2065" max="2065" width="0" style="145" hidden="1" customWidth="1"/>
    <col min="2066" max="2069" width="7.625" style="145" customWidth="1"/>
    <col min="2070" max="2073" width="8.625" style="145" customWidth="1"/>
    <col min="2074" max="2075" width="8.875" style="145" customWidth="1"/>
    <col min="2076" max="2305" width="9" style="145"/>
    <col min="2306" max="2306" width="16.25" style="145" customWidth="1"/>
    <col min="2307" max="2310" width="9.625" style="145" customWidth="1"/>
    <col min="2311" max="2311" width="7.625" style="145" customWidth="1"/>
    <col min="2312" max="2312" width="9.75" style="145" customWidth="1"/>
    <col min="2313" max="2313" width="9.625" style="145" customWidth="1"/>
    <col min="2314" max="2314" width="9.75" style="145" customWidth="1"/>
    <col min="2315" max="2315" width="9.625" style="145" customWidth="1"/>
    <col min="2316" max="2316" width="7.625" style="145" customWidth="1"/>
    <col min="2317" max="2317" width="9.75" style="145" customWidth="1"/>
    <col min="2318" max="2318" width="39.625" style="145" customWidth="1"/>
    <col min="2319" max="2320" width="8.625" style="145" customWidth="1"/>
    <col min="2321" max="2321" width="0" style="145" hidden="1" customWidth="1"/>
    <col min="2322" max="2325" width="7.625" style="145" customWidth="1"/>
    <col min="2326" max="2329" width="8.625" style="145" customWidth="1"/>
    <col min="2330" max="2331" width="8.875" style="145" customWidth="1"/>
    <col min="2332" max="2561" width="9" style="145"/>
    <col min="2562" max="2562" width="16.25" style="145" customWidth="1"/>
    <col min="2563" max="2566" width="9.625" style="145" customWidth="1"/>
    <col min="2567" max="2567" width="7.625" style="145" customWidth="1"/>
    <col min="2568" max="2568" width="9.75" style="145" customWidth="1"/>
    <col min="2569" max="2569" width="9.625" style="145" customWidth="1"/>
    <col min="2570" max="2570" width="9.75" style="145" customWidth="1"/>
    <col min="2571" max="2571" width="9.625" style="145" customWidth="1"/>
    <col min="2572" max="2572" width="7.625" style="145" customWidth="1"/>
    <col min="2573" max="2573" width="9.75" style="145" customWidth="1"/>
    <col min="2574" max="2574" width="39.625" style="145" customWidth="1"/>
    <col min="2575" max="2576" width="8.625" style="145" customWidth="1"/>
    <col min="2577" max="2577" width="0" style="145" hidden="1" customWidth="1"/>
    <col min="2578" max="2581" width="7.625" style="145" customWidth="1"/>
    <col min="2582" max="2585" width="8.625" style="145" customWidth="1"/>
    <col min="2586" max="2587" width="8.875" style="145" customWidth="1"/>
    <col min="2588" max="2817" width="9" style="145"/>
    <col min="2818" max="2818" width="16.25" style="145" customWidth="1"/>
    <col min="2819" max="2822" width="9.625" style="145" customWidth="1"/>
    <col min="2823" max="2823" width="7.625" style="145" customWidth="1"/>
    <col min="2824" max="2824" width="9.75" style="145" customWidth="1"/>
    <col min="2825" max="2825" width="9.625" style="145" customWidth="1"/>
    <col min="2826" max="2826" width="9.75" style="145" customWidth="1"/>
    <col min="2827" max="2827" width="9.625" style="145" customWidth="1"/>
    <col min="2828" max="2828" width="7.625" style="145" customWidth="1"/>
    <col min="2829" max="2829" width="9.75" style="145" customWidth="1"/>
    <col min="2830" max="2830" width="39.625" style="145" customWidth="1"/>
    <col min="2831" max="2832" width="8.625" style="145" customWidth="1"/>
    <col min="2833" max="2833" width="0" style="145" hidden="1" customWidth="1"/>
    <col min="2834" max="2837" width="7.625" style="145" customWidth="1"/>
    <col min="2838" max="2841" width="8.625" style="145" customWidth="1"/>
    <col min="2842" max="2843" width="8.875" style="145" customWidth="1"/>
    <col min="2844" max="3073" width="9" style="145"/>
    <col min="3074" max="3074" width="16.25" style="145" customWidth="1"/>
    <col min="3075" max="3078" width="9.625" style="145" customWidth="1"/>
    <col min="3079" max="3079" width="7.625" style="145" customWidth="1"/>
    <col min="3080" max="3080" width="9.75" style="145" customWidth="1"/>
    <col min="3081" max="3081" width="9.625" style="145" customWidth="1"/>
    <col min="3082" max="3082" width="9.75" style="145" customWidth="1"/>
    <col min="3083" max="3083" width="9.625" style="145" customWidth="1"/>
    <col min="3084" max="3084" width="7.625" style="145" customWidth="1"/>
    <col min="3085" max="3085" width="9.75" style="145" customWidth="1"/>
    <col min="3086" max="3086" width="39.625" style="145" customWidth="1"/>
    <col min="3087" max="3088" width="8.625" style="145" customWidth="1"/>
    <col min="3089" max="3089" width="0" style="145" hidden="1" customWidth="1"/>
    <col min="3090" max="3093" width="7.625" style="145" customWidth="1"/>
    <col min="3094" max="3097" width="8.625" style="145" customWidth="1"/>
    <col min="3098" max="3099" width="8.875" style="145" customWidth="1"/>
    <col min="3100" max="3329" width="9" style="145"/>
    <col min="3330" max="3330" width="16.25" style="145" customWidth="1"/>
    <col min="3331" max="3334" width="9.625" style="145" customWidth="1"/>
    <col min="3335" max="3335" width="7.625" style="145" customWidth="1"/>
    <col min="3336" max="3336" width="9.75" style="145" customWidth="1"/>
    <col min="3337" max="3337" width="9.625" style="145" customWidth="1"/>
    <col min="3338" max="3338" width="9.75" style="145" customWidth="1"/>
    <col min="3339" max="3339" width="9.625" style="145" customWidth="1"/>
    <col min="3340" max="3340" width="7.625" style="145" customWidth="1"/>
    <col min="3341" max="3341" width="9.75" style="145" customWidth="1"/>
    <col min="3342" max="3342" width="39.625" style="145" customWidth="1"/>
    <col min="3343" max="3344" width="8.625" style="145" customWidth="1"/>
    <col min="3345" max="3345" width="0" style="145" hidden="1" customWidth="1"/>
    <col min="3346" max="3349" width="7.625" style="145" customWidth="1"/>
    <col min="3350" max="3353" width="8.625" style="145" customWidth="1"/>
    <col min="3354" max="3355" width="8.875" style="145" customWidth="1"/>
    <col min="3356" max="3585" width="9" style="145"/>
    <col min="3586" max="3586" width="16.25" style="145" customWidth="1"/>
    <col min="3587" max="3590" width="9.625" style="145" customWidth="1"/>
    <col min="3591" max="3591" width="7.625" style="145" customWidth="1"/>
    <col min="3592" max="3592" width="9.75" style="145" customWidth="1"/>
    <col min="3593" max="3593" width="9.625" style="145" customWidth="1"/>
    <col min="3594" max="3594" width="9.75" style="145" customWidth="1"/>
    <col min="3595" max="3595" width="9.625" style="145" customWidth="1"/>
    <col min="3596" max="3596" width="7.625" style="145" customWidth="1"/>
    <col min="3597" max="3597" width="9.75" style="145" customWidth="1"/>
    <col min="3598" max="3598" width="39.625" style="145" customWidth="1"/>
    <col min="3599" max="3600" width="8.625" style="145" customWidth="1"/>
    <col min="3601" max="3601" width="0" style="145" hidden="1" customWidth="1"/>
    <col min="3602" max="3605" width="7.625" style="145" customWidth="1"/>
    <col min="3606" max="3609" width="8.625" style="145" customWidth="1"/>
    <col min="3610" max="3611" width="8.875" style="145" customWidth="1"/>
    <col min="3612" max="3841" width="9" style="145"/>
    <col min="3842" max="3842" width="16.25" style="145" customWidth="1"/>
    <col min="3843" max="3846" width="9.625" style="145" customWidth="1"/>
    <col min="3847" max="3847" width="7.625" style="145" customWidth="1"/>
    <col min="3848" max="3848" width="9.75" style="145" customWidth="1"/>
    <col min="3849" max="3849" width="9.625" style="145" customWidth="1"/>
    <col min="3850" max="3850" width="9.75" style="145" customWidth="1"/>
    <col min="3851" max="3851" width="9.625" style="145" customWidth="1"/>
    <col min="3852" max="3852" width="7.625" style="145" customWidth="1"/>
    <col min="3853" max="3853" width="9.75" style="145" customWidth="1"/>
    <col min="3854" max="3854" width="39.625" style="145" customWidth="1"/>
    <col min="3855" max="3856" width="8.625" style="145" customWidth="1"/>
    <col min="3857" max="3857" width="0" style="145" hidden="1" customWidth="1"/>
    <col min="3858" max="3861" width="7.625" style="145" customWidth="1"/>
    <col min="3862" max="3865" width="8.625" style="145" customWidth="1"/>
    <col min="3866" max="3867" width="8.875" style="145" customWidth="1"/>
    <col min="3868" max="4097" width="9" style="145"/>
    <col min="4098" max="4098" width="16.25" style="145" customWidth="1"/>
    <col min="4099" max="4102" width="9.625" style="145" customWidth="1"/>
    <col min="4103" max="4103" width="7.625" style="145" customWidth="1"/>
    <col min="4104" max="4104" width="9.75" style="145" customWidth="1"/>
    <col min="4105" max="4105" width="9.625" style="145" customWidth="1"/>
    <col min="4106" max="4106" width="9.75" style="145" customWidth="1"/>
    <col min="4107" max="4107" width="9.625" style="145" customWidth="1"/>
    <col min="4108" max="4108" width="7.625" style="145" customWidth="1"/>
    <col min="4109" max="4109" width="9.75" style="145" customWidth="1"/>
    <col min="4110" max="4110" width="39.625" style="145" customWidth="1"/>
    <col min="4111" max="4112" width="8.625" style="145" customWidth="1"/>
    <col min="4113" max="4113" width="0" style="145" hidden="1" customWidth="1"/>
    <col min="4114" max="4117" width="7.625" style="145" customWidth="1"/>
    <col min="4118" max="4121" width="8.625" style="145" customWidth="1"/>
    <col min="4122" max="4123" width="8.875" style="145" customWidth="1"/>
    <col min="4124" max="4353" width="9" style="145"/>
    <col min="4354" max="4354" width="16.25" style="145" customWidth="1"/>
    <col min="4355" max="4358" width="9.625" style="145" customWidth="1"/>
    <col min="4359" max="4359" width="7.625" style="145" customWidth="1"/>
    <col min="4360" max="4360" width="9.75" style="145" customWidth="1"/>
    <col min="4361" max="4361" width="9.625" style="145" customWidth="1"/>
    <col min="4362" max="4362" width="9.75" style="145" customWidth="1"/>
    <col min="4363" max="4363" width="9.625" style="145" customWidth="1"/>
    <col min="4364" max="4364" width="7.625" style="145" customWidth="1"/>
    <col min="4365" max="4365" width="9.75" style="145" customWidth="1"/>
    <col min="4366" max="4366" width="39.625" style="145" customWidth="1"/>
    <col min="4367" max="4368" width="8.625" style="145" customWidth="1"/>
    <col min="4369" max="4369" width="0" style="145" hidden="1" customWidth="1"/>
    <col min="4370" max="4373" width="7.625" style="145" customWidth="1"/>
    <col min="4374" max="4377" width="8.625" style="145" customWidth="1"/>
    <col min="4378" max="4379" width="8.875" style="145" customWidth="1"/>
    <col min="4380" max="4609" width="9" style="145"/>
    <col min="4610" max="4610" width="16.25" style="145" customWidth="1"/>
    <col min="4611" max="4614" width="9.625" style="145" customWidth="1"/>
    <col min="4615" max="4615" width="7.625" style="145" customWidth="1"/>
    <col min="4616" max="4616" width="9.75" style="145" customWidth="1"/>
    <col min="4617" max="4617" width="9.625" style="145" customWidth="1"/>
    <col min="4618" max="4618" width="9.75" style="145" customWidth="1"/>
    <col min="4619" max="4619" width="9.625" style="145" customWidth="1"/>
    <col min="4620" max="4620" width="7.625" style="145" customWidth="1"/>
    <col min="4621" max="4621" width="9.75" style="145" customWidth="1"/>
    <col min="4622" max="4622" width="39.625" style="145" customWidth="1"/>
    <col min="4623" max="4624" width="8.625" style="145" customWidth="1"/>
    <col min="4625" max="4625" width="0" style="145" hidden="1" customWidth="1"/>
    <col min="4626" max="4629" width="7.625" style="145" customWidth="1"/>
    <col min="4630" max="4633" width="8.625" style="145" customWidth="1"/>
    <col min="4634" max="4635" width="8.875" style="145" customWidth="1"/>
    <col min="4636" max="4865" width="9" style="145"/>
    <col min="4866" max="4866" width="16.25" style="145" customWidth="1"/>
    <col min="4867" max="4870" width="9.625" style="145" customWidth="1"/>
    <col min="4871" max="4871" width="7.625" style="145" customWidth="1"/>
    <col min="4872" max="4872" width="9.75" style="145" customWidth="1"/>
    <col min="4873" max="4873" width="9.625" style="145" customWidth="1"/>
    <col min="4874" max="4874" width="9.75" style="145" customWidth="1"/>
    <col min="4875" max="4875" width="9.625" style="145" customWidth="1"/>
    <col min="4876" max="4876" width="7.625" style="145" customWidth="1"/>
    <col min="4877" max="4877" width="9.75" style="145" customWidth="1"/>
    <col min="4878" max="4878" width="39.625" style="145" customWidth="1"/>
    <col min="4879" max="4880" width="8.625" style="145" customWidth="1"/>
    <col min="4881" max="4881" width="0" style="145" hidden="1" customWidth="1"/>
    <col min="4882" max="4885" width="7.625" style="145" customWidth="1"/>
    <col min="4886" max="4889" width="8.625" style="145" customWidth="1"/>
    <col min="4890" max="4891" width="8.875" style="145" customWidth="1"/>
    <col min="4892" max="5121" width="9" style="145"/>
    <col min="5122" max="5122" width="16.25" style="145" customWidth="1"/>
    <col min="5123" max="5126" width="9.625" style="145" customWidth="1"/>
    <col min="5127" max="5127" width="7.625" style="145" customWidth="1"/>
    <col min="5128" max="5128" width="9.75" style="145" customWidth="1"/>
    <col min="5129" max="5129" width="9.625" style="145" customWidth="1"/>
    <col min="5130" max="5130" width="9.75" style="145" customWidth="1"/>
    <col min="5131" max="5131" width="9.625" style="145" customWidth="1"/>
    <col min="5132" max="5132" width="7.625" style="145" customWidth="1"/>
    <col min="5133" max="5133" width="9.75" style="145" customWidth="1"/>
    <col min="5134" max="5134" width="39.625" style="145" customWidth="1"/>
    <col min="5135" max="5136" width="8.625" style="145" customWidth="1"/>
    <col min="5137" max="5137" width="0" style="145" hidden="1" customWidth="1"/>
    <col min="5138" max="5141" width="7.625" style="145" customWidth="1"/>
    <col min="5142" max="5145" width="8.625" style="145" customWidth="1"/>
    <col min="5146" max="5147" width="8.875" style="145" customWidth="1"/>
    <col min="5148" max="5377" width="9" style="145"/>
    <col min="5378" max="5378" width="16.25" style="145" customWidth="1"/>
    <col min="5379" max="5382" width="9.625" style="145" customWidth="1"/>
    <col min="5383" max="5383" width="7.625" style="145" customWidth="1"/>
    <col min="5384" max="5384" width="9.75" style="145" customWidth="1"/>
    <col min="5385" max="5385" width="9.625" style="145" customWidth="1"/>
    <col min="5386" max="5386" width="9.75" style="145" customWidth="1"/>
    <col min="5387" max="5387" width="9.625" style="145" customWidth="1"/>
    <col min="5388" max="5388" width="7.625" style="145" customWidth="1"/>
    <col min="5389" max="5389" width="9.75" style="145" customWidth="1"/>
    <col min="5390" max="5390" width="39.625" style="145" customWidth="1"/>
    <col min="5391" max="5392" width="8.625" style="145" customWidth="1"/>
    <col min="5393" max="5393" width="0" style="145" hidden="1" customWidth="1"/>
    <col min="5394" max="5397" width="7.625" style="145" customWidth="1"/>
    <col min="5398" max="5401" width="8.625" style="145" customWidth="1"/>
    <col min="5402" max="5403" width="8.875" style="145" customWidth="1"/>
    <col min="5404" max="5633" width="9" style="145"/>
    <col min="5634" max="5634" width="16.25" style="145" customWidth="1"/>
    <col min="5635" max="5638" width="9.625" style="145" customWidth="1"/>
    <col min="5639" max="5639" width="7.625" style="145" customWidth="1"/>
    <col min="5640" max="5640" width="9.75" style="145" customWidth="1"/>
    <col min="5641" max="5641" width="9.625" style="145" customWidth="1"/>
    <col min="5642" max="5642" width="9.75" style="145" customWidth="1"/>
    <col min="5643" max="5643" width="9.625" style="145" customWidth="1"/>
    <col min="5644" max="5644" width="7.625" style="145" customWidth="1"/>
    <col min="5645" max="5645" width="9.75" style="145" customWidth="1"/>
    <col min="5646" max="5646" width="39.625" style="145" customWidth="1"/>
    <col min="5647" max="5648" width="8.625" style="145" customWidth="1"/>
    <col min="5649" max="5649" width="0" style="145" hidden="1" customWidth="1"/>
    <col min="5650" max="5653" width="7.625" style="145" customWidth="1"/>
    <col min="5654" max="5657" width="8.625" style="145" customWidth="1"/>
    <col min="5658" max="5659" width="8.875" style="145" customWidth="1"/>
    <col min="5660" max="5889" width="9" style="145"/>
    <col min="5890" max="5890" width="16.25" style="145" customWidth="1"/>
    <col min="5891" max="5894" width="9.625" style="145" customWidth="1"/>
    <col min="5895" max="5895" width="7.625" style="145" customWidth="1"/>
    <col min="5896" max="5896" width="9.75" style="145" customWidth="1"/>
    <col min="5897" max="5897" width="9.625" style="145" customWidth="1"/>
    <col min="5898" max="5898" width="9.75" style="145" customWidth="1"/>
    <col min="5899" max="5899" width="9.625" style="145" customWidth="1"/>
    <col min="5900" max="5900" width="7.625" style="145" customWidth="1"/>
    <col min="5901" max="5901" width="9.75" style="145" customWidth="1"/>
    <col min="5902" max="5902" width="39.625" style="145" customWidth="1"/>
    <col min="5903" max="5904" width="8.625" style="145" customWidth="1"/>
    <col min="5905" max="5905" width="0" style="145" hidden="1" customWidth="1"/>
    <col min="5906" max="5909" width="7.625" style="145" customWidth="1"/>
    <col min="5910" max="5913" width="8.625" style="145" customWidth="1"/>
    <col min="5914" max="5915" width="8.875" style="145" customWidth="1"/>
    <col min="5916" max="6145" width="9" style="145"/>
    <col min="6146" max="6146" width="16.25" style="145" customWidth="1"/>
    <col min="6147" max="6150" width="9.625" style="145" customWidth="1"/>
    <col min="6151" max="6151" width="7.625" style="145" customWidth="1"/>
    <col min="6152" max="6152" width="9.75" style="145" customWidth="1"/>
    <col min="6153" max="6153" width="9.625" style="145" customWidth="1"/>
    <col min="6154" max="6154" width="9.75" style="145" customWidth="1"/>
    <col min="6155" max="6155" width="9.625" style="145" customWidth="1"/>
    <col min="6156" max="6156" width="7.625" style="145" customWidth="1"/>
    <col min="6157" max="6157" width="9.75" style="145" customWidth="1"/>
    <col min="6158" max="6158" width="39.625" style="145" customWidth="1"/>
    <col min="6159" max="6160" width="8.625" style="145" customWidth="1"/>
    <col min="6161" max="6161" width="0" style="145" hidden="1" customWidth="1"/>
    <col min="6162" max="6165" width="7.625" style="145" customWidth="1"/>
    <col min="6166" max="6169" width="8.625" style="145" customWidth="1"/>
    <col min="6170" max="6171" width="8.875" style="145" customWidth="1"/>
    <col min="6172" max="6401" width="9" style="145"/>
    <col min="6402" max="6402" width="16.25" style="145" customWidth="1"/>
    <col min="6403" max="6406" width="9.625" style="145" customWidth="1"/>
    <col min="6407" max="6407" width="7.625" style="145" customWidth="1"/>
    <col min="6408" max="6408" width="9.75" style="145" customWidth="1"/>
    <col min="6409" max="6409" width="9.625" style="145" customWidth="1"/>
    <col min="6410" max="6410" width="9.75" style="145" customWidth="1"/>
    <col min="6411" max="6411" width="9.625" style="145" customWidth="1"/>
    <col min="6412" max="6412" width="7.625" style="145" customWidth="1"/>
    <col min="6413" max="6413" width="9.75" style="145" customWidth="1"/>
    <col min="6414" max="6414" width="39.625" style="145" customWidth="1"/>
    <col min="6415" max="6416" width="8.625" style="145" customWidth="1"/>
    <col min="6417" max="6417" width="0" style="145" hidden="1" customWidth="1"/>
    <col min="6418" max="6421" width="7.625" style="145" customWidth="1"/>
    <col min="6422" max="6425" width="8.625" style="145" customWidth="1"/>
    <col min="6426" max="6427" width="8.875" style="145" customWidth="1"/>
    <col min="6428" max="6657" width="9" style="145"/>
    <col min="6658" max="6658" width="16.25" style="145" customWidth="1"/>
    <col min="6659" max="6662" width="9.625" style="145" customWidth="1"/>
    <col min="6663" max="6663" width="7.625" style="145" customWidth="1"/>
    <col min="6664" max="6664" width="9.75" style="145" customWidth="1"/>
    <col min="6665" max="6665" width="9.625" style="145" customWidth="1"/>
    <col min="6666" max="6666" width="9.75" style="145" customWidth="1"/>
    <col min="6667" max="6667" width="9.625" style="145" customWidth="1"/>
    <col min="6668" max="6668" width="7.625" style="145" customWidth="1"/>
    <col min="6669" max="6669" width="9.75" style="145" customWidth="1"/>
    <col min="6670" max="6670" width="39.625" style="145" customWidth="1"/>
    <col min="6671" max="6672" width="8.625" style="145" customWidth="1"/>
    <col min="6673" max="6673" width="0" style="145" hidden="1" customWidth="1"/>
    <col min="6674" max="6677" width="7.625" style="145" customWidth="1"/>
    <col min="6678" max="6681" width="8.625" style="145" customWidth="1"/>
    <col min="6682" max="6683" width="8.875" style="145" customWidth="1"/>
    <col min="6684" max="6913" width="9" style="145"/>
    <col min="6914" max="6914" width="16.25" style="145" customWidth="1"/>
    <col min="6915" max="6918" width="9.625" style="145" customWidth="1"/>
    <col min="6919" max="6919" width="7.625" style="145" customWidth="1"/>
    <col min="6920" max="6920" width="9.75" style="145" customWidth="1"/>
    <col min="6921" max="6921" width="9.625" style="145" customWidth="1"/>
    <col min="6922" max="6922" width="9.75" style="145" customWidth="1"/>
    <col min="6923" max="6923" width="9.625" style="145" customWidth="1"/>
    <col min="6924" max="6924" width="7.625" style="145" customWidth="1"/>
    <col min="6925" max="6925" width="9.75" style="145" customWidth="1"/>
    <col min="6926" max="6926" width="39.625" style="145" customWidth="1"/>
    <col min="6927" max="6928" width="8.625" style="145" customWidth="1"/>
    <col min="6929" max="6929" width="0" style="145" hidden="1" customWidth="1"/>
    <col min="6930" max="6933" width="7.625" style="145" customWidth="1"/>
    <col min="6934" max="6937" width="8.625" style="145" customWidth="1"/>
    <col min="6938" max="6939" width="8.875" style="145" customWidth="1"/>
    <col min="6940" max="7169" width="9" style="145"/>
    <col min="7170" max="7170" width="16.25" style="145" customWidth="1"/>
    <col min="7171" max="7174" width="9.625" style="145" customWidth="1"/>
    <col min="7175" max="7175" width="7.625" style="145" customWidth="1"/>
    <col min="7176" max="7176" width="9.75" style="145" customWidth="1"/>
    <col min="7177" max="7177" width="9.625" style="145" customWidth="1"/>
    <col min="7178" max="7178" width="9.75" style="145" customWidth="1"/>
    <col min="7179" max="7179" width="9.625" style="145" customWidth="1"/>
    <col min="7180" max="7180" width="7.625" style="145" customWidth="1"/>
    <col min="7181" max="7181" width="9.75" style="145" customWidth="1"/>
    <col min="7182" max="7182" width="39.625" style="145" customWidth="1"/>
    <col min="7183" max="7184" width="8.625" style="145" customWidth="1"/>
    <col min="7185" max="7185" width="0" style="145" hidden="1" customWidth="1"/>
    <col min="7186" max="7189" width="7.625" style="145" customWidth="1"/>
    <col min="7190" max="7193" width="8.625" style="145" customWidth="1"/>
    <col min="7194" max="7195" width="8.875" style="145" customWidth="1"/>
    <col min="7196" max="7425" width="9" style="145"/>
    <col min="7426" max="7426" width="16.25" style="145" customWidth="1"/>
    <col min="7427" max="7430" width="9.625" style="145" customWidth="1"/>
    <col min="7431" max="7431" width="7.625" style="145" customWidth="1"/>
    <col min="7432" max="7432" width="9.75" style="145" customWidth="1"/>
    <col min="7433" max="7433" width="9.625" style="145" customWidth="1"/>
    <col min="7434" max="7434" width="9.75" style="145" customWidth="1"/>
    <col min="7435" max="7435" width="9.625" style="145" customWidth="1"/>
    <col min="7436" max="7436" width="7.625" style="145" customWidth="1"/>
    <col min="7437" max="7437" width="9.75" style="145" customWidth="1"/>
    <col min="7438" max="7438" width="39.625" style="145" customWidth="1"/>
    <col min="7439" max="7440" width="8.625" style="145" customWidth="1"/>
    <col min="7441" max="7441" width="0" style="145" hidden="1" customWidth="1"/>
    <col min="7442" max="7445" width="7.625" style="145" customWidth="1"/>
    <col min="7446" max="7449" width="8.625" style="145" customWidth="1"/>
    <col min="7450" max="7451" width="8.875" style="145" customWidth="1"/>
    <col min="7452" max="7681" width="9" style="145"/>
    <col min="7682" max="7682" width="16.25" style="145" customWidth="1"/>
    <col min="7683" max="7686" width="9.625" style="145" customWidth="1"/>
    <col min="7687" max="7687" width="7.625" style="145" customWidth="1"/>
    <col min="7688" max="7688" width="9.75" style="145" customWidth="1"/>
    <col min="7689" max="7689" width="9.625" style="145" customWidth="1"/>
    <col min="7690" max="7690" width="9.75" style="145" customWidth="1"/>
    <col min="7691" max="7691" width="9.625" style="145" customWidth="1"/>
    <col min="7692" max="7692" width="7.625" style="145" customWidth="1"/>
    <col min="7693" max="7693" width="9.75" style="145" customWidth="1"/>
    <col min="7694" max="7694" width="39.625" style="145" customWidth="1"/>
    <col min="7695" max="7696" width="8.625" style="145" customWidth="1"/>
    <col min="7697" max="7697" width="0" style="145" hidden="1" customWidth="1"/>
    <col min="7698" max="7701" width="7.625" style="145" customWidth="1"/>
    <col min="7702" max="7705" width="8.625" style="145" customWidth="1"/>
    <col min="7706" max="7707" width="8.875" style="145" customWidth="1"/>
    <col min="7708" max="7937" width="9" style="145"/>
    <col min="7938" max="7938" width="16.25" style="145" customWidth="1"/>
    <col min="7939" max="7942" width="9.625" style="145" customWidth="1"/>
    <col min="7943" max="7943" width="7.625" style="145" customWidth="1"/>
    <col min="7944" max="7944" width="9.75" style="145" customWidth="1"/>
    <col min="7945" max="7945" width="9.625" style="145" customWidth="1"/>
    <col min="7946" max="7946" width="9.75" style="145" customWidth="1"/>
    <col min="7947" max="7947" width="9.625" style="145" customWidth="1"/>
    <col min="7948" max="7948" width="7.625" style="145" customWidth="1"/>
    <col min="7949" max="7949" width="9.75" style="145" customWidth="1"/>
    <col min="7950" max="7950" width="39.625" style="145" customWidth="1"/>
    <col min="7951" max="7952" width="8.625" style="145" customWidth="1"/>
    <col min="7953" max="7953" width="0" style="145" hidden="1" customWidth="1"/>
    <col min="7954" max="7957" width="7.625" style="145" customWidth="1"/>
    <col min="7958" max="7961" width="8.625" style="145" customWidth="1"/>
    <col min="7962" max="7963" width="8.875" style="145" customWidth="1"/>
    <col min="7964" max="8193" width="9" style="145"/>
    <col min="8194" max="8194" width="16.25" style="145" customWidth="1"/>
    <col min="8195" max="8198" width="9.625" style="145" customWidth="1"/>
    <col min="8199" max="8199" width="7.625" style="145" customWidth="1"/>
    <col min="8200" max="8200" width="9.75" style="145" customWidth="1"/>
    <col min="8201" max="8201" width="9.625" style="145" customWidth="1"/>
    <col min="8202" max="8202" width="9.75" style="145" customWidth="1"/>
    <col min="8203" max="8203" width="9.625" style="145" customWidth="1"/>
    <col min="8204" max="8204" width="7.625" style="145" customWidth="1"/>
    <col min="8205" max="8205" width="9.75" style="145" customWidth="1"/>
    <col min="8206" max="8206" width="39.625" style="145" customWidth="1"/>
    <col min="8207" max="8208" width="8.625" style="145" customWidth="1"/>
    <col min="8209" max="8209" width="0" style="145" hidden="1" customWidth="1"/>
    <col min="8210" max="8213" width="7.625" style="145" customWidth="1"/>
    <col min="8214" max="8217" width="8.625" style="145" customWidth="1"/>
    <col min="8218" max="8219" width="8.875" style="145" customWidth="1"/>
    <col min="8220" max="8449" width="9" style="145"/>
    <col min="8450" max="8450" width="16.25" style="145" customWidth="1"/>
    <col min="8451" max="8454" width="9.625" style="145" customWidth="1"/>
    <col min="8455" max="8455" width="7.625" style="145" customWidth="1"/>
    <col min="8456" max="8456" width="9.75" style="145" customWidth="1"/>
    <col min="8457" max="8457" width="9.625" style="145" customWidth="1"/>
    <col min="8458" max="8458" width="9.75" style="145" customWidth="1"/>
    <col min="8459" max="8459" width="9.625" style="145" customWidth="1"/>
    <col min="8460" max="8460" width="7.625" style="145" customWidth="1"/>
    <col min="8461" max="8461" width="9.75" style="145" customWidth="1"/>
    <col min="8462" max="8462" width="39.625" style="145" customWidth="1"/>
    <col min="8463" max="8464" width="8.625" style="145" customWidth="1"/>
    <col min="8465" max="8465" width="0" style="145" hidden="1" customWidth="1"/>
    <col min="8466" max="8469" width="7.625" style="145" customWidth="1"/>
    <col min="8470" max="8473" width="8.625" style="145" customWidth="1"/>
    <col min="8474" max="8475" width="8.875" style="145" customWidth="1"/>
    <col min="8476" max="8705" width="9" style="145"/>
    <col min="8706" max="8706" width="16.25" style="145" customWidth="1"/>
    <col min="8707" max="8710" width="9.625" style="145" customWidth="1"/>
    <col min="8711" max="8711" width="7.625" style="145" customWidth="1"/>
    <col min="8712" max="8712" width="9.75" style="145" customWidth="1"/>
    <col min="8713" max="8713" width="9.625" style="145" customWidth="1"/>
    <col min="8714" max="8714" width="9.75" style="145" customWidth="1"/>
    <col min="8715" max="8715" width="9.625" style="145" customWidth="1"/>
    <col min="8716" max="8716" width="7.625" style="145" customWidth="1"/>
    <col min="8717" max="8717" width="9.75" style="145" customWidth="1"/>
    <col min="8718" max="8718" width="39.625" style="145" customWidth="1"/>
    <col min="8719" max="8720" width="8.625" style="145" customWidth="1"/>
    <col min="8721" max="8721" width="0" style="145" hidden="1" customWidth="1"/>
    <col min="8722" max="8725" width="7.625" style="145" customWidth="1"/>
    <col min="8726" max="8729" width="8.625" style="145" customWidth="1"/>
    <col min="8730" max="8731" width="8.875" style="145" customWidth="1"/>
    <col min="8732" max="8961" width="9" style="145"/>
    <col min="8962" max="8962" width="16.25" style="145" customWidth="1"/>
    <col min="8963" max="8966" width="9.625" style="145" customWidth="1"/>
    <col min="8967" max="8967" width="7.625" style="145" customWidth="1"/>
    <col min="8968" max="8968" width="9.75" style="145" customWidth="1"/>
    <col min="8969" max="8969" width="9.625" style="145" customWidth="1"/>
    <col min="8970" max="8970" width="9.75" style="145" customWidth="1"/>
    <col min="8971" max="8971" width="9.625" style="145" customWidth="1"/>
    <col min="8972" max="8972" width="7.625" style="145" customWidth="1"/>
    <col min="8973" max="8973" width="9.75" style="145" customWidth="1"/>
    <col min="8974" max="8974" width="39.625" style="145" customWidth="1"/>
    <col min="8975" max="8976" width="8.625" style="145" customWidth="1"/>
    <col min="8977" max="8977" width="0" style="145" hidden="1" customWidth="1"/>
    <col min="8978" max="8981" width="7.625" style="145" customWidth="1"/>
    <col min="8982" max="8985" width="8.625" style="145" customWidth="1"/>
    <col min="8986" max="8987" width="8.875" style="145" customWidth="1"/>
    <col min="8988" max="9217" width="9" style="145"/>
    <col min="9218" max="9218" width="16.25" style="145" customWidth="1"/>
    <col min="9219" max="9222" width="9.625" style="145" customWidth="1"/>
    <col min="9223" max="9223" width="7.625" style="145" customWidth="1"/>
    <col min="9224" max="9224" width="9.75" style="145" customWidth="1"/>
    <col min="9225" max="9225" width="9.625" style="145" customWidth="1"/>
    <col min="9226" max="9226" width="9.75" style="145" customWidth="1"/>
    <col min="9227" max="9227" width="9.625" style="145" customWidth="1"/>
    <col min="9228" max="9228" width="7.625" style="145" customWidth="1"/>
    <col min="9229" max="9229" width="9.75" style="145" customWidth="1"/>
    <col min="9230" max="9230" width="39.625" style="145" customWidth="1"/>
    <col min="9231" max="9232" width="8.625" style="145" customWidth="1"/>
    <col min="9233" max="9233" width="0" style="145" hidden="1" customWidth="1"/>
    <col min="9234" max="9237" width="7.625" style="145" customWidth="1"/>
    <col min="9238" max="9241" width="8.625" style="145" customWidth="1"/>
    <col min="9242" max="9243" width="8.875" style="145" customWidth="1"/>
    <col min="9244" max="9473" width="9" style="145"/>
    <col min="9474" max="9474" width="16.25" style="145" customWidth="1"/>
    <col min="9475" max="9478" width="9.625" style="145" customWidth="1"/>
    <col min="9479" max="9479" width="7.625" style="145" customWidth="1"/>
    <col min="9480" max="9480" width="9.75" style="145" customWidth="1"/>
    <col min="9481" max="9481" width="9.625" style="145" customWidth="1"/>
    <col min="9482" max="9482" width="9.75" style="145" customWidth="1"/>
    <col min="9483" max="9483" width="9.625" style="145" customWidth="1"/>
    <col min="9484" max="9484" width="7.625" style="145" customWidth="1"/>
    <col min="9485" max="9485" width="9.75" style="145" customWidth="1"/>
    <col min="9486" max="9486" width="39.625" style="145" customWidth="1"/>
    <col min="9487" max="9488" width="8.625" style="145" customWidth="1"/>
    <col min="9489" max="9489" width="0" style="145" hidden="1" customWidth="1"/>
    <col min="9490" max="9493" width="7.625" style="145" customWidth="1"/>
    <col min="9494" max="9497" width="8.625" style="145" customWidth="1"/>
    <col min="9498" max="9499" width="8.875" style="145" customWidth="1"/>
    <col min="9500" max="9729" width="9" style="145"/>
    <col min="9730" max="9730" width="16.25" style="145" customWidth="1"/>
    <col min="9731" max="9734" width="9.625" style="145" customWidth="1"/>
    <col min="9735" max="9735" width="7.625" style="145" customWidth="1"/>
    <col min="9736" max="9736" width="9.75" style="145" customWidth="1"/>
    <col min="9737" max="9737" width="9.625" style="145" customWidth="1"/>
    <col min="9738" max="9738" width="9.75" style="145" customWidth="1"/>
    <col min="9739" max="9739" width="9.625" style="145" customWidth="1"/>
    <col min="9740" max="9740" width="7.625" style="145" customWidth="1"/>
    <col min="9741" max="9741" width="9.75" style="145" customWidth="1"/>
    <col min="9742" max="9742" width="39.625" style="145" customWidth="1"/>
    <col min="9743" max="9744" width="8.625" style="145" customWidth="1"/>
    <col min="9745" max="9745" width="0" style="145" hidden="1" customWidth="1"/>
    <col min="9746" max="9749" width="7.625" style="145" customWidth="1"/>
    <col min="9750" max="9753" width="8.625" style="145" customWidth="1"/>
    <col min="9754" max="9755" width="8.875" style="145" customWidth="1"/>
    <col min="9756" max="9985" width="9" style="145"/>
    <col min="9986" max="9986" width="16.25" style="145" customWidth="1"/>
    <col min="9987" max="9990" width="9.625" style="145" customWidth="1"/>
    <col min="9991" max="9991" width="7.625" style="145" customWidth="1"/>
    <col min="9992" max="9992" width="9.75" style="145" customWidth="1"/>
    <col min="9993" max="9993" width="9.625" style="145" customWidth="1"/>
    <col min="9994" max="9994" width="9.75" style="145" customWidth="1"/>
    <col min="9995" max="9995" width="9.625" style="145" customWidth="1"/>
    <col min="9996" max="9996" width="7.625" style="145" customWidth="1"/>
    <col min="9997" max="9997" width="9.75" style="145" customWidth="1"/>
    <col min="9998" max="9998" width="39.625" style="145" customWidth="1"/>
    <col min="9999" max="10000" width="8.625" style="145" customWidth="1"/>
    <col min="10001" max="10001" width="0" style="145" hidden="1" customWidth="1"/>
    <col min="10002" max="10005" width="7.625" style="145" customWidth="1"/>
    <col min="10006" max="10009" width="8.625" style="145" customWidth="1"/>
    <col min="10010" max="10011" width="8.875" style="145" customWidth="1"/>
    <col min="10012" max="10241" width="9" style="145"/>
    <col min="10242" max="10242" width="16.25" style="145" customWidth="1"/>
    <col min="10243" max="10246" width="9.625" style="145" customWidth="1"/>
    <col min="10247" max="10247" width="7.625" style="145" customWidth="1"/>
    <col min="10248" max="10248" width="9.75" style="145" customWidth="1"/>
    <col min="10249" max="10249" width="9.625" style="145" customWidth="1"/>
    <col min="10250" max="10250" width="9.75" style="145" customWidth="1"/>
    <col min="10251" max="10251" width="9.625" style="145" customWidth="1"/>
    <col min="10252" max="10252" width="7.625" style="145" customWidth="1"/>
    <col min="10253" max="10253" width="9.75" style="145" customWidth="1"/>
    <col min="10254" max="10254" width="39.625" style="145" customWidth="1"/>
    <col min="10255" max="10256" width="8.625" style="145" customWidth="1"/>
    <col min="10257" max="10257" width="0" style="145" hidden="1" customWidth="1"/>
    <col min="10258" max="10261" width="7.625" style="145" customWidth="1"/>
    <col min="10262" max="10265" width="8.625" style="145" customWidth="1"/>
    <col min="10266" max="10267" width="8.875" style="145" customWidth="1"/>
    <col min="10268" max="10497" width="9" style="145"/>
    <col min="10498" max="10498" width="16.25" style="145" customWidth="1"/>
    <col min="10499" max="10502" width="9.625" style="145" customWidth="1"/>
    <col min="10503" max="10503" width="7.625" style="145" customWidth="1"/>
    <col min="10504" max="10504" width="9.75" style="145" customWidth="1"/>
    <col min="10505" max="10505" width="9.625" style="145" customWidth="1"/>
    <col min="10506" max="10506" width="9.75" style="145" customWidth="1"/>
    <col min="10507" max="10507" width="9.625" style="145" customWidth="1"/>
    <col min="10508" max="10508" width="7.625" style="145" customWidth="1"/>
    <col min="10509" max="10509" width="9.75" style="145" customWidth="1"/>
    <col min="10510" max="10510" width="39.625" style="145" customWidth="1"/>
    <col min="10511" max="10512" width="8.625" style="145" customWidth="1"/>
    <col min="10513" max="10513" width="0" style="145" hidden="1" customWidth="1"/>
    <col min="10514" max="10517" width="7.625" style="145" customWidth="1"/>
    <col min="10518" max="10521" width="8.625" style="145" customWidth="1"/>
    <col min="10522" max="10523" width="8.875" style="145" customWidth="1"/>
    <col min="10524" max="10753" width="9" style="145"/>
    <col min="10754" max="10754" width="16.25" style="145" customWidth="1"/>
    <col min="10755" max="10758" width="9.625" style="145" customWidth="1"/>
    <col min="10759" max="10759" width="7.625" style="145" customWidth="1"/>
    <col min="10760" max="10760" width="9.75" style="145" customWidth="1"/>
    <col min="10761" max="10761" width="9.625" style="145" customWidth="1"/>
    <col min="10762" max="10762" width="9.75" style="145" customWidth="1"/>
    <col min="10763" max="10763" width="9.625" style="145" customWidth="1"/>
    <col min="10764" max="10764" width="7.625" style="145" customWidth="1"/>
    <col min="10765" max="10765" width="9.75" style="145" customWidth="1"/>
    <col min="10766" max="10766" width="39.625" style="145" customWidth="1"/>
    <col min="10767" max="10768" width="8.625" style="145" customWidth="1"/>
    <col min="10769" max="10769" width="0" style="145" hidden="1" customWidth="1"/>
    <col min="10770" max="10773" width="7.625" style="145" customWidth="1"/>
    <col min="10774" max="10777" width="8.625" style="145" customWidth="1"/>
    <col min="10778" max="10779" width="8.875" style="145" customWidth="1"/>
    <col min="10780" max="11009" width="9" style="145"/>
    <col min="11010" max="11010" width="16.25" style="145" customWidth="1"/>
    <col min="11011" max="11014" width="9.625" style="145" customWidth="1"/>
    <col min="11015" max="11015" width="7.625" style="145" customWidth="1"/>
    <col min="11016" max="11016" width="9.75" style="145" customWidth="1"/>
    <col min="11017" max="11017" width="9.625" style="145" customWidth="1"/>
    <col min="11018" max="11018" width="9.75" style="145" customWidth="1"/>
    <col min="11019" max="11019" width="9.625" style="145" customWidth="1"/>
    <col min="11020" max="11020" width="7.625" style="145" customWidth="1"/>
    <col min="11021" max="11021" width="9.75" style="145" customWidth="1"/>
    <col min="11022" max="11022" width="39.625" style="145" customWidth="1"/>
    <col min="11023" max="11024" width="8.625" style="145" customWidth="1"/>
    <col min="11025" max="11025" width="0" style="145" hidden="1" customWidth="1"/>
    <col min="11026" max="11029" width="7.625" style="145" customWidth="1"/>
    <col min="11030" max="11033" width="8.625" style="145" customWidth="1"/>
    <col min="11034" max="11035" width="8.875" style="145" customWidth="1"/>
    <col min="11036" max="11265" width="9" style="145"/>
    <col min="11266" max="11266" width="16.25" style="145" customWidth="1"/>
    <col min="11267" max="11270" width="9.625" style="145" customWidth="1"/>
    <col min="11271" max="11271" width="7.625" style="145" customWidth="1"/>
    <col min="11272" max="11272" width="9.75" style="145" customWidth="1"/>
    <col min="11273" max="11273" width="9.625" style="145" customWidth="1"/>
    <col min="11274" max="11274" width="9.75" style="145" customWidth="1"/>
    <col min="11275" max="11275" width="9.625" style="145" customWidth="1"/>
    <col min="11276" max="11276" width="7.625" style="145" customWidth="1"/>
    <col min="11277" max="11277" width="9.75" style="145" customWidth="1"/>
    <col min="11278" max="11278" width="39.625" style="145" customWidth="1"/>
    <col min="11279" max="11280" width="8.625" style="145" customWidth="1"/>
    <col min="11281" max="11281" width="0" style="145" hidden="1" customWidth="1"/>
    <col min="11282" max="11285" width="7.625" style="145" customWidth="1"/>
    <col min="11286" max="11289" width="8.625" style="145" customWidth="1"/>
    <col min="11290" max="11291" width="8.875" style="145" customWidth="1"/>
    <col min="11292" max="11521" width="9" style="145"/>
    <col min="11522" max="11522" width="16.25" style="145" customWidth="1"/>
    <col min="11523" max="11526" width="9.625" style="145" customWidth="1"/>
    <col min="11527" max="11527" width="7.625" style="145" customWidth="1"/>
    <col min="11528" max="11528" width="9.75" style="145" customWidth="1"/>
    <col min="11529" max="11529" width="9.625" style="145" customWidth="1"/>
    <col min="11530" max="11530" width="9.75" style="145" customWidth="1"/>
    <col min="11531" max="11531" width="9.625" style="145" customWidth="1"/>
    <col min="11532" max="11532" width="7.625" style="145" customWidth="1"/>
    <col min="11533" max="11533" width="9.75" style="145" customWidth="1"/>
    <col min="11534" max="11534" width="39.625" style="145" customWidth="1"/>
    <col min="11535" max="11536" width="8.625" style="145" customWidth="1"/>
    <col min="11537" max="11537" width="0" style="145" hidden="1" customWidth="1"/>
    <col min="11538" max="11541" width="7.625" style="145" customWidth="1"/>
    <col min="11542" max="11545" width="8.625" style="145" customWidth="1"/>
    <col min="11546" max="11547" width="8.875" style="145" customWidth="1"/>
    <col min="11548" max="11777" width="9" style="145"/>
    <col min="11778" max="11778" width="16.25" style="145" customWidth="1"/>
    <col min="11779" max="11782" width="9.625" style="145" customWidth="1"/>
    <col min="11783" max="11783" width="7.625" style="145" customWidth="1"/>
    <col min="11784" max="11784" width="9.75" style="145" customWidth="1"/>
    <col min="11785" max="11785" width="9.625" style="145" customWidth="1"/>
    <col min="11786" max="11786" width="9.75" style="145" customWidth="1"/>
    <col min="11787" max="11787" width="9.625" style="145" customWidth="1"/>
    <col min="11788" max="11788" width="7.625" style="145" customWidth="1"/>
    <col min="11789" max="11789" width="9.75" style="145" customWidth="1"/>
    <col min="11790" max="11790" width="39.625" style="145" customWidth="1"/>
    <col min="11791" max="11792" width="8.625" style="145" customWidth="1"/>
    <col min="11793" max="11793" width="0" style="145" hidden="1" customWidth="1"/>
    <col min="11794" max="11797" width="7.625" style="145" customWidth="1"/>
    <col min="11798" max="11801" width="8.625" style="145" customWidth="1"/>
    <col min="11802" max="11803" width="8.875" style="145" customWidth="1"/>
    <col min="11804" max="12033" width="9" style="145"/>
    <col min="12034" max="12034" width="16.25" style="145" customWidth="1"/>
    <col min="12035" max="12038" width="9.625" style="145" customWidth="1"/>
    <col min="12039" max="12039" width="7.625" style="145" customWidth="1"/>
    <col min="12040" max="12040" width="9.75" style="145" customWidth="1"/>
    <col min="12041" max="12041" width="9.625" style="145" customWidth="1"/>
    <col min="12042" max="12042" width="9.75" style="145" customWidth="1"/>
    <col min="12043" max="12043" width="9.625" style="145" customWidth="1"/>
    <col min="12044" max="12044" width="7.625" style="145" customWidth="1"/>
    <col min="12045" max="12045" width="9.75" style="145" customWidth="1"/>
    <col min="12046" max="12046" width="39.625" style="145" customWidth="1"/>
    <col min="12047" max="12048" width="8.625" style="145" customWidth="1"/>
    <col min="12049" max="12049" width="0" style="145" hidden="1" customWidth="1"/>
    <col min="12050" max="12053" width="7.625" style="145" customWidth="1"/>
    <col min="12054" max="12057" width="8.625" style="145" customWidth="1"/>
    <col min="12058" max="12059" width="8.875" style="145" customWidth="1"/>
    <col min="12060" max="12289" width="9" style="145"/>
    <col min="12290" max="12290" width="16.25" style="145" customWidth="1"/>
    <col min="12291" max="12294" width="9.625" style="145" customWidth="1"/>
    <col min="12295" max="12295" width="7.625" style="145" customWidth="1"/>
    <col min="12296" max="12296" width="9.75" style="145" customWidth="1"/>
    <col min="12297" max="12297" width="9.625" style="145" customWidth="1"/>
    <col min="12298" max="12298" width="9.75" style="145" customWidth="1"/>
    <col min="12299" max="12299" width="9.625" style="145" customWidth="1"/>
    <col min="12300" max="12300" width="7.625" style="145" customWidth="1"/>
    <col min="12301" max="12301" width="9.75" style="145" customWidth="1"/>
    <col min="12302" max="12302" width="39.625" style="145" customWidth="1"/>
    <col min="12303" max="12304" width="8.625" style="145" customWidth="1"/>
    <col min="12305" max="12305" width="0" style="145" hidden="1" customWidth="1"/>
    <col min="12306" max="12309" width="7.625" style="145" customWidth="1"/>
    <col min="12310" max="12313" width="8.625" style="145" customWidth="1"/>
    <col min="12314" max="12315" width="8.875" style="145" customWidth="1"/>
    <col min="12316" max="12545" width="9" style="145"/>
    <col min="12546" max="12546" width="16.25" style="145" customWidth="1"/>
    <col min="12547" max="12550" width="9.625" style="145" customWidth="1"/>
    <col min="12551" max="12551" width="7.625" style="145" customWidth="1"/>
    <col min="12552" max="12552" width="9.75" style="145" customWidth="1"/>
    <col min="12553" max="12553" width="9.625" style="145" customWidth="1"/>
    <col min="12554" max="12554" width="9.75" style="145" customWidth="1"/>
    <col min="12555" max="12555" width="9.625" style="145" customWidth="1"/>
    <col min="12556" max="12556" width="7.625" style="145" customWidth="1"/>
    <col min="12557" max="12557" width="9.75" style="145" customWidth="1"/>
    <col min="12558" max="12558" width="39.625" style="145" customWidth="1"/>
    <col min="12559" max="12560" width="8.625" style="145" customWidth="1"/>
    <col min="12561" max="12561" width="0" style="145" hidden="1" customWidth="1"/>
    <col min="12562" max="12565" width="7.625" style="145" customWidth="1"/>
    <col min="12566" max="12569" width="8.625" style="145" customWidth="1"/>
    <col min="12570" max="12571" width="8.875" style="145" customWidth="1"/>
    <col min="12572" max="12801" width="9" style="145"/>
    <col min="12802" max="12802" width="16.25" style="145" customWidth="1"/>
    <col min="12803" max="12806" width="9.625" style="145" customWidth="1"/>
    <col min="12807" max="12807" width="7.625" style="145" customWidth="1"/>
    <col min="12808" max="12808" width="9.75" style="145" customWidth="1"/>
    <col min="12809" max="12809" width="9.625" style="145" customWidth="1"/>
    <col min="12810" max="12810" width="9.75" style="145" customWidth="1"/>
    <col min="12811" max="12811" width="9.625" style="145" customWidth="1"/>
    <col min="12812" max="12812" width="7.625" style="145" customWidth="1"/>
    <col min="12813" max="12813" width="9.75" style="145" customWidth="1"/>
    <col min="12814" max="12814" width="39.625" style="145" customWidth="1"/>
    <col min="12815" max="12816" width="8.625" style="145" customWidth="1"/>
    <col min="12817" max="12817" width="0" style="145" hidden="1" customWidth="1"/>
    <col min="12818" max="12821" width="7.625" style="145" customWidth="1"/>
    <col min="12822" max="12825" width="8.625" style="145" customWidth="1"/>
    <col min="12826" max="12827" width="8.875" style="145" customWidth="1"/>
    <col min="12828" max="13057" width="9" style="145"/>
    <col min="13058" max="13058" width="16.25" style="145" customWidth="1"/>
    <col min="13059" max="13062" width="9.625" style="145" customWidth="1"/>
    <col min="13063" max="13063" width="7.625" style="145" customWidth="1"/>
    <col min="13064" max="13064" width="9.75" style="145" customWidth="1"/>
    <col min="13065" max="13065" width="9.625" style="145" customWidth="1"/>
    <col min="13066" max="13066" width="9.75" style="145" customWidth="1"/>
    <col min="13067" max="13067" width="9.625" style="145" customWidth="1"/>
    <col min="13068" max="13068" width="7.625" style="145" customWidth="1"/>
    <col min="13069" max="13069" width="9.75" style="145" customWidth="1"/>
    <col min="13070" max="13070" width="39.625" style="145" customWidth="1"/>
    <col min="13071" max="13072" width="8.625" style="145" customWidth="1"/>
    <col min="13073" max="13073" width="0" style="145" hidden="1" customWidth="1"/>
    <col min="13074" max="13077" width="7.625" style="145" customWidth="1"/>
    <col min="13078" max="13081" width="8.625" style="145" customWidth="1"/>
    <col min="13082" max="13083" width="8.875" style="145" customWidth="1"/>
    <col min="13084" max="13313" width="9" style="145"/>
    <col min="13314" max="13314" width="16.25" style="145" customWidth="1"/>
    <col min="13315" max="13318" width="9.625" style="145" customWidth="1"/>
    <col min="13319" max="13319" width="7.625" style="145" customWidth="1"/>
    <col min="13320" max="13320" width="9.75" style="145" customWidth="1"/>
    <col min="13321" max="13321" width="9.625" style="145" customWidth="1"/>
    <col min="13322" max="13322" width="9.75" style="145" customWidth="1"/>
    <col min="13323" max="13323" width="9.625" style="145" customWidth="1"/>
    <col min="13324" max="13324" width="7.625" style="145" customWidth="1"/>
    <col min="13325" max="13325" width="9.75" style="145" customWidth="1"/>
    <col min="13326" max="13326" width="39.625" style="145" customWidth="1"/>
    <col min="13327" max="13328" width="8.625" style="145" customWidth="1"/>
    <col min="13329" max="13329" width="0" style="145" hidden="1" customWidth="1"/>
    <col min="13330" max="13333" width="7.625" style="145" customWidth="1"/>
    <col min="13334" max="13337" width="8.625" style="145" customWidth="1"/>
    <col min="13338" max="13339" width="8.875" style="145" customWidth="1"/>
    <col min="13340" max="13569" width="9" style="145"/>
    <col min="13570" max="13570" width="16.25" style="145" customWidth="1"/>
    <col min="13571" max="13574" width="9.625" style="145" customWidth="1"/>
    <col min="13575" max="13575" width="7.625" style="145" customWidth="1"/>
    <col min="13576" max="13576" width="9.75" style="145" customWidth="1"/>
    <col min="13577" max="13577" width="9.625" style="145" customWidth="1"/>
    <col min="13578" max="13578" width="9.75" style="145" customWidth="1"/>
    <col min="13579" max="13579" width="9.625" style="145" customWidth="1"/>
    <col min="13580" max="13580" width="7.625" style="145" customWidth="1"/>
    <col min="13581" max="13581" width="9.75" style="145" customWidth="1"/>
    <col min="13582" max="13582" width="39.625" style="145" customWidth="1"/>
    <col min="13583" max="13584" width="8.625" style="145" customWidth="1"/>
    <col min="13585" max="13585" width="0" style="145" hidden="1" customWidth="1"/>
    <col min="13586" max="13589" width="7.625" style="145" customWidth="1"/>
    <col min="13590" max="13593" width="8.625" style="145" customWidth="1"/>
    <col min="13594" max="13595" width="8.875" style="145" customWidth="1"/>
    <col min="13596" max="13825" width="9" style="145"/>
    <col min="13826" max="13826" width="16.25" style="145" customWidth="1"/>
    <col min="13827" max="13830" width="9.625" style="145" customWidth="1"/>
    <col min="13831" max="13831" width="7.625" style="145" customWidth="1"/>
    <col min="13832" max="13832" width="9.75" style="145" customWidth="1"/>
    <col min="13833" max="13833" width="9.625" style="145" customWidth="1"/>
    <col min="13834" max="13834" width="9.75" style="145" customWidth="1"/>
    <col min="13835" max="13835" width="9.625" style="145" customWidth="1"/>
    <col min="13836" max="13836" width="7.625" style="145" customWidth="1"/>
    <col min="13837" max="13837" width="9.75" style="145" customWidth="1"/>
    <col min="13838" max="13838" width="39.625" style="145" customWidth="1"/>
    <col min="13839" max="13840" width="8.625" style="145" customWidth="1"/>
    <col min="13841" max="13841" width="0" style="145" hidden="1" customWidth="1"/>
    <col min="13842" max="13845" width="7.625" style="145" customWidth="1"/>
    <col min="13846" max="13849" width="8.625" style="145" customWidth="1"/>
    <col min="13850" max="13851" width="8.875" style="145" customWidth="1"/>
    <col min="13852" max="14081" width="9" style="145"/>
    <col min="14082" max="14082" width="16.25" style="145" customWidth="1"/>
    <col min="14083" max="14086" width="9.625" style="145" customWidth="1"/>
    <col min="14087" max="14087" width="7.625" style="145" customWidth="1"/>
    <col min="14088" max="14088" width="9.75" style="145" customWidth="1"/>
    <col min="14089" max="14089" width="9.625" style="145" customWidth="1"/>
    <col min="14090" max="14090" width="9.75" style="145" customWidth="1"/>
    <col min="14091" max="14091" width="9.625" style="145" customWidth="1"/>
    <col min="14092" max="14092" width="7.625" style="145" customWidth="1"/>
    <col min="14093" max="14093" width="9.75" style="145" customWidth="1"/>
    <col min="14094" max="14094" width="39.625" style="145" customWidth="1"/>
    <col min="14095" max="14096" width="8.625" style="145" customWidth="1"/>
    <col min="14097" max="14097" width="0" style="145" hidden="1" customWidth="1"/>
    <col min="14098" max="14101" width="7.625" style="145" customWidth="1"/>
    <col min="14102" max="14105" width="8.625" style="145" customWidth="1"/>
    <col min="14106" max="14107" width="8.875" style="145" customWidth="1"/>
    <col min="14108" max="14337" width="9" style="145"/>
    <col min="14338" max="14338" width="16.25" style="145" customWidth="1"/>
    <col min="14339" max="14342" width="9.625" style="145" customWidth="1"/>
    <col min="14343" max="14343" width="7.625" style="145" customWidth="1"/>
    <col min="14344" max="14344" width="9.75" style="145" customWidth="1"/>
    <col min="14345" max="14345" width="9.625" style="145" customWidth="1"/>
    <col min="14346" max="14346" width="9.75" style="145" customWidth="1"/>
    <col min="14347" max="14347" width="9.625" style="145" customWidth="1"/>
    <col min="14348" max="14348" width="7.625" style="145" customWidth="1"/>
    <col min="14349" max="14349" width="9.75" style="145" customWidth="1"/>
    <col min="14350" max="14350" width="39.625" style="145" customWidth="1"/>
    <col min="14351" max="14352" width="8.625" style="145" customWidth="1"/>
    <col min="14353" max="14353" width="0" style="145" hidden="1" customWidth="1"/>
    <col min="14354" max="14357" width="7.625" style="145" customWidth="1"/>
    <col min="14358" max="14361" width="8.625" style="145" customWidth="1"/>
    <col min="14362" max="14363" width="8.875" style="145" customWidth="1"/>
    <col min="14364" max="14593" width="9" style="145"/>
    <col min="14594" max="14594" width="16.25" style="145" customWidth="1"/>
    <col min="14595" max="14598" width="9.625" style="145" customWidth="1"/>
    <col min="14599" max="14599" width="7.625" style="145" customWidth="1"/>
    <col min="14600" max="14600" width="9.75" style="145" customWidth="1"/>
    <col min="14601" max="14601" width="9.625" style="145" customWidth="1"/>
    <col min="14602" max="14602" width="9.75" style="145" customWidth="1"/>
    <col min="14603" max="14603" width="9.625" style="145" customWidth="1"/>
    <col min="14604" max="14604" width="7.625" style="145" customWidth="1"/>
    <col min="14605" max="14605" width="9.75" style="145" customWidth="1"/>
    <col min="14606" max="14606" width="39.625" style="145" customWidth="1"/>
    <col min="14607" max="14608" width="8.625" style="145" customWidth="1"/>
    <col min="14609" max="14609" width="0" style="145" hidden="1" customWidth="1"/>
    <col min="14610" max="14613" width="7.625" style="145" customWidth="1"/>
    <col min="14614" max="14617" width="8.625" style="145" customWidth="1"/>
    <col min="14618" max="14619" width="8.875" style="145" customWidth="1"/>
    <col min="14620" max="14849" width="9" style="145"/>
    <col min="14850" max="14850" width="16.25" style="145" customWidth="1"/>
    <col min="14851" max="14854" width="9.625" style="145" customWidth="1"/>
    <col min="14855" max="14855" width="7.625" style="145" customWidth="1"/>
    <col min="14856" max="14856" width="9.75" style="145" customWidth="1"/>
    <col min="14857" max="14857" width="9.625" style="145" customWidth="1"/>
    <col min="14858" max="14858" width="9.75" style="145" customWidth="1"/>
    <col min="14859" max="14859" width="9.625" style="145" customWidth="1"/>
    <col min="14860" max="14860" width="7.625" style="145" customWidth="1"/>
    <col min="14861" max="14861" width="9.75" style="145" customWidth="1"/>
    <col min="14862" max="14862" width="39.625" style="145" customWidth="1"/>
    <col min="14863" max="14864" width="8.625" style="145" customWidth="1"/>
    <col min="14865" max="14865" width="0" style="145" hidden="1" customWidth="1"/>
    <col min="14866" max="14869" width="7.625" style="145" customWidth="1"/>
    <col min="14870" max="14873" width="8.625" style="145" customWidth="1"/>
    <col min="14874" max="14875" width="8.875" style="145" customWidth="1"/>
    <col min="14876" max="15105" width="9" style="145"/>
    <col min="15106" max="15106" width="16.25" style="145" customWidth="1"/>
    <col min="15107" max="15110" width="9.625" style="145" customWidth="1"/>
    <col min="15111" max="15111" width="7.625" style="145" customWidth="1"/>
    <col min="15112" max="15112" width="9.75" style="145" customWidth="1"/>
    <col min="15113" max="15113" width="9.625" style="145" customWidth="1"/>
    <col min="15114" max="15114" width="9.75" style="145" customWidth="1"/>
    <col min="15115" max="15115" width="9.625" style="145" customWidth="1"/>
    <col min="15116" max="15116" width="7.625" style="145" customWidth="1"/>
    <col min="15117" max="15117" width="9.75" style="145" customWidth="1"/>
    <col min="15118" max="15118" width="39.625" style="145" customWidth="1"/>
    <col min="15119" max="15120" width="8.625" style="145" customWidth="1"/>
    <col min="15121" max="15121" width="0" style="145" hidden="1" customWidth="1"/>
    <col min="15122" max="15125" width="7.625" style="145" customWidth="1"/>
    <col min="15126" max="15129" width="8.625" style="145" customWidth="1"/>
    <col min="15130" max="15131" width="8.875" style="145" customWidth="1"/>
    <col min="15132" max="15361" width="9" style="145"/>
    <col min="15362" max="15362" width="16.25" style="145" customWidth="1"/>
    <col min="15363" max="15366" width="9.625" style="145" customWidth="1"/>
    <col min="15367" max="15367" width="7.625" style="145" customWidth="1"/>
    <col min="15368" max="15368" width="9.75" style="145" customWidth="1"/>
    <col min="15369" max="15369" width="9.625" style="145" customWidth="1"/>
    <col min="15370" max="15370" width="9.75" style="145" customWidth="1"/>
    <col min="15371" max="15371" width="9.625" style="145" customWidth="1"/>
    <col min="15372" max="15372" width="7.625" style="145" customWidth="1"/>
    <col min="15373" max="15373" width="9.75" style="145" customWidth="1"/>
    <col min="15374" max="15374" width="39.625" style="145" customWidth="1"/>
    <col min="15375" max="15376" width="8.625" style="145" customWidth="1"/>
    <col min="15377" max="15377" width="0" style="145" hidden="1" customWidth="1"/>
    <col min="15378" max="15381" width="7.625" style="145" customWidth="1"/>
    <col min="15382" max="15385" width="8.625" style="145" customWidth="1"/>
    <col min="15386" max="15387" width="8.875" style="145" customWidth="1"/>
    <col min="15388" max="15617" width="9" style="145"/>
    <col min="15618" max="15618" width="16.25" style="145" customWidth="1"/>
    <col min="15619" max="15622" width="9.625" style="145" customWidth="1"/>
    <col min="15623" max="15623" width="7.625" style="145" customWidth="1"/>
    <col min="15624" max="15624" width="9.75" style="145" customWidth="1"/>
    <col min="15625" max="15625" width="9.625" style="145" customWidth="1"/>
    <col min="15626" max="15626" width="9.75" style="145" customWidth="1"/>
    <col min="15627" max="15627" width="9.625" style="145" customWidth="1"/>
    <col min="15628" max="15628" width="7.625" style="145" customWidth="1"/>
    <col min="15629" max="15629" width="9.75" style="145" customWidth="1"/>
    <col min="15630" max="15630" width="39.625" style="145" customWidth="1"/>
    <col min="15631" max="15632" width="8.625" style="145" customWidth="1"/>
    <col min="15633" max="15633" width="0" style="145" hidden="1" customWidth="1"/>
    <col min="15634" max="15637" width="7.625" style="145" customWidth="1"/>
    <col min="15638" max="15641" width="8.625" style="145" customWidth="1"/>
    <col min="15642" max="15643" width="8.875" style="145" customWidth="1"/>
    <col min="15644" max="15873" width="9" style="145"/>
    <col min="15874" max="15874" width="16.25" style="145" customWidth="1"/>
    <col min="15875" max="15878" width="9.625" style="145" customWidth="1"/>
    <col min="15879" max="15879" width="7.625" style="145" customWidth="1"/>
    <col min="15880" max="15880" width="9.75" style="145" customWidth="1"/>
    <col min="15881" max="15881" width="9.625" style="145" customWidth="1"/>
    <col min="15882" max="15882" width="9.75" style="145" customWidth="1"/>
    <col min="15883" max="15883" width="9.625" style="145" customWidth="1"/>
    <col min="15884" max="15884" width="7.625" style="145" customWidth="1"/>
    <col min="15885" max="15885" width="9.75" style="145" customWidth="1"/>
    <col min="15886" max="15886" width="39.625" style="145" customWidth="1"/>
    <col min="15887" max="15888" width="8.625" style="145" customWidth="1"/>
    <col min="15889" max="15889" width="0" style="145" hidden="1" customWidth="1"/>
    <col min="15890" max="15893" width="7.625" style="145" customWidth="1"/>
    <col min="15894" max="15897" width="8.625" style="145" customWidth="1"/>
    <col min="15898" max="15899" width="8.875" style="145" customWidth="1"/>
    <col min="15900" max="16129" width="9" style="145"/>
    <col min="16130" max="16130" width="16.25" style="145" customWidth="1"/>
    <col min="16131" max="16134" width="9.625" style="145" customWidth="1"/>
    <col min="16135" max="16135" width="7.625" style="145" customWidth="1"/>
    <col min="16136" max="16136" width="9.75" style="145" customWidth="1"/>
    <col min="16137" max="16137" width="9.625" style="145" customWidth="1"/>
    <col min="16138" max="16138" width="9.75" style="145" customWidth="1"/>
    <col min="16139" max="16139" width="9.625" style="145" customWidth="1"/>
    <col min="16140" max="16140" width="7.625" style="145" customWidth="1"/>
    <col min="16141" max="16141" width="9.75" style="145" customWidth="1"/>
    <col min="16142" max="16142" width="39.625" style="145" customWidth="1"/>
    <col min="16143" max="16144" width="8.625" style="145" customWidth="1"/>
    <col min="16145" max="16145" width="0" style="145" hidden="1" customWidth="1"/>
    <col min="16146" max="16149" width="7.625" style="145" customWidth="1"/>
    <col min="16150" max="16153" width="8.625" style="145" customWidth="1"/>
    <col min="16154" max="16155" width="8.875" style="145" customWidth="1"/>
    <col min="16156" max="16384" width="9" style="145"/>
  </cols>
  <sheetData>
    <row r="1" spans="1:27" ht="15.95" customHeight="1" thickBot="1">
      <c r="A1" s="501" t="s">
        <v>452</v>
      </c>
      <c r="P1" s="503" t="s">
        <v>453</v>
      </c>
      <c r="Q1" s="503"/>
      <c r="T1" s="503"/>
      <c r="U1" s="503"/>
      <c r="V1" s="503"/>
    </row>
    <row r="2" spans="1:27" ht="15" customHeight="1" thickTop="1">
      <c r="A2" s="504"/>
      <c r="B2" s="505"/>
      <c r="C2" s="506" t="s">
        <v>454</v>
      </c>
      <c r="D2" s="507"/>
      <c r="E2" s="507"/>
      <c r="F2" s="508"/>
      <c r="G2" s="507"/>
      <c r="H2" s="506" t="s">
        <v>455</v>
      </c>
      <c r="I2" s="507"/>
      <c r="J2" s="507"/>
      <c r="K2" s="508"/>
      <c r="L2" s="507"/>
      <c r="M2" s="1419" t="s">
        <v>910</v>
      </c>
      <c r="N2" s="1419"/>
      <c r="O2" s="1419"/>
      <c r="P2" s="1420"/>
      <c r="Q2" s="510"/>
      <c r="R2" s="511" t="s">
        <v>456</v>
      </c>
      <c r="S2" s="509"/>
      <c r="T2" s="512"/>
      <c r="U2" s="509"/>
      <c r="V2" s="513" t="s">
        <v>457</v>
      </c>
      <c r="W2" s="514"/>
      <c r="X2" s="515"/>
      <c r="Y2" s="516"/>
      <c r="Z2" s="517" t="s">
        <v>458</v>
      </c>
      <c r="AA2" s="518" t="s">
        <v>458</v>
      </c>
    </row>
    <row r="3" spans="1:27" s="529" customFormat="1" ht="15" customHeight="1">
      <c r="A3" s="519" t="s">
        <v>459</v>
      </c>
      <c r="B3" s="520" t="s">
        <v>460</v>
      </c>
      <c r="C3" s="521" t="s">
        <v>461</v>
      </c>
      <c r="D3" s="521" t="s">
        <v>462</v>
      </c>
      <c r="E3" s="521" t="s">
        <v>377</v>
      </c>
      <c r="F3" s="522" t="s">
        <v>378</v>
      </c>
      <c r="G3" s="523" t="s">
        <v>238</v>
      </c>
      <c r="H3" s="520" t="s">
        <v>375</v>
      </c>
      <c r="I3" s="521" t="s">
        <v>376</v>
      </c>
      <c r="J3" s="520" t="s">
        <v>377</v>
      </c>
      <c r="K3" s="522" t="s">
        <v>378</v>
      </c>
      <c r="L3" s="1159"/>
      <c r="M3" s="523" t="s">
        <v>460</v>
      </c>
      <c r="N3" s="526" t="s">
        <v>375</v>
      </c>
      <c r="O3" s="526" t="s">
        <v>376</v>
      </c>
      <c r="P3" s="526" t="s">
        <v>377</v>
      </c>
      <c r="Q3" s="522" t="s">
        <v>378</v>
      </c>
      <c r="R3" s="527" t="s">
        <v>463</v>
      </c>
      <c r="S3" s="525" t="s">
        <v>375</v>
      </c>
      <c r="T3" s="522" t="s">
        <v>376</v>
      </c>
      <c r="U3" s="524" t="s">
        <v>377</v>
      </c>
      <c r="V3" s="526" t="s">
        <v>463</v>
      </c>
      <c r="W3" s="526" t="s">
        <v>375</v>
      </c>
      <c r="X3" s="522" t="s">
        <v>376</v>
      </c>
      <c r="Y3" s="522" t="s">
        <v>377</v>
      </c>
      <c r="Z3" s="1159" t="s">
        <v>380</v>
      </c>
      <c r="AA3" s="524" t="s">
        <v>381</v>
      </c>
    </row>
    <row r="4" spans="1:27" s="529" customFormat="1" ht="11.25" customHeight="1">
      <c r="A4" s="530"/>
      <c r="B4" s="531" t="s">
        <v>236</v>
      </c>
      <c r="C4" s="531" t="s">
        <v>236</v>
      </c>
      <c r="D4" s="531" t="s">
        <v>236</v>
      </c>
      <c r="E4" s="531" t="s">
        <v>236</v>
      </c>
      <c r="F4" s="531"/>
      <c r="G4" s="532" t="s">
        <v>236</v>
      </c>
      <c r="H4" s="531" t="s">
        <v>236</v>
      </c>
      <c r="I4" s="531" t="s">
        <v>236</v>
      </c>
      <c r="J4" s="531" t="s">
        <v>236</v>
      </c>
      <c r="K4" s="533"/>
      <c r="L4" s="532"/>
      <c r="M4" s="533" t="s">
        <v>236</v>
      </c>
      <c r="N4" s="531" t="s">
        <v>236</v>
      </c>
      <c r="O4" s="531" t="s">
        <v>236</v>
      </c>
      <c r="P4" s="531" t="s">
        <v>236</v>
      </c>
      <c r="Q4" s="531"/>
      <c r="R4" s="533" t="s">
        <v>200</v>
      </c>
      <c r="S4" s="531" t="s">
        <v>200</v>
      </c>
      <c r="T4" s="531" t="s">
        <v>200</v>
      </c>
      <c r="U4" s="534" t="s">
        <v>200</v>
      </c>
      <c r="V4" s="531" t="s">
        <v>200</v>
      </c>
      <c r="W4" s="531" t="s">
        <v>200</v>
      </c>
      <c r="X4" s="531" t="s">
        <v>200</v>
      </c>
      <c r="Y4" s="531" t="s">
        <v>200</v>
      </c>
      <c r="Z4" s="532" t="s">
        <v>226</v>
      </c>
      <c r="AA4" s="534"/>
    </row>
    <row r="5" spans="1:27" ht="12.6" customHeight="1">
      <c r="A5" s="535" t="s">
        <v>382</v>
      </c>
      <c r="B5" s="536">
        <v>4570674</v>
      </c>
      <c r="C5" s="536">
        <v>571859</v>
      </c>
      <c r="D5" s="536">
        <v>2940877</v>
      </c>
      <c r="E5" s="536">
        <v>1008568</v>
      </c>
      <c r="F5" s="536">
        <v>49370</v>
      </c>
      <c r="G5" s="537">
        <v>4566154</v>
      </c>
      <c r="H5" s="538">
        <v>577351</v>
      </c>
      <c r="I5" s="538">
        <v>2947568</v>
      </c>
      <c r="J5" s="538">
        <v>991865</v>
      </c>
      <c r="K5" s="1165">
        <v>49370</v>
      </c>
      <c r="L5" s="537"/>
      <c r="M5" s="1161">
        <v>4520</v>
      </c>
      <c r="N5" s="536">
        <v>-5492</v>
      </c>
      <c r="O5" s="536">
        <v>-6691</v>
      </c>
      <c r="P5" s="536">
        <v>16703</v>
      </c>
      <c r="Q5" s="536" t="s">
        <v>386</v>
      </c>
      <c r="R5" s="539">
        <v>0.1</v>
      </c>
      <c r="S5" s="540">
        <v>-1</v>
      </c>
      <c r="T5" s="540">
        <v>-0.2</v>
      </c>
      <c r="U5" s="541">
        <v>1.7</v>
      </c>
      <c r="V5" s="464" t="s">
        <v>384</v>
      </c>
      <c r="W5" s="540">
        <v>12.6</v>
      </c>
      <c r="X5" s="540">
        <v>65</v>
      </c>
      <c r="Y5" s="540">
        <v>22.3</v>
      </c>
      <c r="Z5" s="542">
        <v>44.39</v>
      </c>
      <c r="AA5" s="541">
        <v>176.4</v>
      </c>
    </row>
    <row r="6" spans="1:27" ht="10.5" customHeight="1">
      <c r="A6" s="543"/>
      <c r="B6" s="544"/>
      <c r="C6" s="544"/>
      <c r="D6" s="544"/>
      <c r="E6" s="544"/>
      <c r="F6" s="544"/>
      <c r="G6" s="545"/>
      <c r="H6" s="546"/>
      <c r="I6" s="546"/>
      <c r="J6" s="546"/>
      <c r="K6" s="546"/>
      <c r="L6" s="545"/>
      <c r="M6" s="1162"/>
      <c r="N6" s="544"/>
      <c r="O6" s="544"/>
      <c r="P6" s="544"/>
      <c r="Q6" s="536"/>
      <c r="R6" s="547"/>
      <c r="S6" s="548"/>
      <c r="T6" s="548"/>
      <c r="U6" s="549"/>
      <c r="V6" s="472"/>
      <c r="W6" s="548"/>
      <c r="X6" s="548"/>
      <c r="Y6" s="548"/>
      <c r="Z6" s="550"/>
      <c r="AA6" s="549"/>
    </row>
    <row r="7" spans="1:27" s="552" customFormat="1" ht="12.6" customHeight="1">
      <c r="A7" s="551" t="s">
        <v>385</v>
      </c>
      <c r="B7" s="536">
        <v>1855789</v>
      </c>
      <c r="C7" s="536">
        <v>234210</v>
      </c>
      <c r="D7" s="536">
        <v>1204014</v>
      </c>
      <c r="E7" s="536">
        <v>402448</v>
      </c>
      <c r="F7" s="536">
        <v>15117</v>
      </c>
      <c r="G7" s="537">
        <v>1857056</v>
      </c>
      <c r="H7" s="538">
        <v>236912</v>
      </c>
      <c r="I7" s="538">
        <v>1208438</v>
      </c>
      <c r="J7" s="538">
        <v>396589</v>
      </c>
      <c r="K7" s="538">
        <v>15117</v>
      </c>
      <c r="L7" s="537"/>
      <c r="M7" s="1161">
        <v>-1267</v>
      </c>
      <c r="N7" s="536">
        <v>-2702</v>
      </c>
      <c r="O7" s="536">
        <v>-4424</v>
      </c>
      <c r="P7" s="536">
        <v>5859</v>
      </c>
      <c r="Q7" s="536" t="s">
        <v>386</v>
      </c>
      <c r="R7" s="539">
        <v>-0.1</v>
      </c>
      <c r="S7" s="540">
        <v>-1.1000000000000001</v>
      </c>
      <c r="T7" s="540">
        <v>-0.4</v>
      </c>
      <c r="U7" s="541">
        <v>1.5</v>
      </c>
      <c r="V7" s="464" t="s">
        <v>384</v>
      </c>
      <c r="W7" s="540">
        <v>12.7</v>
      </c>
      <c r="X7" s="540">
        <v>65.400000000000006</v>
      </c>
      <c r="Y7" s="540">
        <v>21.9</v>
      </c>
      <c r="Z7" s="542">
        <v>44.33</v>
      </c>
      <c r="AA7" s="541">
        <v>171.8</v>
      </c>
    </row>
    <row r="8" spans="1:27" ht="12.6" customHeight="1">
      <c r="A8" s="553" t="s">
        <v>387</v>
      </c>
      <c r="B8" s="544">
        <v>149283</v>
      </c>
      <c r="C8" s="544">
        <v>19215</v>
      </c>
      <c r="D8" s="544">
        <v>101052</v>
      </c>
      <c r="E8" s="544">
        <v>27506</v>
      </c>
      <c r="F8" s="544">
        <v>1510</v>
      </c>
      <c r="G8" s="554">
        <v>148559</v>
      </c>
      <c r="H8" s="555">
        <v>19172</v>
      </c>
      <c r="I8" s="555">
        <v>100677</v>
      </c>
      <c r="J8" s="555">
        <v>27200</v>
      </c>
      <c r="K8" s="555">
        <v>1510</v>
      </c>
      <c r="L8" s="554"/>
      <c r="M8" s="1162">
        <v>724</v>
      </c>
      <c r="N8" s="544">
        <v>43</v>
      </c>
      <c r="O8" s="544">
        <v>375</v>
      </c>
      <c r="P8" s="544">
        <v>306</v>
      </c>
      <c r="Q8" s="536" t="s">
        <v>386</v>
      </c>
      <c r="R8" s="547">
        <v>0.5</v>
      </c>
      <c r="S8" s="548">
        <v>0.2</v>
      </c>
      <c r="T8" s="548">
        <v>0.4</v>
      </c>
      <c r="U8" s="549">
        <v>1.1000000000000001</v>
      </c>
      <c r="V8" s="472" t="s">
        <v>384</v>
      </c>
      <c r="W8" s="548">
        <v>13</v>
      </c>
      <c r="X8" s="548">
        <v>68.400000000000006</v>
      </c>
      <c r="Y8" s="548">
        <v>18.600000000000001</v>
      </c>
      <c r="Z8" s="556">
        <v>42.81</v>
      </c>
      <c r="AA8" s="549">
        <v>143.1</v>
      </c>
    </row>
    <row r="9" spans="1:27" ht="12.6" customHeight="1">
      <c r="A9" s="553" t="s">
        <v>389</v>
      </c>
      <c r="B9" s="544">
        <v>122740</v>
      </c>
      <c r="C9" s="544">
        <v>13833</v>
      </c>
      <c r="D9" s="544">
        <v>84322</v>
      </c>
      <c r="E9" s="544">
        <v>23067</v>
      </c>
      <c r="F9" s="544">
        <v>1518</v>
      </c>
      <c r="G9" s="554">
        <v>122307</v>
      </c>
      <c r="H9" s="555">
        <v>13798</v>
      </c>
      <c r="I9" s="555">
        <v>84275</v>
      </c>
      <c r="J9" s="555">
        <v>22716</v>
      </c>
      <c r="K9" s="555">
        <v>1518</v>
      </c>
      <c r="L9" s="554"/>
      <c r="M9" s="1162">
        <v>433</v>
      </c>
      <c r="N9" s="544">
        <v>35</v>
      </c>
      <c r="O9" s="544">
        <v>47</v>
      </c>
      <c r="P9" s="544">
        <v>351</v>
      </c>
      <c r="Q9" s="536" t="s">
        <v>386</v>
      </c>
      <c r="R9" s="547">
        <v>0.4</v>
      </c>
      <c r="S9" s="548">
        <v>0.3</v>
      </c>
      <c r="T9" s="548">
        <v>0.1</v>
      </c>
      <c r="U9" s="549">
        <v>1.5</v>
      </c>
      <c r="V9" s="472" t="s">
        <v>384</v>
      </c>
      <c r="W9" s="548">
        <v>11.4</v>
      </c>
      <c r="X9" s="548">
        <v>69.599999999999994</v>
      </c>
      <c r="Y9" s="548">
        <v>19</v>
      </c>
      <c r="Z9" s="556">
        <v>43.08</v>
      </c>
      <c r="AA9" s="549">
        <v>166.8</v>
      </c>
    </row>
    <row r="10" spans="1:27" ht="12.6" customHeight="1">
      <c r="A10" s="553" t="s">
        <v>390</v>
      </c>
      <c r="B10" s="544">
        <v>50676</v>
      </c>
      <c r="C10" s="544">
        <v>5634</v>
      </c>
      <c r="D10" s="544">
        <v>35708</v>
      </c>
      <c r="E10" s="544">
        <v>8609</v>
      </c>
      <c r="F10" s="544">
        <v>725</v>
      </c>
      <c r="G10" s="554">
        <v>49863</v>
      </c>
      <c r="H10" s="555">
        <v>5498</v>
      </c>
      <c r="I10" s="555">
        <v>35212</v>
      </c>
      <c r="J10" s="555">
        <v>8428</v>
      </c>
      <c r="K10" s="555">
        <v>725</v>
      </c>
      <c r="L10" s="554"/>
      <c r="M10" s="1162">
        <v>813</v>
      </c>
      <c r="N10" s="544">
        <v>136</v>
      </c>
      <c r="O10" s="544">
        <v>496</v>
      </c>
      <c r="P10" s="544">
        <v>181</v>
      </c>
      <c r="Q10" s="536" t="s">
        <v>386</v>
      </c>
      <c r="R10" s="547">
        <v>1.6</v>
      </c>
      <c r="S10" s="548">
        <v>2.5</v>
      </c>
      <c r="T10" s="548">
        <v>1.4</v>
      </c>
      <c r="U10" s="549">
        <v>2.1</v>
      </c>
      <c r="V10" s="472" t="s">
        <v>384</v>
      </c>
      <c r="W10" s="548">
        <v>11.3</v>
      </c>
      <c r="X10" s="548">
        <v>71.5</v>
      </c>
      <c r="Y10" s="548">
        <v>17.2</v>
      </c>
      <c r="Z10" s="556">
        <v>43.09</v>
      </c>
      <c r="AA10" s="549">
        <v>152.80000000000001</v>
      </c>
    </row>
    <row r="11" spans="1:27" ht="12.6" customHeight="1">
      <c r="A11" s="553" t="s">
        <v>391</v>
      </c>
      <c r="B11" s="544">
        <v>78258</v>
      </c>
      <c r="C11" s="544">
        <v>8020</v>
      </c>
      <c r="D11" s="544">
        <v>50493</v>
      </c>
      <c r="E11" s="544">
        <v>17674</v>
      </c>
      <c r="F11" s="544">
        <v>2071</v>
      </c>
      <c r="G11" s="554">
        <v>78344</v>
      </c>
      <c r="H11" s="555">
        <v>8011</v>
      </c>
      <c r="I11" s="555">
        <v>50813</v>
      </c>
      <c r="J11" s="555">
        <v>17449</v>
      </c>
      <c r="K11" s="555">
        <v>2071</v>
      </c>
      <c r="L11" s="554"/>
      <c r="M11" s="1162">
        <v>-86</v>
      </c>
      <c r="N11" s="544">
        <v>9</v>
      </c>
      <c r="O11" s="544">
        <v>-320</v>
      </c>
      <c r="P11" s="544">
        <v>225</v>
      </c>
      <c r="Q11" s="536" t="s">
        <v>386</v>
      </c>
      <c r="R11" s="547">
        <v>-0.1</v>
      </c>
      <c r="S11" s="548">
        <v>0.1</v>
      </c>
      <c r="T11" s="548">
        <v>-0.6</v>
      </c>
      <c r="U11" s="549">
        <v>1.3</v>
      </c>
      <c r="V11" s="472" t="s">
        <v>384</v>
      </c>
      <c r="W11" s="548">
        <v>10.5</v>
      </c>
      <c r="X11" s="548">
        <v>66.3</v>
      </c>
      <c r="Y11" s="548">
        <v>23.2</v>
      </c>
      <c r="Z11" s="556">
        <v>46.4</v>
      </c>
      <c r="AA11" s="549">
        <v>220.4</v>
      </c>
    </row>
    <row r="12" spans="1:27" ht="12.6" customHeight="1">
      <c r="A12" s="553" t="s">
        <v>392</v>
      </c>
      <c r="B12" s="544">
        <v>97012</v>
      </c>
      <c r="C12" s="544">
        <v>10122</v>
      </c>
      <c r="D12" s="544">
        <v>62782</v>
      </c>
      <c r="E12" s="544">
        <v>23183</v>
      </c>
      <c r="F12" s="544">
        <v>925</v>
      </c>
      <c r="G12" s="554">
        <v>96971</v>
      </c>
      <c r="H12" s="555">
        <v>10219</v>
      </c>
      <c r="I12" s="555">
        <v>62865</v>
      </c>
      <c r="J12" s="555">
        <v>22962</v>
      </c>
      <c r="K12" s="555">
        <v>925</v>
      </c>
      <c r="L12" s="554"/>
      <c r="M12" s="1162">
        <v>41</v>
      </c>
      <c r="N12" s="544">
        <v>-97</v>
      </c>
      <c r="O12" s="544">
        <v>-83</v>
      </c>
      <c r="P12" s="544">
        <v>221</v>
      </c>
      <c r="Q12" s="536" t="s">
        <v>386</v>
      </c>
      <c r="R12" s="547">
        <v>0</v>
      </c>
      <c r="S12" s="548">
        <v>-0.9</v>
      </c>
      <c r="T12" s="548">
        <v>-0.1</v>
      </c>
      <c r="U12" s="549">
        <v>1</v>
      </c>
      <c r="V12" s="472" t="s">
        <v>384</v>
      </c>
      <c r="W12" s="548">
        <v>10.5</v>
      </c>
      <c r="X12" s="548">
        <v>65.3</v>
      </c>
      <c r="Y12" s="548">
        <v>24.1</v>
      </c>
      <c r="Z12" s="556">
        <v>46.2</v>
      </c>
      <c r="AA12" s="549">
        <v>229</v>
      </c>
    </row>
    <row r="13" spans="1:27" ht="12.6" customHeight="1">
      <c r="A13" s="553" t="s">
        <v>464</v>
      </c>
      <c r="B13" s="544">
        <v>102753</v>
      </c>
      <c r="C13" s="544">
        <v>11721</v>
      </c>
      <c r="D13" s="544">
        <v>66792</v>
      </c>
      <c r="E13" s="544">
        <v>23136</v>
      </c>
      <c r="F13" s="544">
        <v>1104</v>
      </c>
      <c r="G13" s="554">
        <v>102834</v>
      </c>
      <c r="H13" s="555">
        <v>11876</v>
      </c>
      <c r="I13" s="555">
        <v>66958</v>
      </c>
      <c r="J13" s="555">
        <v>22896</v>
      </c>
      <c r="K13" s="555">
        <v>1104</v>
      </c>
      <c r="L13" s="554"/>
      <c r="M13" s="1162">
        <v>-81</v>
      </c>
      <c r="N13" s="544">
        <v>-155</v>
      </c>
      <c r="O13" s="544">
        <v>-166</v>
      </c>
      <c r="P13" s="544">
        <v>240</v>
      </c>
      <c r="Q13" s="536" t="s">
        <v>386</v>
      </c>
      <c r="R13" s="547">
        <v>-0.1</v>
      </c>
      <c r="S13" s="548">
        <v>-1.3</v>
      </c>
      <c r="T13" s="548">
        <v>-0.2</v>
      </c>
      <c r="U13" s="549">
        <v>1</v>
      </c>
      <c r="V13" s="472" t="s">
        <v>384</v>
      </c>
      <c r="W13" s="548">
        <v>11.5</v>
      </c>
      <c r="X13" s="548">
        <v>65.7</v>
      </c>
      <c r="Y13" s="548">
        <v>22.8</v>
      </c>
      <c r="Z13" s="556">
        <v>44.85</v>
      </c>
      <c r="AA13" s="549">
        <v>197.4</v>
      </c>
    </row>
    <row r="14" spans="1:27" ht="12.6" customHeight="1">
      <c r="A14" s="553" t="s">
        <v>394</v>
      </c>
      <c r="B14" s="544">
        <v>81873</v>
      </c>
      <c r="C14" s="544">
        <v>10230</v>
      </c>
      <c r="D14" s="544">
        <v>51392</v>
      </c>
      <c r="E14" s="544">
        <v>19585</v>
      </c>
      <c r="F14" s="544">
        <v>666</v>
      </c>
      <c r="G14" s="554">
        <v>81962</v>
      </c>
      <c r="H14" s="555">
        <v>10235</v>
      </c>
      <c r="I14" s="555">
        <v>51700</v>
      </c>
      <c r="J14" s="555">
        <v>19361</v>
      </c>
      <c r="K14" s="555">
        <v>666</v>
      </c>
      <c r="L14" s="554"/>
      <c r="M14" s="1162">
        <v>-89</v>
      </c>
      <c r="N14" s="544">
        <v>-5</v>
      </c>
      <c r="O14" s="544">
        <v>-308</v>
      </c>
      <c r="P14" s="544">
        <v>224</v>
      </c>
      <c r="Q14" s="536" t="s">
        <v>386</v>
      </c>
      <c r="R14" s="547">
        <v>-0.1</v>
      </c>
      <c r="S14" s="548">
        <v>0</v>
      </c>
      <c r="T14" s="548">
        <v>-0.6</v>
      </c>
      <c r="U14" s="549">
        <v>1.2</v>
      </c>
      <c r="V14" s="472" t="s">
        <v>384</v>
      </c>
      <c r="W14" s="548">
        <v>12.6</v>
      </c>
      <c r="X14" s="548">
        <v>63.3</v>
      </c>
      <c r="Y14" s="548">
        <v>24.1</v>
      </c>
      <c r="Z14" s="556">
        <v>45.33</v>
      </c>
      <c r="AA14" s="549">
        <v>191.4</v>
      </c>
    </row>
    <row r="15" spans="1:27" ht="12.6" customHeight="1">
      <c r="A15" s="553" t="s">
        <v>395</v>
      </c>
      <c r="B15" s="544">
        <v>97877</v>
      </c>
      <c r="C15" s="544">
        <v>11746</v>
      </c>
      <c r="D15" s="544">
        <v>60127</v>
      </c>
      <c r="E15" s="544">
        <v>25527</v>
      </c>
      <c r="F15" s="544">
        <v>477</v>
      </c>
      <c r="G15" s="554">
        <v>98443</v>
      </c>
      <c r="H15" s="555">
        <v>11957</v>
      </c>
      <c r="I15" s="555">
        <v>60860</v>
      </c>
      <c r="J15" s="555">
        <v>25149</v>
      </c>
      <c r="K15" s="555">
        <v>477</v>
      </c>
      <c r="L15" s="554"/>
      <c r="M15" s="1162">
        <v>-566</v>
      </c>
      <c r="N15" s="544">
        <v>-211</v>
      </c>
      <c r="O15" s="544">
        <v>-733</v>
      </c>
      <c r="P15" s="544">
        <v>378</v>
      </c>
      <c r="Q15" s="536" t="s">
        <v>386</v>
      </c>
      <c r="R15" s="547">
        <v>-0.6</v>
      </c>
      <c r="S15" s="548">
        <v>-1.8</v>
      </c>
      <c r="T15" s="548">
        <v>-1.2</v>
      </c>
      <c r="U15" s="549">
        <v>1.5</v>
      </c>
      <c r="V15" s="472" t="s">
        <v>384</v>
      </c>
      <c r="W15" s="548">
        <v>12.1</v>
      </c>
      <c r="X15" s="548">
        <v>61.7</v>
      </c>
      <c r="Y15" s="548">
        <v>26.2</v>
      </c>
      <c r="Z15" s="556">
        <v>46.13</v>
      </c>
      <c r="AA15" s="549">
        <v>217.3</v>
      </c>
    </row>
    <row r="16" spans="1:27" ht="12.6" customHeight="1">
      <c r="A16" s="553" t="s">
        <v>396</v>
      </c>
      <c r="B16" s="544">
        <v>176227</v>
      </c>
      <c r="C16" s="544">
        <v>22019</v>
      </c>
      <c r="D16" s="544">
        <v>122484</v>
      </c>
      <c r="E16" s="544">
        <v>29925</v>
      </c>
      <c r="F16" s="544">
        <v>1799</v>
      </c>
      <c r="G16" s="554">
        <v>175583</v>
      </c>
      <c r="H16" s="555">
        <v>21888</v>
      </c>
      <c r="I16" s="555">
        <v>122492</v>
      </c>
      <c r="J16" s="555">
        <v>29404</v>
      </c>
      <c r="K16" s="555">
        <v>1799</v>
      </c>
      <c r="L16" s="554"/>
      <c r="M16" s="1162">
        <v>644</v>
      </c>
      <c r="N16" s="544">
        <v>131</v>
      </c>
      <c r="O16" s="544">
        <v>-8</v>
      </c>
      <c r="P16" s="544">
        <v>521</v>
      </c>
      <c r="Q16" s="536" t="s">
        <v>386</v>
      </c>
      <c r="R16" s="547">
        <v>0.4</v>
      </c>
      <c r="S16" s="548">
        <v>0.6</v>
      </c>
      <c r="T16" s="548">
        <v>0</v>
      </c>
      <c r="U16" s="549">
        <v>1.8</v>
      </c>
      <c r="V16" s="472" t="s">
        <v>384</v>
      </c>
      <c r="W16" s="548">
        <v>12.6</v>
      </c>
      <c r="X16" s="548">
        <v>70.2</v>
      </c>
      <c r="Y16" s="548">
        <v>17.2</v>
      </c>
      <c r="Z16" s="556">
        <v>42.15</v>
      </c>
      <c r="AA16" s="549">
        <v>135.9</v>
      </c>
    </row>
    <row r="17" spans="1:27" ht="12.6" customHeight="1">
      <c r="A17" s="553" t="s">
        <v>397</v>
      </c>
      <c r="B17" s="544">
        <v>135690</v>
      </c>
      <c r="C17" s="544">
        <v>18675</v>
      </c>
      <c r="D17" s="544">
        <v>85362</v>
      </c>
      <c r="E17" s="544">
        <v>31023</v>
      </c>
      <c r="F17" s="544">
        <v>630</v>
      </c>
      <c r="G17" s="554">
        <v>135385</v>
      </c>
      <c r="H17" s="555">
        <v>18856</v>
      </c>
      <c r="I17" s="555">
        <v>85449</v>
      </c>
      <c r="J17" s="555">
        <v>30450</v>
      </c>
      <c r="K17" s="555">
        <v>630</v>
      </c>
      <c r="L17" s="554"/>
      <c r="M17" s="1162">
        <v>305</v>
      </c>
      <c r="N17" s="544">
        <v>-181</v>
      </c>
      <c r="O17" s="544">
        <v>-87</v>
      </c>
      <c r="P17" s="544">
        <v>573</v>
      </c>
      <c r="Q17" s="536" t="s">
        <v>386</v>
      </c>
      <c r="R17" s="547">
        <v>0.2</v>
      </c>
      <c r="S17" s="548">
        <v>-1</v>
      </c>
      <c r="T17" s="548">
        <v>-0.1</v>
      </c>
      <c r="U17" s="549">
        <v>1.9</v>
      </c>
      <c r="V17" s="472" t="s">
        <v>384</v>
      </c>
      <c r="W17" s="548">
        <v>13.8</v>
      </c>
      <c r="X17" s="548">
        <v>63.2</v>
      </c>
      <c r="Y17" s="548">
        <v>23</v>
      </c>
      <c r="Z17" s="556">
        <v>44.37</v>
      </c>
      <c r="AA17" s="549">
        <v>166.1</v>
      </c>
    </row>
    <row r="18" spans="1:27" ht="12.6" customHeight="1">
      <c r="A18" s="553" t="s">
        <v>398</v>
      </c>
      <c r="B18" s="544">
        <v>104894</v>
      </c>
      <c r="C18" s="544">
        <v>12558</v>
      </c>
      <c r="D18" s="544">
        <v>65169</v>
      </c>
      <c r="E18" s="544">
        <v>26684</v>
      </c>
      <c r="F18" s="544">
        <v>483</v>
      </c>
      <c r="G18" s="554">
        <v>105410</v>
      </c>
      <c r="H18" s="555">
        <v>12799</v>
      </c>
      <c r="I18" s="555">
        <v>65780</v>
      </c>
      <c r="J18" s="555">
        <v>26348</v>
      </c>
      <c r="K18" s="555">
        <v>483</v>
      </c>
      <c r="L18" s="554"/>
      <c r="M18" s="1162">
        <v>-516</v>
      </c>
      <c r="N18" s="544">
        <v>-241</v>
      </c>
      <c r="O18" s="544">
        <v>-611</v>
      </c>
      <c r="P18" s="544">
        <v>336</v>
      </c>
      <c r="Q18" s="536" t="s">
        <v>386</v>
      </c>
      <c r="R18" s="547">
        <v>-0.5</v>
      </c>
      <c r="S18" s="548">
        <v>-1.9</v>
      </c>
      <c r="T18" s="548">
        <v>-0.9</v>
      </c>
      <c r="U18" s="549">
        <v>1.3</v>
      </c>
      <c r="V18" s="472" t="s">
        <v>384</v>
      </c>
      <c r="W18" s="548">
        <v>12</v>
      </c>
      <c r="X18" s="548">
        <v>62.4</v>
      </c>
      <c r="Y18" s="548">
        <v>25.6</v>
      </c>
      <c r="Z18" s="556">
        <v>46.31</v>
      </c>
      <c r="AA18" s="549">
        <v>212.5</v>
      </c>
    </row>
    <row r="19" spans="1:27" ht="12.6" customHeight="1">
      <c r="A19" s="553" t="s">
        <v>399</v>
      </c>
      <c r="B19" s="544">
        <v>119104</v>
      </c>
      <c r="C19" s="544">
        <v>14815</v>
      </c>
      <c r="D19" s="544">
        <v>72595</v>
      </c>
      <c r="E19" s="544">
        <v>31360</v>
      </c>
      <c r="F19" s="544">
        <v>334</v>
      </c>
      <c r="G19" s="554">
        <v>119695</v>
      </c>
      <c r="H19" s="555">
        <v>15091</v>
      </c>
      <c r="I19" s="555">
        <v>73188</v>
      </c>
      <c r="J19" s="555">
        <v>31082</v>
      </c>
      <c r="K19" s="555">
        <v>334</v>
      </c>
      <c r="L19" s="554"/>
      <c r="M19" s="1162">
        <v>-591</v>
      </c>
      <c r="N19" s="544">
        <v>-276</v>
      </c>
      <c r="O19" s="544">
        <v>-593</v>
      </c>
      <c r="P19" s="544">
        <v>278</v>
      </c>
      <c r="Q19" s="536" t="s">
        <v>386</v>
      </c>
      <c r="R19" s="547">
        <v>-0.5</v>
      </c>
      <c r="S19" s="548">
        <v>-1.8</v>
      </c>
      <c r="T19" s="548">
        <v>-0.8</v>
      </c>
      <c r="U19" s="549">
        <v>0.9</v>
      </c>
      <c r="V19" s="472" t="s">
        <v>384</v>
      </c>
      <c r="W19" s="548">
        <v>12.5</v>
      </c>
      <c r="X19" s="548">
        <v>61.1</v>
      </c>
      <c r="Y19" s="548">
        <v>26.4</v>
      </c>
      <c r="Z19" s="556">
        <v>46.45</v>
      </c>
      <c r="AA19" s="549">
        <v>211.7</v>
      </c>
    </row>
    <row r="20" spans="1:27" ht="12.6" customHeight="1">
      <c r="A20" s="553" t="s">
        <v>400</v>
      </c>
      <c r="B20" s="544">
        <v>89195</v>
      </c>
      <c r="C20" s="544">
        <v>12146</v>
      </c>
      <c r="D20" s="544">
        <v>57606</v>
      </c>
      <c r="E20" s="544">
        <v>18940</v>
      </c>
      <c r="F20" s="544">
        <v>503</v>
      </c>
      <c r="G20" s="554">
        <v>89310</v>
      </c>
      <c r="H20" s="555">
        <v>12324</v>
      </c>
      <c r="I20" s="555">
        <v>57806</v>
      </c>
      <c r="J20" s="555">
        <v>18677</v>
      </c>
      <c r="K20" s="555">
        <v>503</v>
      </c>
      <c r="L20" s="554"/>
      <c r="M20" s="1162">
        <v>-115</v>
      </c>
      <c r="N20" s="544">
        <v>-178</v>
      </c>
      <c r="O20" s="544">
        <v>-200</v>
      </c>
      <c r="P20" s="544">
        <v>263</v>
      </c>
      <c r="Q20" s="536" t="s">
        <v>386</v>
      </c>
      <c r="R20" s="547">
        <v>-0.1</v>
      </c>
      <c r="S20" s="548">
        <v>-1.4</v>
      </c>
      <c r="T20" s="548">
        <v>-0.3</v>
      </c>
      <c r="U20" s="549">
        <v>1.4</v>
      </c>
      <c r="V20" s="472" t="s">
        <v>384</v>
      </c>
      <c r="W20" s="548">
        <v>13.7</v>
      </c>
      <c r="X20" s="548">
        <v>65</v>
      </c>
      <c r="Y20" s="548">
        <v>21.4</v>
      </c>
      <c r="Z20" s="556">
        <v>43.76</v>
      </c>
      <c r="AA20" s="549">
        <v>155.9</v>
      </c>
    </row>
    <row r="21" spans="1:27" ht="12.6" customHeight="1">
      <c r="A21" s="553" t="s">
        <v>401</v>
      </c>
      <c r="B21" s="544">
        <v>60250</v>
      </c>
      <c r="C21" s="544">
        <v>7916</v>
      </c>
      <c r="D21" s="544">
        <v>37289</v>
      </c>
      <c r="E21" s="544">
        <v>14812</v>
      </c>
      <c r="F21" s="544">
        <v>233</v>
      </c>
      <c r="G21" s="554">
        <v>60640</v>
      </c>
      <c r="H21" s="555">
        <v>8124</v>
      </c>
      <c r="I21" s="555">
        <v>37623</v>
      </c>
      <c r="J21" s="555">
        <v>14660</v>
      </c>
      <c r="K21" s="555">
        <v>233</v>
      </c>
      <c r="L21" s="554"/>
      <c r="M21" s="1162">
        <v>-390</v>
      </c>
      <c r="N21" s="544">
        <v>-208</v>
      </c>
      <c r="O21" s="544">
        <v>-334</v>
      </c>
      <c r="P21" s="544">
        <v>152</v>
      </c>
      <c r="Q21" s="536" t="s">
        <v>386</v>
      </c>
      <c r="R21" s="547">
        <v>-0.6</v>
      </c>
      <c r="S21" s="548">
        <v>-2.6</v>
      </c>
      <c r="T21" s="548">
        <v>-0.9</v>
      </c>
      <c r="U21" s="549">
        <v>1</v>
      </c>
      <c r="V21" s="472" t="s">
        <v>384</v>
      </c>
      <c r="W21" s="548">
        <v>13.2</v>
      </c>
      <c r="X21" s="548">
        <v>62.1</v>
      </c>
      <c r="Y21" s="548">
        <v>24.7</v>
      </c>
      <c r="Z21" s="556">
        <v>45.31</v>
      </c>
      <c r="AA21" s="549">
        <v>187.1</v>
      </c>
    </row>
    <row r="22" spans="1:27" ht="12.6" customHeight="1">
      <c r="A22" s="553" t="s">
        <v>402</v>
      </c>
      <c r="B22" s="544">
        <v>58995</v>
      </c>
      <c r="C22" s="544">
        <v>7466</v>
      </c>
      <c r="D22" s="544">
        <v>34756</v>
      </c>
      <c r="E22" s="544">
        <v>16523</v>
      </c>
      <c r="F22" s="544">
        <v>250</v>
      </c>
      <c r="G22" s="554">
        <v>59299</v>
      </c>
      <c r="H22" s="555">
        <v>7699</v>
      </c>
      <c r="I22" s="555">
        <v>34967</v>
      </c>
      <c r="J22" s="555">
        <v>16383</v>
      </c>
      <c r="K22" s="555">
        <v>250</v>
      </c>
      <c r="L22" s="554"/>
      <c r="M22" s="1162">
        <v>-304</v>
      </c>
      <c r="N22" s="544">
        <v>-233</v>
      </c>
      <c r="O22" s="544">
        <v>-211</v>
      </c>
      <c r="P22" s="544">
        <v>140</v>
      </c>
      <c r="Q22" s="536" t="s">
        <v>386</v>
      </c>
      <c r="R22" s="547">
        <v>-0.5</v>
      </c>
      <c r="S22" s="548">
        <v>-3</v>
      </c>
      <c r="T22" s="548">
        <v>-0.6</v>
      </c>
      <c r="U22" s="549">
        <v>0.9</v>
      </c>
      <c r="V22" s="472" t="s">
        <v>384</v>
      </c>
      <c r="W22" s="548">
        <v>12.7</v>
      </c>
      <c r="X22" s="548">
        <v>59.2</v>
      </c>
      <c r="Y22" s="548">
        <v>28.1</v>
      </c>
      <c r="Z22" s="556">
        <v>46.85</v>
      </c>
      <c r="AA22" s="549">
        <v>221.3</v>
      </c>
    </row>
    <row r="23" spans="1:27" ht="12.6" customHeight="1">
      <c r="A23" s="553" t="s">
        <v>403</v>
      </c>
      <c r="B23" s="544">
        <v>74749</v>
      </c>
      <c r="C23" s="544">
        <v>9800</v>
      </c>
      <c r="D23" s="544">
        <v>45375</v>
      </c>
      <c r="E23" s="544">
        <v>19297</v>
      </c>
      <c r="F23" s="544">
        <v>277</v>
      </c>
      <c r="G23" s="554">
        <v>75190</v>
      </c>
      <c r="H23" s="555">
        <v>9972</v>
      </c>
      <c r="I23" s="555">
        <v>45936</v>
      </c>
      <c r="J23" s="555">
        <v>19005</v>
      </c>
      <c r="K23" s="555">
        <v>277</v>
      </c>
      <c r="L23" s="554"/>
      <c r="M23" s="1162">
        <v>-441</v>
      </c>
      <c r="N23" s="544">
        <v>-172</v>
      </c>
      <c r="O23" s="544">
        <v>-561</v>
      </c>
      <c r="P23" s="544">
        <v>292</v>
      </c>
      <c r="Q23" s="536" t="s">
        <v>386</v>
      </c>
      <c r="R23" s="547">
        <v>-0.6</v>
      </c>
      <c r="S23" s="548">
        <v>-1.7</v>
      </c>
      <c r="T23" s="548">
        <v>-1.2</v>
      </c>
      <c r="U23" s="549">
        <v>1.5</v>
      </c>
      <c r="V23" s="472" t="s">
        <v>384</v>
      </c>
      <c r="W23" s="548">
        <v>13.2</v>
      </c>
      <c r="X23" s="548">
        <v>60.9</v>
      </c>
      <c r="Y23" s="548">
        <v>25.9</v>
      </c>
      <c r="Z23" s="556">
        <v>45.98</v>
      </c>
      <c r="AA23" s="549">
        <v>196.9</v>
      </c>
    </row>
    <row r="24" spans="1:27" ht="12.6" customHeight="1">
      <c r="A24" s="553" t="s">
        <v>404</v>
      </c>
      <c r="B24" s="544">
        <v>150772</v>
      </c>
      <c r="C24" s="544">
        <v>20973</v>
      </c>
      <c r="D24" s="544">
        <v>99806</v>
      </c>
      <c r="E24" s="544">
        <v>29082</v>
      </c>
      <c r="F24" s="544">
        <v>911</v>
      </c>
      <c r="G24" s="554">
        <v>151240</v>
      </c>
      <c r="H24" s="555">
        <v>21418</v>
      </c>
      <c r="I24" s="555">
        <v>100524</v>
      </c>
      <c r="J24" s="555">
        <v>28387</v>
      </c>
      <c r="K24" s="555">
        <v>911</v>
      </c>
      <c r="L24" s="554"/>
      <c r="M24" s="1162">
        <v>-468</v>
      </c>
      <c r="N24" s="544">
        <v>-445</v>
      </c>
      <c r="O24" s="544">
        <v>-718</v>
      </c>
      <c r="P24" s="544">
        <v>695</v>
      </c>
      <c r="Q24" s="536" t="s">
        <v>386</v>
      </c>
      <c r="R24" s="547">
        <v>-0.3</v>
      </c>
      <c r="S24" s="548">
        <v>-2.1</v>
      </c>
      <c r="T24" s="548">
        <v>-0.7</v>
      </c>
      <c r="U24" s="549">
        <v>2.4</v>
      </c>
      <c r="V24" s="472" t="s">
        <v>384</v>
      </c>
      <c r="W24" s="548">
        <v>14</v>
      </c>
      <c r="X24" s="548">
        <v>66.599999999999994</v>
      </c>
      <c r="Y24" s="548">
        <v>19.399999999999999</v>
      </c>
      <c r="Z24" s="556">
        <v>42.92</v>
      </c>
      <c r="AA24" s="549">
        <v>138.69999999999999</v>
      </c>
    </row>
    <row r="25" spans="1:27" ht="12.6" customHeight="1">
      <c r="A25" s="553" t="s">
        <v>405</v>
      </c>
      <c r="B25" s="544">
        <v>105441</v>
      </c>
      <c r="C25" s="544">
        <v>17321</v>
      </c>
      <c r="D25" s="544">
        <v>70904</v>
      </c>
      <c r="E25" s="544">
        <v>16515</v>
      </c>
      <c r="F25" s="544">
        <v>701</v>
      </c>
      <c r="G25" s="554">
        <v>106021</v>
      </c>
      <c r="H25" s="555">
        <v>17975</v>
      </c>
      <c r="I25" s="555">
        <v>71313</v>
      </c>
      <c r="J25" s="555">
        <v>16032</v>
      </c>
      <c r="K25" s="555">
        <v>701</v>
      </c>
      <c r="L25" s="554"/>
      <c r="M25" s="1162">
        <v>-580</v>
      </c>
      <c r="N25" s="544">
        <v>-654</v>
      </c>
      <c r="O25" s="544">
        <v>-409</v>
      </c>
      <c r="P25" s="544">
        <v>483</v>
      </c>
      <c r="Q25" s="536" t="s">
        <v>386</v>
      </c>
      <c r="R25" s="547">
        <v>-0.5</v>
      </c>
      <c r="S25" s="548">
        <v>-3.6</v>
      </c>
      <c r="T25" s="548">
        <v>-0.6</v>
      </c>
      <c r="U25" s="549">
        <v>3</v>
      </c>
      <c r="V25" s="472" t="s">
        <v>384</v>
      </c>
      <c r="W25" s="548">
        <v>16.5</v>
      </c>
      <c r="X25" s="548">
        <v>67.7</v>
      </c>
      <c r="Y25" s="548">
        <v>15.8</v>
      </c>
      <c r="Z25" s="556">
        <v>40.82</v>
      </c>
      <c r="AA25" s="549">
        <v>95.3</v>
      </c>
    </row>
    <row r="26" spans="1:27" ht="9" customHeight="1">
      <c r="A26" s="553"/>
      <c r="B26" s="544"/>
      <c r="C26" s="544"/>
      <c r="D26" s="544"/>
      <c r="E26" s="544"/>
      <c r="F26" s="544"/>
      <c r="G26" s="554"/>
      <c r="H26" s="555"/>
      <c r="I26" s="555"/>
      <c r="J26" s="555"/>
      <c r="K26" s="555"/>
      <c r="L26" s="554"/>
      <c r="M26" s="1162"/>
      <c r="N26" s="544"/>
      <c r="O26" s="544"/>
      <c r="P26" s="544"/>
      <c r="Q26" s="536"/>
      <c r="R26" s="547"/>
      <c r="S26" s="548"/>
      <c r="T26" s="548"/>
      <c r="U26" s="549"/>
      <c r="V26" s="472"/>
      <c r="W26" s="548"/>
      <c r="X26" s="548"/>
      <c r="Y26" s="548"/>
      <c r="Z26" s="556"/>
      <c r="AA26" s="549"/>
    </row>
    <row r="27" spans="1:27" s="552" customFormat="1" ht="12.6" customHeight="1">
      <c r="A27" s="557" t="s">
        <v>406</v>
      </c>
      <c r="B27" s="558">
        <v>762929</v>
      </c>
      <c r="C27" s="558">
        <v>95229</v>
      </c>
      <c r="D27" s="558">
        <v>515308</v>
      </c>
      <c r="E27" s="558">
        <v>131031</v>
      </c>
      <c r="F27" s="558">
        <v>21361</v>
      </c>
      <c r="G27" s="537">
        <v>756755</v>
      </c>
      <c r="H27" s="538">
        <v>94994</v>
      </c>
      <c r="I27" s="538">
        <v>512066</v>
      </c>
      <c r="J27" s="538">
        <v>128334</v>
      </c>
      <c r="K27" s="538">
        <v>21361</v>
      </c>
      <c r="L27" s="537"/>
      <c r="M27" s="1163">
        <v>6174</v>
      </c>
      <c r="N27" s="558">
        <v>235</v>
      </c>
      <c r="O27" s="558">
        <v>3242</v>
      </c>
      <c r="P27" s="558">
        <v>2697</v>
      </c>
      <c r="Q27" s="538" t="s">
        <v>386</v>
      </c>
      <c r="R27" s="559">
        <v>0.8</v>
      </c>
      <c r="S27" s="560">
        <v>0.2</v>
      </c>
      <c r="T27" s="560">
        <v>0.6</v>
      </c>
      <c r="U27" s="561">
        <v>2.1</v>
      </c>
      <c r="V27" s="464" t="s">
        <v>384</v>
      </c>
      <c r="W27" s="560">
        <v>12.8</v>
      </c>
      <c r="X27" s="560">
        <v>69.5</v>
      </c>
      <c r="Y27" s="560">
        <v>17.7</v>
      </c>
      <c r="Z27" s="562">
        <v>42.16</v>
      </c>
      <c r="AA27" s="561">
        <v>137.6</v>
      </c>
    </row>
    <row r="28" spans="1:27" ht="12.6" customHeight="1">
      <c r="A28" s="553" t="s">
        <v>407</v>
      </c>
      <c r="B28" s="544">
        <v>123403</v>
      </c>
      <c r="C28" s="544">
        <v>13401</v>
      </c>
      <c r="D28" s="544">
        <v>84654</v>
      </c>
      <c r="E28" s="544">
        <v>23773</v>
      </c>
      <c r="F28" s="544">
        <v>1575</v>
      </c>
      <c r="G28" s="554">
        <v>121548</v>
      </c>
      <c r="H28" s="555">
        <v>13387</v>
      </c>
      <c r="I28" s="555">
        <v>83269</v>
      </c>
      <c r="J28" s="555">
        <v>23317</v>
      </c>
      <c r="K28" s="555">
        <v>1575</v>
      </c>
      <c r="L28" s="554"/>
      <c r="M28" s="1162">
        <v>1855</v>
      </c>
      <c r="N28" s="544">
        <v>14</v>
      </c>
      <c r="O28" s="544">
        <v>1385</v>
      </c>
      <c r="P28" s="544">
        <v>456</v>
      </c>
      <c r="Q28" s="536" t="s">
        <v>386</v>
      </c>
      <c r="R28" s="547">
        <v>1.5</v>
      </c>
      <c r="S28" s="548">
        <v>0.1</v>
      </c>
      <c r="T28" s="548">
        <v>1.7</v>
      </c>
      <c r="U28" s="549">
        <v>2</v>
      </c>
      <c r="V28" s="472" t="s">
        <v>384</v>
      </c>
      <c r="W28" s="548">
        <v>11</v>
      </c>
      <c r="X28" s="548">
        <v>69.5</v>
      </c>
      <c r="Y28" s="548">
        <v>19.5</v>
      </c>
      <c r="Z28" s="556">
        <v>43.43</v>
      </c>
      <c r="AA28" s="549">
        <v>177.4</v>
      </c>
    </row>
    <row r="29" spans="1:27" ht="12.6" customHeight="1">
      <c r="A29" s="553" t="s">
        <v>408</v>
      </c>
      <c r="B29" s="544">
        <v>83894</v>
      </c>
      <c r="C29" s="544">
        <v>10867</v>
      </c>
      <c r="D29" s="544">
        <v>54586</v>
      </c>
      <c r="E29" s="544">
        <v>15996</v>
      </c>
      <c r="F29" s="544">
        <v>2445</v>
      </c>
      <c r="G29" s="554">
        <v>82544</v>
      </c>
      <c r="H29" s="555">
        <v>10573</v>
      </c>
      <c r="I29" s="555">
        <v>53783</v>
      </c>
      <c r="J29" s="555">
        <v>15743</v>
      </c>
      <c r="K29" s="555">
        <v>2445</v>
      </c>
      <c r="L29" s="554"/>
      <c r="M29" s="1162">
        <v>1350</v>
      </c>
      <c r="N29" s="544">
        <v>294</v>
      </c>
      <c r="O29" s="544">
        <v>803</v>
      </c>
      <c r="P29" s="544">
        <v>253</v>
      </c>
      <c r="Q29" s="536" t="s">
        <v>386</v>
      </c>
      <c r="R29" s="547">
        <v>1.6</v>
      </c>
      <c r="S29" s="548">
        <v>2.8</v>
      </c>
      <c r="T29" s="548">
        <v>1.5</v>
      </c>
      <c r="U29" s="549">
        <v>1.6</v>
      </c>
      <c r="V29" s="472" t="s">
        <v>384</v>
      </c>
      <c r="W29" s="548">
        <v>13.3</v>
      </c>
      <c r="X29" s="548">
        <v>67</v>
      </c>
      <c r="Y29" s="548">
        <v>19.600000000000001</v>
      </c>
      <c r="Z29" s="556">
        <v>43.02</v>
      </c>
      <c r="AA29" s="549">
        <v>147.19999999999999</v>
      </c>
    </row>
    <row r="30" spans="1:27" ht="12.6" customHeight="1">
      <c r="A30" s="553" t="s">
        <v>409</v>
      </c>
      <c r="B30" s="544">
        <v>129875</v>
      </c>
      <c r="C30" s="544">
        <v>16868</v>
      </c>
      <c r="D30" s="544">
        <v>93981</v>
      </c>
      <c r="E30" s="544">
        <v>16922</v>
      </c>
      <c r="F30" s="544">
        <v>2104</v>
      </c>
      <c r="G30" s="554">
        <v>128836</v>
      </c>
      <c r="H30" s="555">
        <v>16731</v>
      </c>
      <c r="I30" s="555">
        <v>93380</v>
      </c>
      <c r="J30" s="555">
        <v>16621</v>
      </c>
      <c r="K30" s="555">
        <v>2104</v>
      </c>
      <c r="L30" s="554"/>
      <c r="M30" s="1162">
        <v>1039</v>
      </c>
      <c r="N30" s="544">
        <v>137</v>
      </c>
      <c r="O30" s="544">
        <v>601</v>
      </c>
      <c r="P30" s="544">
        <v>301</v>
      </c>
      <c r="Q30" s="536" t="s">
        <v>386</v>
      </c>
      <c r="R30" s="547">
        <v>0.8</v>
      </c>
      <c r="S30" s="548">
        <v>0.8</v>
      </c>
      <c r="T30" s="548">
        <v>0.6</v>
      </c>
      <c r="U30" s="549">
        <v>1.8</v>
      </c>
      <c r="V30" s="472" t="s">
        <v>384</v>
      </c>
      <c r="W30" s="548">
        <v>13.2</v>
      </c>
      <c r="X30" s="548">
        <v>73.599999999999994</v>
      </c>
      <c r="Y30" s="548">
        <v>13.2</v>
      </c>
      <c r="Z30" s="556">
        <v>40.07</v>
      </c>
      <c r="AA30" s="549">
        <v>100.3</v>
      </c>
    </row>
    <row r="31" spans="1:27" ht="12.6" customHeight="1">
      <c r="A31" s="553" t="s">
        <v>410</v>
      </c>
      <c r="B31" s="544">
        <v>116117</v>
      </c>
      <c r="C31" s="544">
        <v>15371</v>
      </c>
      <c r="D31" s="544">
        <v>80474</v>
      </c>
      <c r="E31" s="544">
        <v>18449</v>
      </c>
      <c r="F31" s="544">
        <v>1823</v>
      </c>
      <c r="G31" s="554">
        <v>115613</v>
      </c>
      <c r="H31" s="555">
        <v>15412</v>
      </c>
      <c r="I31" s="555">
        <v>80381</v>
      </c>
      <c r="J31" s="555">
        <v>17997</v>
      </c>
      <c r="K31" s="555">
        <v>1823</v>
      </c>
      <c r="L31" s="554"/>
      <c r="M31" s="1162">
        <v>504</v>
      </c>
      <c r="N31" s="544">
        <v>-41</v>
      </c>
      <c r="O31" s="544">
        <v>93</v>
      </c>
      <c r="P31" s="544">
        <v>452</v>
      </c>
      <c r="Q31" s="536" t="s">
        <v>386</v>
      </c>
      <c r="R31" s="547">
        <v>0.4</v>
      </c>
      <c r="S31" s="548">
        <v>-0.3</v>
      </c>
      <c r="T31" s="548">
        <v>0.1</v>
      </c>
      <c r="U31" s="549">
        <v>2.5</v>
      </c>
      <c r="V31" s="472" t="s">
        <v>384</v>
      </c>
      <c r="W31" s="548">
        <v>13.4</v>
      </c>
      <c r="X31" s="548">
        <v>70.400000000000006</v>
      </c>
      <c r="Y31" s="548">
        <v>16.100000000000001</v>
      </c>
      <c r="Z31" s="556">
        <v>41.36</v>
      </c>
      <c r="AA31" s="549">
        <v>120</v>
      </c>
    </row>
    <row r="32" spans="1:27" ht="12.6" customHeight="1">
      <c r="A32" s="553" t="s">
        <v>411</v>
      </c>
      <c r="B32" s="544">
        <v>110711</v>
      </c>
      <c r="C32" s="544">
        <v>12014</v>
      </c>
      <c r="D32" s="544">
        <v>78446</v>
      </c>
      <c r="E32" s="544">
        <v>18383</v>
      </c>
      <c r="F32" s="544">
        <v>1868</v>
      </c>
      <c r="G32" s="554">
        <v>110524</v>
      </c>
      <c r="H32" s="555">
        <v>12183</v>
      </c>
      <c r="I32" s="555">
        <v>78491</v>
      </c>
      <c r="J32" s="555">
        <v>17982</v>
      </c>
      <c r="K32" s="555">
        <v>1868</v>
      </c>
      <c r="L32" s="554"/>
      <c r="M32" s="1162">
        <v>187</v>
      </c>
      <c r="N32" s="544">
        <v>-169</v>
      </c>
      <c r="O32" s="544">
        <v>-45</v>
      </c>
      <c r="P32" s="544">
        <v>401</v>
      </c>
      <c r="Q32" s="536" t="s">
        <v>386</v>
      </c>
      <c r="R32" s="547">
        <v>0.2</v>
      </c>
      <c r="S32" s="548">
        <v>-1.4</v>
      </c>
      <c r="T32" s="548">
        <v>-0.1</v>
      </c>
      <c r="U32" s="549">
        <v>2.2000000000000002</v>
      </c>
      <c r="V32" s="472" t="s">
        <v>384</v>
      </c>
      <c r="W32" s="548">
        <v>11</v>
      </c>
      <c r="X32" s="548">
        <v>72.099999999999994</v>
      </c>
      <c r="Y32" s="548">
        <v>16.899999999999999</v>
      </c>
      <c r="Z32" s="556">
        <v>41.81</v>
      </c>
      <c r="AA32" s="549">
        <v>153</v>
      </c>
    </row>
    <row r="33" spans="1:27" ht="12.6" customHeight="1">
      <c r="A33" s="553" t="s">
        <v>412</v>
      </c>
      <c r="B33" s="544">
        <v>112715</v>
      </c>
      <c r="C33" s="544">
        <v>14781</v>
      </c>
      <c r="D33" s="544">
        <v>67630</v>
      </c>
      <c r="E33" s="544">
        <v>19555</v>
      </c>
      <c r="F33" s="544">
        <v>10749</v>
      </c>
      <c r="G33" s="554">
        <v>111874</v>
      </c>
      <c r="H33" s="555">
        <v>14681</v>
      </c>
      <c r="I33" s="555">
        <v>67334</v>
      </c>
      <c r="J33" s="555">
        <v>19110</v>
      </c>
      <c r="K33" s="555">
        <v>10749</v>
      </c>
      <c r="L33" s="554"/>
      <c r="M33" s="1162">
        <v>841</v>
      </c>
      <c r="N33" s="544">
        <v>100</v>
      </c>
      <c r="O33" s="544">
        <v>296</v>
      </c>
      <c r="P33" s="544">
        <v>445</v>
      </c>
      <c r="Q33" s="536" t="s">
        <v>386</v>
      </c>
      <c r="R33" s="547">
        <v>0.8</v>
      </c>
      <c r="S33" s="548">
        <v>0.7</v>
      </c>
      <c r="T33" s="548">
        <v>0.4</v>
      </c>
      <c r="U33" s="549">
        <v>2.2999999999999998</v>
      </c>
      <c r="V33" s="472" t="s">
        <v>384</v>
      </c>
      <c r="W33" s="548">
        <v>14.5</v>
      </c>
      <c r="X33" s="548">
        <v>66.3</v>
      </c>
      <c r="Y33" s="548">
        <v>19.2</v>
      </c>
      <c r="Z33" s="556">
        <v>42.59</v>
      </c>
      <c r="AA33" s="549">
        <v>132.30000000000001</v>
      </c>
    </row>
    <row r="34" spans="1:27" ht="12.6" customHeight="1">
      <c r="A34" s="553" t="s">
        <v>413</v>
      </c>
      <c r="B34" s="544">
        <v>86214</v>
      </c>
      <c r="C34" s="544">
        <v>11927</v>
      </c>
      <c r="D34" s="544">
        <v>55537</v>
      </c>
      <c r="E34" s="544">
        <v>17953</v>
      </c>
      <c r="F34" s="544">
        <v>797</v>
      </c>
      <c r="G34" s="554">
        <v>85816</v>
      </c>
      <c r="H34" s="555">
        <v>12027</v>
      </c>
      <c r="I34" s="555">
        <v>55428</v>
      </c>
      <c r="J34" s="555">
        <v>17564</v>
      </c>
      <c r="K34" s="555">
        <v>797</v>
      </c>
      <c r="L34" s="554"/>
      <c r="M34" s="1162">
        <v>398</v>
      </c>
      <c r="N34" s="544">
        <v>-100</v>
      </c>
      <c r="O34" s="544">
        <v>109</v>
      </c>
      <c r="P34" s="544">
        <v>389</v>
      </c>
      <c r="Q34" s="536" t="s">
        <v>386</v>
      </c>
      <c r="R34" s="547">
        <v>0.5</v>
      </c>
      <c r="S34" s="548">
        <v>-0.8</v>
      </c>
      <c r="T34" s="548">
        <v>0.2</v>
      </c>
      <c r="U34" s="549">
        <v>2.2000000000000002</v>
      </c>
      <c r="V34" s="472" t="s">
        <v>384</v>
      </c>
      <c r="W34" s="548">
        <v>14</v>
      </c>
      <c r="X34" s="548">
        <v>65</v>
      </c>
      <c r="Y34" s="548">
        <v>21</v>
      </c>
      <c r="Z34" s="556">
        <v>43.66</v>
      </c>
      <c r="AA34" s="549">
        <v>150.5</v>
      </c>
    </row>
    <row r="35" spans="1:27" ht="9" customHeight="1">
      <c r="A35" s="543"/>
      <c r="B35" s="544"/>
      <c r="C35" s="544"/>
      <c r="D35" s="544"/>
      <c r="E35" s="544"/>
      <c r="F35" s="544"/>
      <c r="G35" s="545"/>
      <c r="H35" s="546"/>
      <c r="I35" s="546"/>
      <c r="J35" s="546"/>
      <c r="K35" s="546"/>
      <c r="L35" s="545"/>
      <c r="M35" s="1162"/>
      <c r="N35" s="544"/>
      <c r="O35" s="544"/>
      <c r="P35" s="544"/>
      <c r="Q35" s="536"/>
      <c r="R35" s="547"/>
      <c r="S35" s="548"/>
      <c r="T35" s="548"/>
      <c r="U35" s="549"/>
      <c r="V35" s="472"/>
      <c r="W35" s="548"/>
      <c r="X35" s="548"/>
      <c r="Y35" s="548"/>
      <c r="Z35" s="550"/>
      <c r="AA35" s="549"/>
    </row>
    <row r="36" spans="1:27" ht="12.6" customHeight="1">
      <c r="A36" s="563" t="s">
        <v>414</v>
      </c>
      <c r="B36" s="536">
        <v>343607</v>
      </c>
      <c r="C36" s="536">
        <v>40329</v>
      </c>
      <c r="D36" s="536">
        <v>205065</v>
      </c>
      <c r="E36" s="536">
        <v>96589</v>
      </c>
      <c r="F36" s="536">
        <v>1624</v>
      </c>
      <c r="G36" s="537">
        <v>345897</v>
      </c>
      <c r="H36" s="538">
        <v>41227</v>
      </c>
      <c r="I36" s="538">
        <v>207144</v>
      </c>
      <c r="J36" s="538">
        <v>95902</v>
      </c>
      <c r="K36" s="538">
        <v>1624</v>
      </c>
      <c r="L36" s="537"/>
      <c r="M36" s="1161">
        <v>-2290</v>
      </c>
      <c r="N36" s="536">
        <v>-898</v>
      </c>
      <c r="O36" s="536">
        <v>-2079</v>
      </c>
      <c r="P36" s="536">
        <v>687</v>
      </c>
      <c r="Q36" s="536" t="s">
        <v>386</v>
      </c>
      <c r="R36" s="539">
        <v>-0.7</v>
      </c>
      <c r="S36" s="540">
        <v>-2.2000000000000002</v>
      </c>
      <c r="T36" s="540">
        <v>-1</v>
      </c>
      <c r="U36" s="541">
        <v>0.7</v>
      </c>
      <c r="V36" s="464" t="s">
        <v>384</v>
      </c>
      <c r="W36" s="540">
        <v>11.8</v>
      </c>
      <c r="X36" s="540">
        <v>60</v>
      </c>
      <c r="Y36" s="540">
        <v>28.2</v>
      </c>
      <c r="Z36" s="542">
        <v>47.29</v>
      </c>
      <c r="AA36" s="541">
        <v>239.5</v>
      </c>
    </row>
    <row r="37" spans="1:27" ht="12.6" customHeight="1">
      <c r="A37" s="543" t="s">
        <v>415</v>
      </c>
      <c r="B37" s="544">
        <v>199598</v>
      </c>
      <c r="C37" s="544">
        <v>22572</v>
      </c>
      <c r="D37" s="544">
        <v>121303</v>
      </c>
      <c r="E37" s="544">
        <v>54772</v>
      </c>
      <c r="F37" s="544">
        <v>951</v>
      </c>
      <c r="G37" s="554">
        <v>201325</v>
      </c>
      <c r="H37" s="555">
        <v>23228</v>
      </c>
      <c r="I37" s="555">
        <v>122944</v>
      </c>
      <c r="J37" s="555">
        <v>54202</v>
      </c>
      <c r="K37" s="555">
        <v>951</v>
      </c>
      <c r="L37" s="554"/>
      <c r="M37" s="1162">
        <v>-1727</v>
      </c>
      <c r="N37" s="544">
        <v>-656</v>
      </c>
      <c r="O37" s="544">
        <v>-1641</v>
      </c>
      <c r="P37" s="544">
        <v>570</v>
      </c>
      <c r="Q37" s="536" t="s">
        <v>383</v>
      </c>
      <c r="R37" s="547">
        <v>-0.9</v>
      </c>
      <c r="S37" s="548">
        <v>-2.8</v>
      </c>
      <c r="T37" s="548">
        <v>-1.3</v>
      </c>
      <c r="U37" s="549">
        <v>1.1000000000000001</v>
      </c>
      <c r="V37" s="472" t="s">
        <v>388</v>
      </c>
      <c r="W37" s="548">
        <v>11.4</v>
      </c>
      <c r="X37" s="548">
        <v>61.1</v>
      </c>
      <c r="Y37" s="548">
        <v>27.6</v>
      </c>
      <c r="Z37" s="556">
        <v>46.65</v>
      </c>
      <c r="AA37" s="549">
        <v>242.7</v>
      </c>
    </row>
    <row r="38" spans="1:27" ht="12.6" customHeight="1">
      <c r="A38" s="543" t="s">
        <v>416</v>
      </c>
      <c r="B38" s="544">
        <v>81125</v>
      </c>
      <c r="C38" s="544">
        <v>10242</v>
      </c>
      <c r="D38" s="544">
        <v>48170</v>
      </c>
      <c r="E38" s="544">
        <v>22506</v>
      </c>
      <c r="F38" s="544">
        <v>207</v>
      </c>
      <c r="G38" s="554">
        <v>81163</v>
      </c>
      <c r="H38" s="555">
        <v>10338</v>
      </c>
      <c r="I38" s="555">
        <v>48082</v>
      </c>
      <c r="J38" s="555">
        <v>22536</v>
      </c>
      <c r="K38" s="555">
        <v>207</v>
      </c>
      <c r="L38" s="554"/>
      <c r="M38" s="1162">
        <v>-38</v>
      </c>
      <c r="N38" s="544">
        <v>-96</v>
      </c>
      <c r="O38" s="544">
        <v>88</v>
      </c>
      <c r="P38" s="544">
        <v>-30</v>
      </c>
      <c r="Q38" s="536" t="s">
        <v>383</v>
      </c>
      <c r="R38" s="547">
        <v>0</v>
      </c>
      <c r="S38" s="548">
        <v>-0.9</v>
      </c>
      <c r="T38" s="548">
        <v>0.2</v>
      </c>
      <c r="U38" s="549">
        <v>-0.1</v>
      </c>
      <c r="V38" s="472" t="s">
        <v>388</v>
      </c>
      <c r="W38" s="548">
        <v>12.7</v>
      </c>
      <c r="X38" s="548">
        <v>59.5</v>
      </c>
      <c r="Y38" s="548">
        <v>27.8</v>
      </c>
      <c r="Z38" s="556">
        <v>47.6</v>
      </c>
      <c r="AA38" s="549">
        <v>219.7</v>
      </c>
    </row>
    <row r="39" spans="1:27" ht="12.6" customHeight="1">
      <c r="A39" s="543" t="s">
        <v>417</v>
      </c>
      <c r="B39" s="544">
        <v>26803</v>
      </c>
      <c r="C39" s="544">
        <v>3374</v>
      </c>
      <c r="D39" s="544">
        <v>15680</v>
      </c>
      <c r="E39" s="544">
        <v>7668</v>
      </c>
      <c r="F39" s="544">
        <v>81</v>
      </c>
      <c r="G39" s="554">
        <v>26906</v>
      </c>
      <c r="H39" s="555">
        <v>3427</v>
      </c>
      <c r="I39" s="555">
        <v>15740</v>
      </c>
      <c r="J39" s="555">
        <v>7658</v>
      </c>
      <c r="K39" s="555">
        <v>81</v>
      </c>
      <c r="L39" s="554"/>
      <c r="M39" s="1162">
        <v>-103</v>
      </c>
      <c r="N39" s="544">
        <v>-53</v>
      </c>
      <c r="O39" s="544">
        <v>-60</v>
      </c>
      <c r="P39" s="544">
        <v>10</v>
      </c>
      <c r="Q39" s="536" t="s">
        <v>383</v>
      </c>
      <c r="R39" s="547">
        <v>-0.4</v>
      </c>
      <c r="S39" s="548">
        <v>-1.5</v>
      </c>
      <c r="T39" s="548">
        <v>-0.4</v>
      </c>
      <c r="U39" s="549">
        <v>0.1</v>
      </c>
      <c r="V39" s="472" t="s">
        <v>388</v>
      </c>
      <c r="W39" s="548">
        <v>12.6</v>
      </c>
      <c r="X39" s="548">
        <v>58.7</v>
      </c>
      <c r="Y39" s="548">
        <v>28.7</v>
      </c>
      <c r="Z39" s="556">
        <v>47.94</v>
      </c>
      <c r="AA39" s="549">
        <v>227.3</v>
      </c>
    </row>
    <row r="40" spans="1:27" ht="12.6" customHeight="1">
      <c r="A40" s="543" t="s">
        <v>418</v>
      </c>
      <c r="B40" s="544">
        <v>21000</v>
      </c>
      <c r="C40" s="544">
        <v>2025</v>
      </c>
      <c r="D40" s="544">
        <v>11634</v>
      </c>
      <c r="E40" s="544">
        <v>7327</v>
      </c>
      <c r="F40" s="544">
        <v>14</v>
      </c>
      <c r="G40" s="554">
        <v>21375</v>
      </c>
      <c r="H40" s="555">
        <v>2082</v>
      </c>
      <c r="I40" s="555">
        <v>12059</v>
      </c>
      <c r="J40" s="555">
        <v>7220</v>
      </c>
      <c r="K40" s="555">
        <v>14</v>
      </c>
      <c r="L40" s="554"/>
      <c r="M40" s="1162">
        <v>-375</v>
      </c>
      <c r="N40" s="544">
        <v>-57</v>
      </c>
      <c r="O40" s="544">
        <v>-425</v>
      </c>
      <c r="P40" s="544">
        <v>107</v>
      </c>
      <c r="Q40" s="536" t="s">
        <v>383</v>
      </c>
      <c r="R40" s="547">
        <v>-1.8</v>
      </c>
      <c r="S40" s="548">
        <v>-2.7</v>
      </c>
      <c r="T40" s="548">
        <v>-3.5</v>
      </c>
      <c r="U40" s="549">
        <v>1.5</v>
      </c>
      <c r="V40" s="472" t="s">
        <v>388</v>
      </c>
      <c r="W40" s="548">
        <v>9.6</v>
      </c>
      <c r="X40" s="548">
        <v>55.4</v>
      </c>
      <c r="Y40" s="548">
        <v>34.9</v>
      </c>
      <c r="Z40" s="556">
        <v>50.92</v>
      </c>
      <c r="AA40" s="549">
        <v>361.8</v>
      </c>
    </row>
    <row r="41" spans="1:27" ht="12.6" customHeight="1">
      <c r="A41" s="543" t="s">
        <v>419</v>
      </c>
      <c r="B41" s="544">
        <v>15081</v>
      </c>
      <c r="C41" s="544">
        <v>2116</v>
      </c>
      <c r="D41" s="544">
        <v>8278</v>
      </c>
      <c r="E41" s="544">
        <v>4316</v>
      </c>
      <c r="F41" s="544">
        <v>371</v>
      </c>
      <c r="G41" s="554">
        <v>15128</v>
      </c>
      <c r="H41" s="555">
        <v>2152</v>
      </c>
      <c r="I41" s="555">
        <v>8319</v>
      </c>
      <c r="J41" s="555">
        <v>4286</v>
      </c>
      <c r="K41" s="555">
        <v>371</v>
      </c>
      <c r="L41" s="554"/>
      <c r="M41" s="1162">
        <v>-47</v>
      </c>
      <c r="N41" s="544">
        <v>-36</v>
      </c>
      <c r="O41" s="544">
        <v>-41</v>
      </c>
      <c r="P41" s="544">
        <v>30</v>
      </c>
      <c r="Q41" s="536" t="s">
        <v>383</v>
      </c>
      <c r="R41" s="547">
        <v>-0.3</v>
      </c>
      <c r="S41" s="548">
        <v>-1.7</v>
      </c>
      <c r="T41" s="548">
        <v>-0.5</v>
      </c>
      <c r="U41" s="549">
        <v>0.7</v>
      </c>
      <c r="V41" s="472" t="s">
        <v>388</v>
      </c>
      <c r="W41" s="548">
        <v>14.4</v>
      </c>
      <c r="X41" s="548">
        <v>56.3</v>
      </c>
      <c r="Y41" s="548">
        <v>29.3</v>
      </c>
      <c r="Z41" s="556">
        <v>47.75</v>
      </c>
      <c r="AA41" s="549">
        <v>204</v>
      </c>
    </row>
    <row r="42" spans="1:27" ht="9" customHeight="1">
      <c r="A42" s="543"/>
      <c r="B42" s="544"/>
      <c r="C42" s="544"/>
      <c r="D42" s="544"/>
      <c r="E42" s="544"/>
      <c r="F42" s="544"/>
      <c r="G42" s="545"/>
      <c r="H42" s="546"/>
      <c r="I42" s="546"/>
      <c r="J42" s="546"/>
      <c r="K42" s="546"/>
      <c r="L42" s="545"/>
      <c r="M42" s="1162"/>
      <c r="N42" s="544"/>
      <c r="O42" s="544"/>
      <c r="P42" s="544"/>
      <c r="Q42" s="536"/>
      <c r="R42" s="547"/>
      <c r="S42" s="548"/>
      <c r="T42" s="548"/>
      <c r="U42" s="549"/>
      <c r="V42" s="472"/>
      <c r="W42" s="548"/>
      <c r="X42" s="548"/>
      <c r="Y42" s="548"/>
      <c r="Z42" s="550"/>
      <c r="AA42" s="549"/>
    </row>
    <row r="43" spans="1:27" ht="12.6" customHeight="1">
      <c r="A43" s="563" t="s">
        <v>420</v>
      </c>
      <c r="B43" s="536">
        <v>792318</v>
      </c>
      <c r="C43" s="536">
        <v>98593</v>
      </c>
      <c r="D43" s="536">
        <v>508504</v>
      </c>
      <c r="E43" s="536">
        <v>178785</v>
      </c>
      <c r="F43" s="536">
        <v>6436</v>
      </c>
      <c r="G43" s="537">
        <v>790520</v>
      </c>
      <c r="H43" s="538">
        <v>99644</v>
      </c>
      <c r="I43" s="538">
        <v>509334</v>
      </c>
      <c r="J43" s="538">
        <v>175106</v>
      </c>
      <c r="K43" s="538">
        <v>6436</v>
      </c>
      <c r="L43" s="537"/>
      <c r="M43" s="1161">
        <v>1798</v>
      </c>
      <c r="N43" s="536">
        <v>-1051</v>
      </c>
      <c r="O43" s="536">
        <v>-830</v>
      </c>
      <c r="P43" s="536">
        <v>3679</v>
      </c>
      <c r="Q43" s="536" t="s">
        <v>383</v>
      </c>
      <c r="R43" s="539">
        <v>0.2</v>
      </c>
      <c r="S43" s="540">
        <v>-1.1000000000000001</v>
      </c>
      <c r="T43" s="540">
        <v>-0.2</v>
      </c>
      <c r="U43" s="541">
        <v>2.1</v>
      </c>
      <c r="V43" s="464" t="s">
        <v>388</v>
      </c>
      <c r="W43" s="540">
        <v>12.5</v>
      </c>
      <c r="X43" s="540">
        <v>64.7</v>
      </c>
      <c r="Y43" s="540">
        <v>22.7</v>
      </c>
      <c r="Z43" s="542">
        <v>44.44</v>
      </c>
      <c r="AA43" s="541">
        <v>181.3</v>
      </c>
    </row>
    <row r="44" spans="1:27" ht="12.6" customHeight="1">
      <c r="A44" s="543" t="s">
        <v>421</v>
      </c>
      <c r="B44" s="544">
        <v>361755</v>
      </c>
      <c r="C44" s="564">
        <v>44175</v>
      </c>
      <c r="D44" s="564">
        <v>231494</v>
      </c>
      <c r="E44" s="564">
        <v>82731</v>
      </c>
      <c r="F44" s="564">
        <v>3355</v>
      </c>
      <c r="G44" s="554">
        <v>361233</v>
      </c>
      <c r="H44" s="555">
        <v>44699</v>
      </c>
      <c r="I44" s="555">
        <v>232181</v>
      </c>
      <c r="J44" s="555">
        <v>80998</v>
      </c>
      <c r="K44" s="555">
        <v>3355</v>
      </c>
      <c r="L44" s="554"/>
      <c r="M44" s="1162">
        <v>522</v>
      </c>
      <c r="N44" s="544">
        <v>-524</v>
      </c>
      <c r="O44" s="544">
        <v>-687</v>
      </c>
      <c r="P44" s="544">
        <v>1733</v>
      </c>
      <c r="Q44" s="536" t="s">
        <v>383</v>
      </c>
      <c r="R44" s="547">
        <v>0.1</v>
      </c>
      <c r="S44" s="548">
        <v>-1.2</v>
      </c>
      <c r="T44" s="548">
        <v>-0.3</v>
      </c>
      <c r="U44" s="549">
        <v>2.1</v>
      </c>
      <c r="V44" s="472" t="s">
        <v>388</v>
      </c>
      <c r="W44" s="548">
        <v>12.3</v>
      </c>
      <c r="X44" s="548">
        <v>64.599999999999994</v>
      </c>
      <c r="Y44" s="548">
        <v>23.1</v>
      </c>
      <c r="Z44" s="556">
        <v>44.64</v>
      </c>
      <c r="AA44" s="549">
        <v>187.3</v>
      </c>
    </row>
    <row r="45" spans="1:27" ht="12.6" customHeight="1">
      <c r="A45" s="553" t="s">
        <v>400</v>
      </c>
      <c r="B45" s="544">
        <v>86859</v>
      </c>
      <c r="C45" s="544">
        <v>10286</v>
      </c>
      <c r="D45" s="544">
        <v>54304</v>
      </c>
      <c r="E45" s="544">
        <v>21554</v>
      </c>
      <c r="F45" s="544">
        <v>715</v>
      </c>
      <c r="G45" s="554">
        <v>87177</v>
      </c>
      <c r="H45" s="555">
        <v>10556</v>
      </c>
      <c r="I45" s="555">
        <v>54875</v>
      </c>
      <c r="J45" s="555">
        <v>21031</v>
      </c>
      <c r="K45" s="555">
        <v>715</v>
      </c>
      <c r="L45" s="554"/>
      <c r="M45" s="1162">
        <v>-318</v>
      </c>
      <c r="N45" s="544">
        <v>-270</v>
      </c>
      <c r="O45" s="544">
        <v>-571</v>
      </c>
      <c r="P45" s="544">
        <v>523</v>
      </c>
      <c r="Q45" s="536" t="s">
        <v>188</v>
      </c>
      <c r="R45" s="547">
        <v>-0.4</v>
      </c>
      <c r="S45" s="548">
        <v>-2.6</v>
      </c>
      <c r="T45" s="548">
        <v>-1</v>
      </c>
      <c r="U45" s="549">
        <v>2.5</v>
      </c>
      <c r="V45" s="472" t="s">
        <v>388</v>
      </c>
      <c r="W45" s="548">
        <v>11.9</v>
      </c>
      <c r="X45" s="548">
        <v>63</v>
      </c>
      <c r="Y45" s="548">
        <v>25</v>
      </c>
      <c r="Z45" s="556">
        <v>45.43</v>
      </c>
      <c r="AA45" s="549">
        <v>209.5</v>
      </c>
    </row>
    <row r="46" spans="1:27" ht="12.6" customHeight="1">
      <c r="A46" s="553" t="s">
        <v>422</v>
      </c>
      <c r="B46" s="544">
        <v>136573</v>
      </c>
      <c r="C46" s="544">
        <v>17328</v>
      </c>
      <c r="D46" s="544">
        <v>88690</v>
      </c>
      <c r="E46" s="544">
        <v>29469</v>
      </c>
      <c r="F46" s="544">
        <v>1086</v>
      </c>
      <c r="G46" s="554">
        <v>136191</v>
      </c>
      <c r="H46" s="555">
        <v>17518</v>
      </c>
      <c r="I46" s="555">
        <v>88766</v>
      </c>
      <c r="J46" s="555">
        <v>28821</v>
      </c>
      <c r="K46" s="555">
        <v>1086</v>
      </c>
      <c r="L46" s="554"/>
      <c r="M46" s="1162">
        <v>382</v>
      </c>
      <c r="N46" s="544">
        <v>-190</v>
      </c>
      <c r="O46" s="544">
        <v>-76</v>
      </c>
      <c r="P46" s="544">
        <v>648</v>
      </c>
      <c r="Q46" s="536" t="s">
        <v>188</v>
      </c>
      <c r="R46" s="547">
        <v>0.3</v>
      </c>
      <c r="S46" s="548">
        <v>-1.1000000000000001</v>
      </c>
      <c r="T46" s="548">
        <v>-0.1</v>
      </c>
      <c r="U46" s="549">
        <v>2.2000000000000002</v>
      </c>
      <c r="V46" s="472" t="s">
        <v>388</v>
      </c>
      <c r="W46" s="548">
        <v>12.8</v>
      </c>
      <c r="X46" s="548">
        <v>65.5</v>
      </c>
      <c r="Y46" s="548">
        <v>21.8</v>
      </c>
      <c r="Z46" s="556">
        <v>43.9</v>
      </c>
      <c r="AA46" s="549">
        <v>170.1</v>
      </c>
    </row>
    <row r="47" spans="1:27" ht="12.6" customHeight="1">
      <c r="A47" s="553" t="s">
        <v>392</v>
      </c>
      <c r="B47" s="544">
        <v>138323</v>
      </c>
      <c r="C47" s="544">
        <v>16561</v>
      </c>
      <c r="D47" s="544">
        <v>88500</v>
      </c>
      <c r="E47" s="544">
        <v>31708</v>
      </c>
      <c r="F47" s="544">
        <v>1554</v>
      </c>
      <c r="G47" s="554">
        <v>137865</v>
      </c>
      <c r="H47" s="555">
        <v>16625</v>
      </c>
      <c r="I47" s="555">
        <v>88540</v>
      </c>
      <c r="J47" s="555">
        <v>31146</v>
      </c>
      <c r="K47" s="555">
        <v>1554</v>
      </c>
      <c r="L47" s="554"/>
      <c r="M47" s="1162">
        <v>458</v>
      </c>
      <c r="N47" s="544">
        <v>-64</v>
      </c>
      <c r="O47" s="544">
        <v>-40</v>
      </c>
      <c r="P47" s="544">
        <v>562</v>
      </c>
      <c r="Q47" s="536" t="s">
        <v>188</v>
      </c>
      <c r="R47" s="547">
        <v>0.3</v>
      </c>
      <c r="S47" s="548">
        <v>-0.4</v>
      </c>
      <c r="T47" s="548">
        <v>0</v>
      </c>
      <c r="U47" s="549">
        <v>1.8</v>
      </c>
      <c r="V47" s="472" t="s">
        <v>388</v>
      </c>
      <c r="W47" s="548">
        <v>12.1</v>
      </c>
      <c r="X47" s="548">
        <v>64.7</v>
      </c>
      <c r="Y47" s="548">
        <v>23.2</v>
      </c>
      <c r="Z47" s="556">
        <v>44.87</v>
      </c>
      <c r="AA47" s="549">
        <v>191.5</v>
      </c>
    </row>
    <row r="48" spans="1:27" ht="12.6" customHeight="1">
      <c r="A48" s="543" t="s">
        <v>423</v>
      </c>
      <c r="B48" s="544">
        <v>116731</v>
      </c>
      <c r="C48" s="544">
        <v>14286</v>
      </c>
      <c r="D48" s="544">
        <v>76388</v>
      </c>
      <c r="E48" s="544">
        <v>25443</v>
      </c>
      <c r="F48" s="544">
        <v>614</v>
      </c>
      <c r="G48" s="554">
        <v>116463</v>
      </c>
      <c r="H48" s="555">
        <v>14506</v>
      </c>
      <c r="I48" s="555">
        <v>76505</v>
      </c>
      <c r="J48" s="555">
        <v>24838</v>
      </c>
      <c r="K48" s="555">
        <v>614</v>
      </c>
      <c r="L48" s="554"/>
      <c r="M48" s="1162">
        <v>268</v>
      </c>
      <c r="N48" s="544">
        <v>-220</v>
      </c>
      <c r="O48" s="544">
        <v>-117</v>
      </c>
      <c r="P48" s="544">
        <v>605</v>
      </c>
      <c r="Q48" s="536" t="s">
        <v>383</v>
      </c>
      <c r="R48" s="547">
        <v>0.2</v>
      </c>
      <c r="S48" s="548">
        <v>-1.5</v>
      </c>
      <c r="T48" s="548">
        <v>-0.2</v>
      </c>
      <c r="U48" s="549">
        <v>2.4</v>
      </c>
      <c r="V48" s="472" t="s">
        <v>388</v>
      </c>
      <c r="W48" s="548">
        <v>12.3</v>
      </c>
      <c r="X48" s="548">
        <v>65.8</v>
      </c>
      <c r="Y48" s="548">
        <v>21.9</v>
      </c>
      <c r="Z48" s="556">
        <v>43.81</v>
      </c>
      <c r="AA48" s="549">
        <v>178.1</v>
      </c>
    </row>
    <row r="49" spans="1:27" ht="12.6" customHeight="1">
      <c r="A49" s="543" t="s">
        <v>424</v>
      </c>
      <c r="B49" s="544">
        <v>117682</v>
      </c>
      <c r="C49" s="544">
        <v>15221</v>
      </c>
      <c r="D49" s="544">
        <v>76615</v>
      </c>
      <c r="E49" s="544">
        <v>24996</v>
      </c>
      <c r="F49" s="544">
        <v>850</v>
      </c>
      <c r="G49" s="554">
        <v>117175</v>
      </c>
      <c r="H49" s="555">
        <v>15237</v>
      </c>
      <c r="I49" s="555">
        <v>76501</v>
      </c>
      <c r="J49" s="555">
        <v>24587</v>
      </c>
      <c r="K49" s="555">
        <v>850</v>
      </c>
      <c r="L49" s="554"/>
      <c r="M49" s="1162">
        <v>507</v>
      </c>
      <c r="N49" s="544">
        <v>-16</v>
      </c>
      <c r="O49" s="544">
        <v>114</v>
      </c>
      <c r="P49" s="544">
        <v>409</v>
      </c>
      <c r="Q49" s="536" t="s">
        <v>383</v>
      </c>
      <c r="R49" s="547">
        <v>0.4</v>
      </c>
      <c r="S49" s="548">
        <v>-0.1</v>
      </c>
      <c r="T49" s="548">
        <v>0.1</v>
      </c>
      <c r="U49" s="549">
        <v>1.7</v>
      </c>
      <c r="V49" s="472" t="s">
        <v>388</v>
      </c>
      <c r="W49" s="548">
        <v>13</v>
      </c>
      <c r="X49" s="548">
        <v>65.599999999999994</v>
      </c>
      <c r="Y49" s="548">
        <v>21.4</v>
      </c>
      <c r="Z49" s="556">
        <v>43.95</v>
      </c>
      <c r="AA49" s="549">
        <v>164.2</v>
      </c>
    </row>
    <row r="50" spans="1:27" ht="12.6" customHeight="1">
      <c r="A50" s="543" t="s">
        <v>425</v>
      </c>
      <c r="B50" s="544">
        <v>66137</v>
      </c>
      <c r="C50" s="544">
        <v>8962</v>
      </c>
      <c r="D50" s="544">
        <v>42111</v>
      </c>
      <c r="E50" s="544">
        <v>14751</v>
      </c>
      <c r="F50" s="544">
        <v>313</v>
      </c>
      <c r="G50" s="554">
        <v>65711</v>
      </c>
      <c r="H50" s="555">
        <v>9046</v>
      </c>
      <c r="I50" s="555">
        <v>41891</v>
      </c>
      <c r="J50" s="555">
        <v>14461</v>
      </c>
      <c r="K50" s="555">
        <v>313</v>
      </c>
      <c r="L50" s="554"/>
      <c r="M50" s="1162">
        <v>426</v>
      </c>
      <c r="N50" s="544">
        <v>-84</v>
      </c>
      <c r="O50" s="544">
        <v>220</v>
      </c>
      <c r="P50" s="544">
        <v>290</v>
      </c>
      <c r="Q50" s="536" t="s">
        <v>383</v>
      </c>
      <c r="R50" s="547">
        <v>0.6</v>
      </c>
      <c r="S50" s="548">
        <v>-0.9</v>
      </c>
      <c r="T50" s="548">
        <v>0.5</v>
      </c>
      <c r="U50" s="549">
        <v>2</v>
      </c>
      <c r="V50" s="472" t="s">
        <v>388</v>
      </c>
      <c r="W50" s="548">
        <v>13.6</v>
      </c>
      <c r="X50" s="548">
        <v>64</v>
      </c>
      <c r="Y50" s="548">
        <v>22.4</v>
      </c>
      <c r="Z50" s="556">
        <v>44</v>
      </c>
      <c r="AA50" s="549">
        <v>164.6</v>
      </c>
    </row>
    <row r="51" spans="1:27" ht="12.6" customHeight="1">
      <c r="A51" s="543" t="s">
        <v>426</v>
      </c>
      <c r="B51" s="544">
        <v>64708</v>
      </c>
      <c r="C51" s="544">
        <v>7760</v>
      </c>
      <c r="D51" s="544">
        <v>41943</v>
      </c>
      <c r="E51" s="544">
        <v>14448</v>
      </c>
      <c r="F51" s="544">
        <v>557</v>
      </c>
      <c r="G51" s="554">
        <v>64569</v>
      </c>
      <c r="H51" s="555">
        <v>7848</v>
      </c>
      <c r="I51" s="555">
        <v>42017</v>
      </c>
      <c r="J51" s="555">
        <v>14147</v>
      </c>
      <c r="K51" s="555">
        <v>557</v>
      </c>
      <c r="L51" s="554"/>
      <c r="M51" s="1162">
        <v>139</v>
      </c>
      <c r="N51" s="544">
        <v>-88</v>
      </c>
      <c r="O51" s="544">
        <v>-74</v>
      </c>
      <c r="P51" s="544">
        <v>301</v>
      </c>
      <c r="Q51" s="536" t="s">
        <v>383</v>
      </c>
      <c r="R51" s="547">
        <v>0.2</v>
      </c>
      <c r="S51" s="548">
        <v>-1.1000000000000001</v>
      </c>
      <c r="T51" s="548">
        <v>-0.2</v>
      </c>
      <c r="U51" s="549">
        <v>2.1</v>
      </c>
      <c r="V51" s="472" t="s">
        <v>388</v>
      </c>
      <c r="W51" s="548">
        <v>12.1</v>
      </c>
      <c r="X51" s="548">
        <v>65.400000000000006</v>
      </c>
      <c r="Y51" s="548">
        <v>22.5</v>
      </c>
      <c r="Z51" s="556">
        <v>44.8</v>
      </c>
      <c r="AA51" s="549">
        <v>186.2</v>
      </c>
    </row>
    <row r="52" spans="1:27" ht="12.6" customHeight="1">
      <c r="A52" s="543" t="s">
        <v>427</v>
      </c>
      <c r="B52" s="544">
        <v>42850</v>
      </c>
      <c r="C52" s="544">
        <v>5779</v>
      </c>
      <c r="D52" s="544">
        <v>26354</v>
      </c>
      <c r="E52" s="544">
        <v>10480</v>
      </c>
      <c r="F52" s="544">
        <v>237</v>
      </c>
      <c r="G52" s="554">
        <v>42838</v>
      </c>
      <c r="H52" s="555">
        <v>5845</v>
      </c>
      <c r="I52" s="555">
        <v>26455</v>
      </c>
      <c r="J52" s="555">
        <v>10301</v>
      </c>
      <c r="K52" s="555">
        <v>237</v>
      </c>
      <c r="L52" s="554"/>
      <c r="M52" s="1162">
        <v>12</v>
      </c>
      <c r="N52" s="544">
        <v>-66</v>
      </c>
      <c r="O52" s="544">
        <v>-101</v>
      </c>
      <c r="P52" s="544">
        <v>179</v>
      </c>
      <c r="Q52" s="536" t="s">
        <v>383</v>
      </c>
      <c r="R52" s="547">
        <v>0</v>
      </c>
      <c r="S52" s="548">
        <v>-1.1000000000000001</v>
      </c>
      <c r="T52" s="548">
        <v>-0.4</v>
      </c>
      <c r="U52" s="549">
        <v>1.7</v>
      </c>
      <c r="V52" s="472" t="s">
        <v>388</v>
      </c>
      <c r="W52" s="548">
        <v>13.6</v>
      </c>
      <c r="X52" s="548">
        <v>61.8</v>
      </c>
      <c r="Y52" s="548">
        <v>24.6</v>
      </c>
      <c r="Z52" s="556">
        <v>44.71</v>
      </c>
      <c r="AA52" s="549">
        <v>181.3</v>
      </c>
    </row>
    <row r="53" spans="1:27" ht="12.6" customHeight="1">
      <c r="A53" s="543" t="s">
        <v>428</v>
      </c>
      <c r="B53" s="544">
        <v>20848</v>
      </c>
      <c r="C53" s="544">
        <v>2260</v>
      </c>
      <c r="D53" s="544">
        <v>12674</v>
      </c>
      <c r="E53" s="544">
        <v>5407</v>
      </c>
      <c r="F53" s="544">
        <v>507</v>
      </c>
      <c r="G53" s="554">
        <v>20894</v>
      </c>
      <c r="H53" s="555">
        <v>2309</v>
      </c>
      <c r="I53" s="555">
        <v>12816</v>
      </c>
      <c r="J53" s="555">
        <v>5262</v>
      </c>
      <c r="K53" s="555">
        <v>507</v>
      </c>
      <c r="L53" s="554"/>
      <c r="M53" s="1162">
        <v>-46</v>
      </c>
      <c r="N53" s="544">
        <v>-49</v>
      </c>
      <c r="O53" s="544">
        <v>-142</v>
      </c>
      <c r="P53" s="544">
        <v>145</v>
      </c>
      <c r="Q53" s="536" t="s">
        <v>383</v>
      </c>
      <c r="R53" s="547">
        <v>-0.2</v>
      </c>
      <c r="S53" s="548">
        <v>-2.1</v>
      </c>
      <c r="T53" s="548">
        <v>-1.1000000000000001</v>
      </c>
      <c r="U53" s="549">
        <v>2.8</v>
      </c>
      <c r="V53" s="472" t="s">
        <v>388</v>
      </c>
      <c r="W53" s="548">
        <v>11.1</v>
      </c>
      <c r="X53" s="548">
        <v>62.3</v>
      </c>
      <c r="Y53" s="548">
        <v>26.6</v>
      </c>
      <c r="Z53" s="556">
        <v>46.45</v>
      </c>
      <c r="AA53" s="549">
        <v>239.2</v>
      </c>
    </row>
    <row r="54" spans="1:27" ht="12.6" customHeight="1">
      <c r="A54" s="543" t="s">
        <v>429</v>
      </c>
      <c r="B54" s="544">
        <v>1607</v>
      </c>
      <c r="C54" s="544">
        <v>150</v>
      </c>
      <c r="D54" s="544">
        <v>925</v>
      </c>
      <c r="E54" s="544">
        <v>529</v>
      </c>
      <c r="F54" s="544">
        <v>3</v>
      </c>
      <c r="G54" s="554">
        <v>1637</v>
      </c>
      <c r="H54" s="555">
        <v>154</v>
      </c>
      <c r="I54" s="555">
        <v>968</v>
      </c>
      <c r="J54" s="555">
        <v>512</v>
      </c>
      <c r="K54" s="555">
        <v>3</v>
      </c>
      <c r="L54" s="554"/>
      <c r="M54" s="1162">
        <v>-30</v>
      </c>
      <c r="N54" s="544">
        <v>-4</v>
      </c>
      <c r="O54" s="544">
        <v>-43</v>
      </c>
      <c r="P54" s="544">
        <v>17</v>
      </c>
      <c r="Q54" s="536" t="s">
        <v>383</v>
      </c>
      <c r="R54" s="547">
        <v>-1.8</v>
      </c>
      <c r="S54" s="548">
        <v>-2.6</v>
      </c>
      <c r="T54" s="548">
        <v>-4.4000000000000004</v>
      </c>
      <c r="U54" s="549">
        <v>3.3</v>
      </c>
      <c r="V54" s="472" t="s">
        <v>388</v>
      </c>
      <c r="W54" s="548">
        <v>9.4</v>
      </c>
      <c r="X54" s="548">
        <v>57.7</v>
      </c>
      <c r="Y54" s="548">
        <v>33</v>
      </c>
      <c r="Z54" s="556">
        <v>50.84</v>
      </c>
      <c r="AA54" s="549">
        <v>352.7</v>
      </c>
    </row>
    <row r="55" spans="1:27" ht="9" customHeight="1">
      <c r="A55" s="543"/>
      <c r="B55" s="544"/>
      <c r="C55" s="544"/>
      <c r="D55" s="544"/>
      <c r="E55" s="544"/>
      <c r="F55" s="544"/>
      <c r="G55" s="545"/>
      <c r="H55" s="546"/>
      <c r="I55" s="546"/>
      <c r="J55" s="546"/>
      <c r="K55" s="546"/>
      <c r="L55" s="545"/>
      <c r="M55" s="1162"/>
      <c r="N55" s="544"/>
      <c r="O55" s="544"/>
      <c r="P55" s="544"/>
      <c r="Q55" s="536"/>
      <c r="R55" s="547"/>
      <c r="S55" s="548"/>
      <c r="T55" s="548"/>
      <c r="U55" s="549"/>
      <c r="V55" s="472"/>
      <c r="W55" s="548"/>
      <c r="X55" s="548"/>
      <c r="Y55" s="548"/>
      <c r="Z55" s="550"/>
      <c r="AA55" s="549"/>
    </row>
    <row r="56" spans="1:27" ht="12.6" customHeight="1">
      <c r="A56" s="563" t="s">
        <v>430</v>
      </c>
      <c r="B56" s="536">
        <v>649116</v>
      </c>
      <c r="C56" s="536">
        <v>83919</v>
      </c>
      <c r="D56" s="536">
        <v>408079</v>
      </c>
      <c r="E56" s="536">
        <v>153260</v>
      </c>
      <c r="F56" s="536">
        <v>3858</v>
      </c>
      <c r="G56" s="537">
        <v>648113</v>
      </c>
      <c r="H56" s="538">
        <v>84525</v>
      </c>
      <c r="I56" s="538">
        <v>409396</v>
      </c>
      <c r="J56" s="538">
        <v>150334</v>
      </c>
      <c r="K56" s="538">
        <v>3858</v>
      </c>
      <c r="L56" s="537"/>
      <c r="M56" s="1161">
        <v>1003</v>
      </c>
      <c r="N56" s="536">
        <v>-606</v>
      </c>
      <c r="O56" s="536">
        <v>-1317</v>
      </c>
      <c r="P56" s="536">
        <v>2926</v>
      </c>
      <c r="Q56" s="536" t="s">
        <v>383</v>
      </c>
      <c r="R56" s="539">
        <v>0.2</v>
      </c>
      <c r="S56" s="540">
        <v>-0.7</v>
      </c>
      <c r="T56" s="540">
        <v>-0.3</v>
      </c>
      <c r="U56" s="541">
        <v>1.9</v>
      </c>
      <c r="V56" s="464" t="s">
        <v>388</v>
      </c>
      <c r="W56" s="540">
        <v>13</v>
      </c>
      <c r="X56" s="540">
        <v>63.2</v>
      </c>
      <c r="Y56" s="540">
        <v>23.8</v>
      </c>
      <c r="Z56" s="542">
        <v>44.83</v>
      </c>
      <c r="AA56" s="541">
        <v>182.6</v>
      </c>
    </row>
    <row r="57" spans="1:27" ht="12.6" customHeight="1">
      <c r="A57" s="543" t="s">
        <v>431</v>
      </c>
      <c r="B57" s="544">
        <v>129542</v>
      </c>
      <c r="C57" s="544">
        <v>15786</v>
      </c>
      <c r="D57" s="544">
        <v>81106</v>
      </c>
      <c r="E57" s="544">
        <v>31480</v>
      </c>
      <c r="F57" s="544">
        <v>1170</v>
      </c>
      <c r="G57" s="554">
        <v>129467</v>
      </c>
      <c r="H57" s="555">
        <v>15859</v>
      </c>
      <c r="I57" s="555">
        <v>81566</v>
      </c>
      <c r="J57" s="555">
        <v>30872</v>
      </c>
      <c r="K57" s="555">
        <v>1170</v>
      </c>
      <c r="L57" s="554"/>
      <c r="M57" s="1162">
        <v>75</v>
      </c>
      <c r="N57" s="544">
        <v>-73</v>
      </c>
      <c r="O57" s="544">
        <v>-460</v>
      </c>
      <c r="P57" s="544">
        <v>608</v>
      </c>
      <c r="Q57" s="536" t="s">
        <v>383</v>
      </c>
      <c r="R57" s="547">
        <v>0.1</v>
      </c>
      <c r="S57" s="548">
        <v>-0.5</v>
      </c>
      <c r="T57" s="548">
        <v>-0.6</v>
      </c>
      <c r="U57" s="549">
        <v>2</v>
      </c>
      <c r="V57" s="472" t="s">
        <v>388</v>
      </c>
      <c r="W57" s="548">
        <v>12.3</v>
      </c>
      <c r="X57" s="548">
        <v>63.2</v>
      </c>
      <c r="Y57" s="548">
        <v>24.5</v>
      </c>
      <c r="Z57" s="556">
        <v>45.37</v>
      </c>
      <c r="AA57" s="549">
        <v>199.4</v>
      </c>
    </row>
    <row r="58" spans="1:27" ht="12.6" customHeight="1">
      <c r="A58" s="543" t="s">
        <v>432</v>
      </c>
      <c r="B58" s="544">
        <v>212261</v>
      </c>
      <c r="C58" s="544">
        <v>29338</v>
      </c>
      <c r="D58" s="544">
        <v>137006</v>
      </c>
      <c r="E58" s="544">
        <v>45760</v>
      </c>
      <c r="F58" s="544">
        <v>157</v>
      </c>
      <c r="G58" s="554">
        <v>211512</v>
      </c>
      <c r="H58" s="555">
        <v>29451</v>
      </c>
      <c r="I58" s="555">
        <v>136969</v>
      </c>
      <c r="J58" s="555">
        <v>44935</v>
      </c>
      <c r="K58" s="555">
        <v>157</v>
      </c>
      <c r="L58" s="554"/>
      <c r="M58" s="1162">
        <v>749</v>
      </c>
      <c r="N58" s="544">
        <v>-113</v>
      </c>
      <c r="O58" s="544">
        <v>37</v>
      </c>
      <c r="P58" s="544">
        <v>825</v>
      </c>
      <c r="Q58" s="536" t="s">
        <v>383</v>
      </c>
      <c r="R58" s="547">
        <v>0.4</v>
      </c>
      <c r="S58" s="548">
        <v>-0.4</v>
      </c>
      <c r="T58" s="548">
        <v>0</v>
      </c>
      <c r="U58" s="549">
        <v>1.8</v>
      </c>
      <c r="V58" s="472" t="s">
        <v>388</v>
      </c>
      <c r="W58" s="548">
        <v>13.8</v>
      </c>
      <c r="X58" s="548">
        <v>64.599999999999994</v>
      </c>
      <c r="Y58" s="548">
        <v>21.6</v>
      </c>
      <c r="Z58" s="556">
        <v>43.78</v>
      </c>
      <c r="AA58" s="549">
        <v>156</v>
      </c>
    </row>
    <row r="59" spans="1:27" ht="12.6" customHeight="1">
      <c r="A59" s="543" t="s">
        <v>433</v>
      </c>
      <c r="B59" s="544">
        <v>117421</v>
      </c>
      <c r="C59" s="544">
        <v>16273</v>
      </c>
      <c r="D59" s="544">
        <v>73108</v>
      </c>
      <c r="E59" s="544">
        <v>27528</v>
      </c>
      <c r="F59" s="544">
        <v>512</v>
      </c>
      <c r="G59" s="554">
        <v>117073</v>
      </c>
      <c r="H59" s="555">
        <v>16382</v>
      </c>
      <c r="I59" s="555">
        <v>73120</v>
      </c>
      <c r="J59" s="555">
        <v>27059</v>
      </c>
      <c r="K59" s="555">
        <v>512</v>
      </c>
      <c r="L59" s="554"/>
      <c r="M59" s="1162">
        <v>348</v>
      </c>
      <c r="N59" s="544">
        <v>-109</v>
      </c>
      <c r="O59" s="544">
        <v>-12</v>
      </c>
      <c r="P59" s="544">
        <v>469</v>
      </c>
      <c r="Q59" s="536" t="s">
        <v>383</v>
      </c>
      <c r="R59" s="547">
        <v>0.3</v>
      </c>
      <c r="S59" s="548">
        <v>-0.7</v>
      </c>
      <c r="T59" s="548">
        <v>0</v>
      </c>
      <c r="U59" s="549">
        <v>1.7</v>
      </c>
      <c r="V59" s="472" t="s">
        <v>388</v>
      </c>
      <c r="W59" s="548">
        <v>13.9</v>
      </c>
      <c r="X59" s="548">
        <v>62.5</v>
      </c>
      <c r="Y59" s="548">
        <v>23.5</v>
      </c>
      <c r="Z59" s="556">
        <v>44.85</v>
      </c>
      <c r="AA59" s="549">
        <v>169.2</v>
      </c>
    </row>
    <row r="60" spans="1:27" ht="12.6" customHeight="1">
      <c r="A60" s="543" t="s">
        <v>434</v>
      </c>
      <c r="B60" s="544">
        <v>84932</v>
      </c>
      <c r="C60" s="544">
        <v>9694</v>
      </c>
      <c r="D60" s="544">
        <v>52306</v>
      </c>
      <c r="E60" s="544">
        <v>21745</v>
      </c>
      <c r="F60" s="544">
        <v>1187</v>
      </c>
      <c r="G60" s="554">
        <v>85175</v>
      </c>
      <c r="H60" s="555">
        <v>9881</v>
      </c>
      <c r="I60" s="555">
        <v>52921</v>
      </c>
      <c r="J60" s="555">
        <v>21186</v>
      </c>
      <c r="K60" s="555">
        <v>1187</v>
      </c>
      <c r="L60" s="554"/>
      <c r="M60" s="1162">
        <v>-243</v>
      </c>
      <c r="N60" s="544">
        <v>-187</v>
      </c>
      <c r="O60" s="544">
        <v>-615</v>
      </c>
      <c r="P60" s="544">
        <v>559</v>
      </c>
      <c r="Q60" s="536" t="s">
        <v>383</v>
      </c>
      <c r="R60" s="547">
        <v>-0.3</v>
      </c>
      <c r="S60" s="548">
        <v>-1.9</v>
      </c>
      <c r="T60" s="548">
        <v>-1.2</v>
      </c>
      <c r="U60" s="549">
        <v>2.6</v>
      </c>
      <c r="V60" s="472" t="s">
        <v>388</v>
      </c>
      <c r="W60" s="548">
        <v>11.6</v>
      </c>
      <c r="X60" s="548">
        <v>62.5</v>
      </c>
      <c r="Y60" s="548">
        <v>26</v>
      </c>
      <c r="Z60" s="556">
        <v>45.55</v>
      </c>
      <c r="AA60" s="549">
        <v>224.3</v>
      </c>
    </row>
    <row r="61" spans="1:27" ht="12.6" customHeight="1">
      <c r="A61" s="543" t="s">
        <v>435</v>
      </c>
      <c r="B61" s="544">
        <v>51690</v>
      </c>
      <c r="C61" s="544">
        <v>6242</v>
      </c>
      <c r="D61" s="544">
        <v>33230</v>
      </c>
      <c r="E61" s="544">
        <v>11849</v>
      </c>
      <c r="F61" s="544">
        <v>369</v>
      </c>
      <c r="G61" s="554">
        <v>51554</v>
      </c>
      <c r="H61" s="555">
        <v>6350</v>
      </c>
      <c r="I61" s="555">
        <v>33214</v>
      </c>
      <c r="J61" s="555">
        <v>11621</v>
      </c>
      <c r="K61" s="555">
        <v>369</v>
      </c>
      <c r="L61" s="554"/>
      <c r="M61" s="1162">
        <v>136</v>
      </c>
      <c r="N61" s="544">
        <v>-108</v>
      </c>
      <c r="O61" s="544">
        <v>16</v>
      </c>
      <c r="P61" s="544">
        <v>228</v>
      </c>
      <c r="Q61" s="536" t="s">
        <v>383</v>
      </c>
      <c r="R61" s="547">
        <v>0.3</v>
      </c>
      <c r="S61" s="548">
        <v>-1.7</v>
      </c>
      <c r="T61" s="548">
        <v>0</v>
      </c>
      <c r="U61" s="549">
        <v>2</v>
      </c>
      <c r="V61" s="472" t="s">
        <v>388</v>
      </c>
      <c r="W61" s="548">
        <v>12.2</v>
      </c>
      <c r="X61" s="548">
        <v>64.7</v>
      </c>
      <c r="Y61" s="548">
        <v>23.1</v>
      </c>
      <c r="Z61" s="556">
        <v>44.46</v>
      </c>
      <c r="AA61" s="549">
        <v>189.8</v>
      </c>
    </row>
    <row r="62" spans="1:27" ht="12.6" customHeight="1">
      <c r="A62" s="543" t="s">
        <v>436</v>
      </c>
      <c r="B62" s="544">
        <v>24397</v>
      </c>
      <c r="C62" s="544">
        <v>3294</v>
      </c>
      <c r="D62" s="544">
        <v>15084</v>
      </c>
      <c r="E62" s="544">
        <v>5945</v>
      </c>
      <c r="F62" s="544">
        <v>74</v>
      </c>
      <c r="G62" s="554">
        <v>24393</v>
      </c>
      <c r="H62" s="555">
        <v>3293</v>
      </c>
      <c r="I62" s="555">
        <v>15229</v>
      </c>
      <c r="J62" s="555">
        <v>5797</v>
      </c>
      <c r="K62" s="555">
        <v>74</v>
      </c>
      <c r="L62" s="554"/>
      <c r="M62" s="1162">
        <v>4</v>
      </c>
      <c r="N62" s="544">
        <v>1</v>
      </c>
      <c r="O62" s="544">
        <v>-145</v>
      </c>
      <c r="P62" s="544">
        <v>148</v>
      </c>
      <c r="Q62" s="536" t="s">
        <v>383</v>
      </c>
      <c r="R62" s="547">
        <v>0</v>
      </c>
      <c r="S62" s="548">
        <v>0</v>
      </c>
      <c r="T62" s="548">
        <v>-1</v>
      </c>
      <c r="U62" s="549">
        <v>2.6</v>
      </c>
      <c r="V62" s="472" t="s">
        <v>388</v>
      </c>
      <c r="W62" s="548">
        <v>13.5</v>
      </c>
      <c r="X62" s="548">
        <v>62</v>
      </c>
      <c r="Y62" s="548">
        <v>24.4</v>
      </c>
      <c r="Z62" s="556">
        <v>44.66</v>
      </c>
      <c r="AA62" s="549">
        <v>180.5</v>
      </c>
    </row>
    <row r="63" spans="1:27" ht="12.6" customHeight="1">
      <c r="A63" s="543" t="s">
        <v>437</v>
      </c>
      <c r="B63" s="544">
        <v>15395</v>
      </c>
      <c r="C63" s="544">
        <v>1810</v>
      </c>
      <c r="D63" s="544">
        <v>8490</v>
      </c>
      <c r="E63" s="544">
        <v>4707</v>
      </c>
      <c r="F63" s="544">
        <v>388</v>
      </c>
      <c r="G63" s="554">
        <v>15392</v>
      </c>
      <c r="H63" s="555">
        <v>1809</v>
      </c>
      <c r="I63" s="555">
        <v>8520</v>
      </c>
      <c r="J63" s="555">
        <v>4675</v>
      </c>
      <c r="K63" s="555">
        <v>388</v>
      </c>
      <c r="L63" s="554"/>
      <c r="M63" s="1162">
        <v>3</v>
      </c>
      <c r="N63" s="544">
        <v>1</v>
      </c>
      <c r="O63" s="544">
        <v>-30</v>
      </c>
      <c r="P63" s="544">
        <v>32</v>
      </c>
      <c r="Q63" s="536" t="s">
        <v>383</v>
      </c>
      <c r="R63" s="547">
        <v>0</v>
      </c>
      <c r="S63" s="548">
        <v>0.1</v>
      </c>
      <c r="T63" s="548">
        <v>-0.4</v>
      </c>
      <c r="U63" s="549">
        <v>0.7</v>
      </c>
      <c r="V63" s="472" t="s">
        <v>388</v>
      </c>
      <c r="W63" s="548">
        <v>12.1</v>
      </c>
      <c r="X63" s="548">
        <v>56.6</v>
      </c>
      <c r="Y63" s="548">
        <v>31.4</v>
      </c>
      <c r="Z63" s="556">
        <v>48.61</v>
      </c>
      <c r="AA63" s="549">
        <v>260.10000000000002</v>
      </c>
    </row>
    <row r="64" spans="1:27" ht="12.6" customHeight="1">
      <c r="A64" s="543" t="s">
        <v>438</v>
      </c>
      <c r="B64" s="544">
        <v>13478</v>
      </c>
      <c r="C64" s="544">
        <v>1482</v>
      </c>
      <c r="D64" s="544">
        <v>7749</v>
      </c>
      <c r="E64" s="544">
        <v>4246</v>
      </c>
      <c r="F64" s="544">
        <v>1</v>
      </c>
      <c r="G64" s="554">
        <v>13547</v>
      </c>
      <c r="H64" s="555">
        <v>1500</v>
      </c>
      <c r="I64" s="555">
        <v>7857</v>
      </c>
      <c r="J64" s="555">
        <v>4189</v>
      </c>
      <c r="K64" s="555">
        <v>1</v>
      </c>
      <c r="L64" s="554"/>
      <c r="M64" s="1162">
        <v>-69</v>
      </c>
      <c r="N64" s="544">
        <v>-18</v>
      </c>
      <c r="O64" s="544">
        <v>-108</v>
      </c>
      <c r="P64" s="544">
        <v>57</v>
      </c>
      <c r="Q64" s="536" t="s">
        <v>383</v>
      </c>
      <c r="R64" s="547">
        <v>-0.5</v>
      </c>
      <c r="S64" s="548">
        <v>-1.2</v>
      </c>
      <c r="T64" s="548">
        <v>-1.4</v>
      </c>
      <c r="U64" s="549">
        <v>1.4</v>
      </c>
      <c r="V64" s="472" t="s">
        <v>388</v>
      </c>
      <c r="W64" s="548">
        <v>11</v>
      </c>
      <c r="X64" s="548">
        <v>57.5</v>
      </c>
      <c r="Y64" s="548">
        <v>31.5</v>
      </c>
      <c r="Z64" s="556">
        <v>49.2</v>
      </c>
      <c r="AA64" s="549">
        <v>286.5</v>
      </c>
    </row>
    <row r="65" spans="1:27" ht="9" customHeight="1">
      <c r="A65" s="543"/>
      <c r="B65" s="544"/>
      <c r="C65" s="544"/>
      <c r="D65" s="544"/>
      <c r="E65" s="544"/>
      <c r="F65" s="544"/>
      <c r="G65" s="545"/>
      <c r="H65" s="546"/>
      <c r="I65" s="546"/>
      <c r="J65" s="546"/>
      <c r="K65" s="546"/>
      <c r="L65" s="545"/>
      <c r="M65" s="1162"/>
      <c r="N65" s="544"/>
      <c r="O65" s="544"/>
      <c r="P65" s="544"/>
      <c r="Q65" s="536"/>
      <c r="R65" s="547"/>
      <c r="S65" s="548"/>
      <c r="T65" s="548"/>
      <c r="U65" s="549"/>
      <c r="V65" s="472"/>
      <c r="W65" s="548"/>
      <c r="X65" s="548"/>
      <c r="Y65" s="548"/>
      <c r="Z65" s="550"/>
      <c r="AA65" s="549"/>
    </row>
    <row r="66" spans="1:27" ht="12.6" customHeight="1">
      <c r="A66" s="563" t="s">
        <v>439</v>
      </c>
      <c r="B66" s="536">
        <v>166915</v>
      </c>
      <c r="C66" s="536">
        <v>19579</v>
      </c>
      <c r="D66" s="536">
        <v>99907</v>
      </c>
      <c r="E66" s="536">
        <v>46455</v>
      </c>
      <c r="F66" s="536">
        <v>974</v>
      </c>
      <c r="G66" s="537">
        <v>167813</v>
      </c>
      <c r="H66" s="538">
        <v>20049</v>
      </c>
      <c r="I66" s="538">
        <v>101190</v>
      </c>
      <c r="J66" s="538">
        <v>45600</v>
      </c>
      <c r="K66" s="538">
        <v>974</v>
      </c>
      <c r="L66" s="537"/>
      <c r="M66" s="1161">
        <v>-898</v>
      </c>
      <c r="N66" s="536">
        <v>-470</v>
      </c>
      <c r="O66" s="536">
        <v>-1283</v>
      </c>
      <c r="P66" s="536">
        <v>855</v>
      </c>
      <c r="Q66" s="536" t="s">
        <v>383</v>
      </c>
      <c r="R66" s="539">
        <v>-0.5</v>
      </c>
      <c r="S66" s="540">
        <v>-2.2999999999999998</v>
      </c>
      <c r="T66" s="540">
        <v>-1.3</v>
      </c>
      <c r="U66" s="541">
        <v>1.9</v>
      </c>
      <c r="V66" s="464" t="s">
        <v>388</v>
      </c>
      <c r="W66" s="540">
        <v>11.8</v>
      </c>
      <c r="X66" s="540">
        <v>60.2</v>
      </c>
      <c r="Y66" s="540">
        <v>28</v>
      </c>
      <c r="Z66" s="542">
        <v>47.24</v>
      </c>
      <c r="AA66" s="541">
        <v>237.3</v>
      </c>
    </row>
    <row r="67" spans="1:27" ht="12.6" customHeight="1">
      <c r="A67" s="543" t="s">
        <v>440</v>
      </c>
      <c r="B67" s="544">
        <v>93594</v>
      </c>
      <c r="C67" s="544">
        <v>11266</v>
      </c>
      <c r="D67" s="544">
        <v>57147</v>
      </c>
      <c r="E67" s="544">
        <v>24499</v>
      </c>
      <c r="F67" s="544">
        <v>682</v>
      </c>
      <c r="G67" s="554">
        <v>94159</v>
      </c>
      <c r="H67" s="555">
        <v>11480</v>
      </c>
      <c r="I67" s="555">
        <v>57972</v>
      </c>
      <c r="J67" s="555">
        <v>24025</v>
      </c>
      <c r="K67" s="555">
        <v>682</v>
      </c>
      <c r="L67" s="554"/>
      <c r="M67" s="1162">
        <v>-565</v>
      </c>
      <c r="N67" s="544">
        <v>-214</v>
      </c>
      <c r="O67" s="544">
        <v>-825</v>
      </c>
      <c r="P67" s="544">
        <v>474</v>
      </c>
      <c r="Q67" s="536" t="s">
        <v>383</v>
      </c>
      <c r="R67" s="547">
        <v>-0.6</v>
      </c>
      <c r="S67" s="548">
        <v>-1.9</v>
      </c>
      <c r="T67" s="548">
        <v>-1.4</v>
      </c>
      <c r="U67" s="549">
        <v>2</v>
      </c>
      <c r="V67" s="472" t="s">
        <v>388</v>
      </c>
      <c r="W67" s="548">
        <v>12.1</v>
      </c>
      <c r="X67" s="548">
        <v>61.5</v>
      </c>
      <c r="Y67" s="548">
        <v>26.4</v>
      </c>
      <c r="Z67" s="556">
        <v>46.46</v>
      </c>
      <c r="AA67" s="549">
        <v>217.5</v>
      </c>
    </row>
    <row r="68" spans="1:27" ht="12.6" customHeight="1">
      <c r="A68" s="543" t="s">
        <v>441</v>
      </c>
      <c r="B68" s="544">
        <v>20990</v>
      </c>
      <c r="C68" s="544">
        <v>2619</v>
      </c>
      <c r="D68" s="544">
        <v>12368</v>
      </c>
      <c r="E68" s="544">
        <v>5962</v>
      </c>
      <c r="F68" s="544">
        <v>41</v>
      </c>
      <c r="G68" s="554">
        <v>21087</v>
      </c>
      <c r="H68" s="555">
        <v>2689</v>
      </c>
      <c r="I68" s="555">
        <v>12559</v>
      </c>
      <c r="J68" s="555">
        <v>5798</v>
      </c>
      <c r="K68" s="555">
        <v>41</v>
      </c>
      <c r="L68" s="554"/>
      <c r="M68" s="1162">
        <v>-97</v>
      </c>
      <c r="N68" s="544">
        <v>-70</v>
      </c>
      <c r="O68" s="544">
        <v>-191</v>
      </c>
      <c r="P68" s="544">
        <v>164</v>
      </c>
      <c r="Q68" s="536" t="s">
        <v>383</v>
      </c>
      <c r="R68" s="547">
        <v>-0.5</v>
      </c>
      <c r="S68" s="548">
        <v>-2.6</v>
      </c>
      <c r="T68" s="548">
        <v>-1.5</v>
      </c>
      <c r="U68" s="549">
        <v>2.8</v>
      </c>
      <c r="V68" s="472" t="s">
        <v>388</v>
      </c>
      <c r="W68" s="548">
        <v>12.5</v>
      </c>
      <c r="X68" s="548">
        <v>59</v>
      </c>
      <c r="Y68" s="548">
        <v>28.5</v>
      </c>
      <c r="Z68" s="556">
        <v>47.06</v>
      </c>
      <c r="AA68" s="549">
        <v>227.6</v>
      </c>
    </row>
    <row r="69" spans="1:27" ht="12.6" customHeight="1">
      <c r="A69" s="543" t="s">
        <v>442</v>
      </c>
      <c r="B69" s="544">
        <v>4790</v>
      </c>
      <c r="C69" s="544">
        <v>498</v>
      </c>
      <c r="D69" s="544">
        <v>2811</v>
      </c>
      <c r="E69" s="544">
        <v>1473</v>
      </c>
      <c r="F69" s="544">
        <v>8</v>
      </c>
      <c r="G69" s="554">
        <v>4804</v>
      </c>
      <c r="H69" s="555">
        <v>514</v>
      </c>
      <c r="I69" s="555">
        <v>2854</v>
      </c>
      <c r="J69" s="555">
        <v>1428</v>
      </c>
      <c r="K69" s="555">
        <v>8</v>
      </c>
      <c r="L69" s="554"/>
      <c r="M69" s="1162">
        <v>-14</v>
      </c>
      <c r="N69" s="544">
        <v>-16</v>
      </c>
      <c r="O69" s="544">
        <v>-43</v>
      </c>
      <c r="P69" s="544">
        <v>45</v>
      </c>
      <c r="Q69" s="536" t="s">
        <v>383</v>
      </c>
      <c r="R69" s="547">
        <v>-0.3</v>
      </c>
      <c r="S69" s="548">
        <v>-3.1</v>
      </c>
      <c r="T69" s="548">
        <v>-1.5</v>
      </c>
      <c r="U69" s="549">
        <v>3.2</v>
      </c>
      <c r="V69" s="472" t="s">
        <v>388</v>
      </c>
      <c r="W69" s="548">
        <v>10.4</v>
      </c>
      <c r="X69" s="548">
        <v>58.8</v>
      </c>
      <c r="Y69" s="548">
        <v>30.8</v>
      </c>
      <c r="Z69" s="556">
        <v>48.24</v>
      </c>
      <c r="AA69" s="549">
        <v>295.8</v>
      </c>
    </row>
    <row r="70" spans="1:27" ht="12.6" customHeight="1">
      <c r="A70" s="543" t="s">
        <v>443</v>
      </c>
      <c r="B70" s="544">
        <v>8449</v>
      </c>
      <c r="C70" s="544">
        <v>1101</v>
      </c>
      <c r="D70" s="544">
        <v>5213</v>
      </c>
      <c r="E70" s="544">
        <v>2111</v>
      </c>
      <c r="F70" s="544">
        <v>24</v>
      </c>
      <c r="G70" s="554">
        <v>8428</v>
      </c>
      <c r="H70" s="555">
        <v>1159</v>
      </c>
      <c r="I70" s="555">
        <v>5182</v>
      </c>
      <c r="J70" s="555">
        <v>2063</v>
      </c>
      <c r="K70" s="555">
        <v>24</v>
      </c>
      <c r="L70" s="554"/>
      <c r="M70" s="1162">
        <v>21</v>
      </c>
      <c r="N70" s="544">
        <v>-58</v>
      </c>
      <c r="O70" s="544">
        <v>31</v>
      </c>
      <c r="P70" s="544">
        <v>48</v>
      </c>
      <c r="Q70" s="536" t="s">
        <v>383</v>
      </c>
      <c r="R70" s="547">
        <v>0.2</v>
      </c>
      <c r="S70" s="548">
        <v>-5</v>
      </c>
      <c r="T70" s="548">
        <v>0.6</v>
      </c>
      <c r="U70" s="549">
        <v>2.2999999999999998</v>
      </c>
      <c r="V70" s="472" t="s">
        <v>388</v>
      </c>
      <c r="W70" s="548">
        <v>13.1</v>
      </c>
      <c r="X70" s="548">
        <v>61.9</v>
      </c>
      <c r="Y70" s="548">
        <v>25.1</v>
      </c>
      <c r="Z70" s="556">
        <v>45.23</v>
      </c>
      <c r="AA70" s="549">
        <v>191.7</v>
      </c>
    </row>
    <row r="71" spans="1:27" ht="12.6" customHeight="1">
      <c r="A71" s="543" t="s">
        <v>444</v>
      </c>
      <c r="B71" s="544">
        <v>5403</v>
      </c>
      <c r="C71" s="544">
        <v>553</v>
      </c>
      <c r="D71" s="544">
        <v>3284</v>
      </c>
      <c r="E71" s="544">
        <v>1564</v>
      </c>
      <c r="F71" s="544">
        <v>2</v>
      </c>
      <c r="G71" s="554">
        <v>5435</v>
      </c>
      <c r="H71" s="555">
        <v>571</v>
      </c>
      <c r="I71" s="555">
        <v>3322</v>
      </c>
      <c r="J71" s="555">
        <v>1540</v>
      </c>
      <c r="K71" s="555">
        <v>2</v>
      </c>
      <c r="L71" s="554"/>
      <c r="M71" s="1162">
        <v>-32</v>
      </c>
      <c r="N71" s="544">
        <v>-18</v>
      </c>
      <c r="O71" s="544">
        <v>-38</v>
      </c>
      <c r="P71" s="544">
        <v>24</v>
      </c>
      <c r="Q71" s="536" t="s">
        <v>383</v>
      </c>
      <c r="R71" s="547">
        <v>-0.6</v>
      </c>
      <c r="S71" s="548">
        <v>-3.2</v>
      </c>
      <c r="T71" s="548">
        <v>-1.1000000000000001</v>
      </c>
      <c r="U71" s="549">
        <v>1.6</v>
      </c>
      <c r="V71" s="472" t="s">
        <v>388</v>
      </c>
      <c r="W71" s="548">
        <v>10.199999999999999</v>
      </c>
      <c r="X71" s="548">
        <v>60.8</v>
      </c>
      <c r="Y71" s="548">
        <v>29</v>
      </c>
      <c r="Z71" s="556">
        <v>48.27</v>
      </c>
      <c r="AA71" s="549">
        <v>282.8</v>
      </c>
    </row>
    <row r="72" spans="1:27" ht="12.6" customHeight="1">
      <c r="A72" s="543" t="s">
        <v>445</v>
      </c>
      <c r="B72" s="544">
        <v>4960</v>
      </c>
      <c r="C72" s="544">
        <v>472</v>
      </c>
      <c r="D72" s="544">
        <v>2773</v>
      </c>
      <c r="E72" s="544">
        <v>1715</v>
      </c>
      <c r="F72" s="544">
        <v>0</v>
      </c>
      <c r="G72" s="554">
        <v>5073</v>
      </c>
      <c r="H72" s="555">
        <v>506</v>
      </c>
      <c r="I72" s="555">
        <v>2869</v>
      </c>
      <c r="J72" s="555">
        <v>1698</v>
      </c>
      <c r="K72" s="555">
        <v>0</v>
      </c>
      <c r="L72" s="554"/>
      <c r="M72" s="1162">
        <v>-113</v>
      </c>
      <c r="N72" s="544">
        <v>-34</v>
      </c>
      <c r="O72" s="544">
        <v>-96</v>
      </c>
      <c r="P72" s="544">
        <v>17</v>
      </c>
      <c r="Q72" s="536" t="s">
        <v>383</v>
      </c>
      <c r="R72" s="547">
        <v>-2.2000000000000002</v>
      </c>
      <c r="S72" s="548">
        <v>-6.7</v>
      </c>
      <c r="T72" s="548">
        <v>-3.3</v>
      </c>
      <c r="U72" s="549">
        <v>1</v>
      </c>
      <c r="V72" s="472" t="s">
        <v>388</v>
      </c>
      <c r="W72" s="548">
        <v>9.5</v>
      </c>
      <c r="X72" s="548">
        <v>55.9</v>
      </c>
      <c r="Y72" s="548">
        <v>34.6</v>
      </c>
      <c r="Z72" s="556">
        <v>50.96</v>
      </c>
      <c r="AA72" s="549">
        <v>363.3</v>
      </c>
    </row>
    <row r="73" spans="1:27" ht="12.6" customHeight="1">
      <c r="A73" s="543" t="s">
        <v>446</v>
      </c>
      <c r="B73" s="544">
        <v>8558</v>
      </c>
      <c r="C73" s="544">
        <v>1350</v>
      </c>
      <c r="D73" s="544">
        <v>5238</v>
      </c>
      <c r="E73" s="544">
        <v>1952</v>
      </c>
      <c r="F73" s="544">
        <v>18</v>
      </c>
      <c r="G73" s="554">
        <v>8474</v>
      </c>
      <c r="H73" s="555">
        <v>1334</v>
      </c>
      <c r="I73" s="555">
        <v>5214</v>
      </c>
      <c r="J73" s="555">
        <v>1908</v>
      </c>
      <c r="K73" s="555">
        <v>18</v>
      </c>
      <c r="L73" s="554"/>
      <c r="M73" s="1162">
        <v>84</v>
      </c>
      <c r="N73" s="544">
        <v>16</v>
      </c>
      <c r="O73" s="544">
        <v>24</v>
      </c>
      <c r="P73" s="544">
        <v>44</v>
      </c>
      <c r="Q73" s="536" t="s">
        <v>383</v>
      </c>
      <c r="R73" s="547">
        <v>1</v>
      </c>
      <c r="S73" s="548">
        <v>1.2</v>
      </c>
      <c r="T73" s="548">
        <v>0.5</v>
      </c>
      <c r="U73" s="549">
        <v>2.2999999999999998</v>
      </c>
      <c r="V73" s="472" t="s">
        <v>388</v>
      </c>
      <c r="W73" s="548">
        <v>15.8</v>
      </c>
      <c r="X73" s="548">
        <v>61.3</v>
      </c>
      <c r="Y73" s="548">
        <v>22.9</v>
      </c>
      <c r="Z73" s="556">
        <v>43.83</v>
      </c>
      <c r="AA73" s="549">
        <v>144.6</v>
      </c>
    </row>
    <row r="74" spans="1:27" ht="12.6" customHeight="1">
      <c r="A74" s="543" t="s">
        <v>447</v>
      </c>
      <c r="B74" s="544">
        <v>5546</v>
      </c>
      <c r="C74" s="544">
        <v>396</v>
      </c>
      <c r="D74" s="544">
        <v>3188</v>
      </c>
      <c r="E74" s="544">
        <v>1823</v>
      </c>
      <c r="F74" s="544">
        <v>139</v>
      </c>
      <c r="G74" s="554">
        <v>5552</v>
      </c>
      <c r="H74" s="555">
        <v>416</v>
      </c>
      <c r="I74" s="555">
        <v>3189</v>
      </c>
      <c r="J74" s="555">
        <v>1808</v>
      </c>
      <c r="K74" s="555">
        <v>139</v>
      </c>
      <c r="L74" s="554"/>
      <c r="M74" s="1162">
        <v>-6</v>
      </c>
      <c r="N74" s="544">
        <v>-20</v>
      </c>
      <c r="O74" s="544">
        <v>-1</v>
      </c>
      <c r="P74" s="544">
        <v>15</v>
      </c>
      <c r="Q74" s="536" t="s">
        <v>383</v>
      </c>
      <c r="R74" s="547">
        <v>-0.1</v>
      </c>
      <c r="S74" s="548">
        <v>-4.8</v>
      </c>
      <c r="T74" s="548">
        <v>0</v>
      </c>
      <c r="U74" s="549">
        <v>0.8</v>
      </c>
      <c r="V74" s="472" t="s">
        <v>388</v>
      </c>
      <c r="W74" s="548">
        <v>7.3</v>
      </c>
      <c r="X74" s="548">
        <v>59</v>
      </c>
      <c r="Y74" s="548">
        <v>33.700000000000003</v>
      </c>
      <c r="Z74" s="556">
        <v>50.8</v>
      </c>
      <c r="AA74" s="549">
        <v>460.4</v>
      </c>
    </row>
    <row r="75" spans="1:27" ht="12.6" customHeight="1">
      <c r="A75" s="543" t="s">
        <v>448</v>
      </c>
      <c r="B75" s="544">
        <v>3301</v>
      </c>
      <c r="C75" s="544">
        <v>266</v>
      </c>
      <c r="D75" s="544">
        <v>1799</v>
      </c>
      <c r="E75" s="544">
        <v>1236</v>
      </c>
      <c r="F75" s="544">
        <v>0</v>
      </c>
      <c r="G75" s="554">
        <v>3354</v>
      </c>
      <c r="H75" s="555">
        <v>276</v>
      </c>
      <c r="I75" s="555">
        <v>1848</v>
      </c>
      <c r="J75" s="555">
        <v>1230</v>
      </c>
      <c r="K75" s="555">
        <v>0</v>
      </c>
      <c r="L75" s="554"/>
      <c r="M75" s="1162">
        <v>-53</v>
      </c>
      <c r="N75" s="544">
        <v>-10</v>
      </c>
      <c r="O75" s="544">
        <v>-49</v>
      </c>
      <c r="P75" s="544">
        <v>6</v>
      </c>
      <c r="Q75" s="536" t="s">
        <v>383</v>
      </c>
      <c r="R75" s="547">
        <v>-1.6</v>
      </c>
      <c r="S75" s="548">
        <v>-3.6</v>
      </c>
      <c r="T75" s="548">
        <v>-2.7</v>
      </c>
      <c r="U75" s="549">
        <v>0.5</v>
      </c>
      <c r="V75" s="472" t="s">
        <v>388</v>
      </c>
      <c r="W75" s="548">
        <v>8.1</v>
      </c>
      <c r="X75" s="548">
        <v>54.5</v>
      </c>
      <c r="Y75" s="548">
        <v>37.4</v>
      </c>
      <c r="Z75" s="556">
        <v>53.39</v>
      </c>
      <c r="AA75" s="549">
        <v>464.7</v>
      </c>
    </row>
    <row r="76" spans="1:27" ht="12.6" customHeight="1">
      <c r="A76" s="543" t="s">
        <v>449</v>
      </c>
      <c r="B76" s="544">
        <v>11324</v>
      </c>
      <c r="C76" s="544">
        <v>1058</v>
      </c>
      <c r="D76" s="544">
        <v>6086</v>
      </c>
      <c r="E76" s="544">
        <v>4120</v>
      </c>
      <c r="F76" s="544">
        <v>60</v>
      </c>
      <c r="G76" s="554">
        <v>11447</v>
      </c>
      <c r="H76" s="555">
        <v>1104</v>
      </c>
      <c r="I76" s="555">
        <v>6181</v>
      </c>
      <c r="J76" s="555">
        <v>4102</v>
      </c>
      <c r="K76" s="555">
        <v>60</v>
      </c>
      <c r="L76" s="554"/>
      <c r="M76" s="1162">
        <v>-123</v>
      </c>
      <c r="N76" s="544">
        <v>-46</v>
      </c>
      <c r="O76" s="544">
        <v>-95</v>
      </c>
      <c r="P76" s="544">
        <v>18</v>
      </c>
      <c r="Q76" s="536" t="s">
        <v>383</v>
      </c>
      <c r="R76" s="547">
        <v>-1.1000000000000001</v>
      </c>
      <c r="S76" s="548">
        <v>-4.2</v>
      </c>
      <c r="T76" s="548">
        <v>-1.5</v>
      </c>
      <c r="U76" s="549">
        <v>0.4</v>
      </c>
      <c r="V76" s="472" t="s">
        <v>388</v>
      </c>
      <c r="W76" s="548">
        <v>9.4</v>
      </c>
      <c r="X76" s="548">
        <v>54</v>
      </c>
      <c r="Y76" s="548">
        <v>36.6</v>
      </c>
      <c r="Z76" s="556">
        <v>52.13</v>
      </c>
      <c r="AA76" s="549">
        <v>389.4</v>
      </c>
    </row>
    <row r="77" spans="1:27" ht="9" customHeight="1">
      <c r="A77" s="543"/>
      <c r="B77" s="544"/>
      <c r="C77" s="544"/>
      <c r="D77" s="544"/>
      <c r="E77" s="544"/>
      <c r="F77" s="544"/>
      <c r="G77" s="545"/>
      <c r="H77" s="546"/>
      <c r="I77" s="546"/>
      <c r="J77" s="546"/>
      <c r="K77" s="546"/>
      <c r="L77" s="545"/>
      <c r="M77" s="1162"/>
      <c r="N77" s="544"/>
      <c r="O77" s="544"/>
      <c r="P77" s="544"/>
      <c r="Q77" s="536"/>
      <c r="R77" s="547"/>
      <c r="S77" s="548"/>
      <c r="T77" s="548"/>
      <c r="U77" s="549"/>
      <c r="V77" s="548"/>
      <c r="W77" s="548"/>
      <c r="X77" s="548"/>
      <c r="Y77" s="548"/>
      <c r="Z77" s="550"/>
      <c r="AA77" s="549"/>
    </row>
    <row r="78" spans="1:27" ht="12.6" customHeight="1">
      <c r="A78" s="551"/>
      <c r="B78" s="536"/>
      <c r="C78" s="536"/>
      <c r="D78" s="536"/>
      <c r="E78" s="536"/>
      <c r="F78" s="536"/>
      <c r="G78" s="537"/>
      <c r="H78" s="538"/>
      <c r="I78" s="538"/>
      <c r="J78" s="538"/>
      <c r="K78" s="538"/>
      <c r="L78" s="537"/>
      <c r="M78" s="1161"/>
      <c r="N78" s="536"/>
      <c r="O78" s="536"/>
      <c r="P78" s="536"/>
      <c r="Q78" s="536"/>
      <c r="R78" s="539"/>
      <c r="S78" s="540"/>
      <c r="T78" s="540"/>
      <c r="U78" s="541"/>
      <c r="V78" s="540"/>
      <c r="W78" s="540"/>
      <c r="X78" s="540"/>
      <c r="Y78" s="540"/>
      <c r="Z78" s="542"/>
      <c r="AA78" s="541"/>
    </row>
    <row r="79" spans="1:27" ht="12.6" customHeight="1">
      <c r="A79" s="543"/>
      <c r="B79" s="544"/>
      <c r="C79" s="544"/>
      <c r="D79" s="544"/>
      <c r="E79" s="544"/>
      <c r="F79" s="544"/>
      <c r="G79" s="554"/>
      <c r="H79" s="555"/>
      <c r="I79" s="555"/>
      <c r="J79" s="555"/>
      <c r="K79" s="555"/>
      <c r="L79" s="554"/>
      <c r="M79" s="1162"/>
      <c r="N79" s="544"/>
      <c r="O79" s="544"/>
      <c r="P79" s="544"/>
      <c r="Q79" s="536"/>
      <c r="R79" s="547"/>
      <c r="S79" s="548"/>
      <c r="T79" s="548"/>
      <c r="U79" s="549"/>
      <c r="V79" s="548"/>
      <c r="W79" s="548"/>
      <c r="X79" s="548"/>
      <c r="Y79" s="548"/>
      <c r="Z79" s="556"/>
      <c r="AA79" s="549"/>
    </row>
    <row r="80" spans="1:27" ht="12.6" customHeight="1" thickBot="1">
      <c r="A80" s="565"/>
      <c r="B80" s="566"/>
      <c r="C80" s="566"/>
      <c r="D80" s="566"/>
      <c r="E80" s="566"/>
      <c r="F80" s="566"/>
      <c r="G80" s="567"/>
      <c r="H80" s="568"/>
      <c r="I80" s="568"/>
      <c r="J80" s="568"/>
      <c r="K80" s="568"/>
      <c r="L80" s="567"/>
      <c r="M80" s="1164"/>
      <c r="N80" s="566"/>
      <c r="O80" s="566"/>
      <c r="P80" s="566"/>
      <c r="Q80" s="569"/>
      <c r="R80" s="570"/>
      <c r="S80" s="571"/>
      <c r="T80" s="571"/>
      <c r="U80" s="572"/>
      <c r="V80" s="571"/>
      <c r="W80" s="571"/>
      <c r="X80" s="571"/>
      <c r="Y80" s="571"/>
      <c r="Z80" s="573"/>
      <c r="AA80" s="572"/>
    </row>
    <row r="81" spans="1:27" ht="15.95" customHeight="1" thickTop="1">
      <c r="A81" s="574" t="s">
        <v>451</v>
      </c>
      <c r="B81" s="575"/>
      <c r="C81" s="575"/>
      <c r="D81" s="575"/>
      <c r="E81" s="575"/>
      <c r="F81" s="575"/>
      <c r="G81" s="575"/>
      <c r="H81" s="575"/>
      <c r="I81" s="575"/>
      <c r="J81" s="575"/>
      <c r="K81" s="575"/>
      <c r="L81" s="575"/>
      <c r="M81" s="575"/>
      <c r="N81" s="575"/>
      <c r="O81" s="575"/>
      <c r="P81" s="575"/>
      <c r="Q81" s="575"/>
      <c r="R81" s="576"/>
      <c r="S81" s="576"/>
      <c r="T81" s="576"/>
      <c r="U81" s="576"/>
      <c r="V81" s="576"/>
      <c r="W81" s="576"/>
      <c r="X81" s="576"/>
      <c r="Y81" s="576"/>
      <c r="Z81" s="577"/>
      <c r="AA81" s="577"/>
    </row>
    <row r="97" spans="1:1" s="502" customFormat="1">
      <c r="A97" s="145"/>
    </row>
    <row r="98" spans="1:1" s="502" customFormat="1">
      <c r="A98" s="145"/>
    </row>
    <row r="99" spans="1:1" s="502" customFormat="1">
      <c r="A99" s="145"/>
    </row>
    <row r="100" spans="1:1" s="502" customFormat="1">
      <c r="A100" s="145"/>
    </row>
    <row r="101" spans="1:1" s="502" customFormat="1">
      <c r="A101" s="145"/>
    </row>
    <row r="102" spans="1:1" s="502" customFormat="1">
      <c r="A102" s="145"/>
    </row>
    <row r="103" spans="1:1" s="502" customFormat="1">
      <c r="A103" s="145"/>
    </row>
    <row r="104" spans="1:1" s="502" customFormat="1">
      <c r="A104" s="145"/>
    </row>
    <row r="105" spans="1:1" s="502" customFormat="1">
      <c r="A105" s="145"/>
    </row>
    <row r="106" spans="1:1" s="502" customFormat="1">
      <c r="A106" s="145"/>
    </row>
    <row r="107" spans="1:1" s="502" customFormat="1">
      <c r="A107" s="145"/>
    </row>
    <row r="108" spans="1:1" s="502" customFormat="1">
      <c r="A108" s="145"/>
    </row>
    <row r="109" spans="1:1" s="502" customFormat="1">
      <c r="A109" s="145"/>
    </row>
    <row r="110" spans="1:1" s="502" customFormat="1">
      <c r="A110" s="145"/>
    </row>
    <row r="111" spans="1:1" s="502" customFormat="1">
      <c r="A111" s="145"/>
    </row>
    <row r="112" spans="1:1" s="502" customFormat="1">
      <c r="A112" s="145"/>
    </row>
    <row r="113" spans="1:1" s="502" customFormat="1">
      <c r="A113" s="145"/>
    </row>
    <row r="114" spans="1:1" s="502" customFormat="1">
      <c r="A114" s="145"/>
    </row>
    <row r="115" spans="1:1" s="502" customFormat="1">
      <c r="A115" s="145"/>
    </row>
    <row r="116" spans="1:1" s="502" customFormat="1">
      <c r="A116" s="145"/>
    </row>
    <row r="117" spans="1:1" s="502" customFormat="1">
      <c r="A117" s="145"/>
    </row>
    <row r="118" spans="1:1" s="502" customFormat="1">
      <c r="A118" s="145"/>
    </row>
    <row r="119" spans="1:1" s="502" customFormat="1">
      <c r="A119" s="145"/>
    </row>
    <row r="120" spans="1:1" s="502" customFormat="1">
      <c r="A120" s="145"/>
    </row>
    <row r="121" spans="1:1" s="502" customFormat="1">
      <c r="A121" s="145"/>
    </row>
    <row r="122" spans="1:1" s="502" customFormat="1">
      <c r="A122" s="145"/>
    </row>
    <row r="123" spans="1:1" s="502" customFormat="1">
      <c r="A123" s="145"/>
    </row>
    <row r="124" spans="1:1" s="502" customFormat="1">
      <c r="A124" s="145"/>
    </row>
    <row r="125" spans="1:1" s="502" customFormat="1">
      <c r="A125" s="145"/>
    </row>
    <row r="126" spans="1:1" s="502" customFormat="1">
      <c r="A126" s="145"/>
    </row>
    <row r="127" spans="1:1" s="502" customFormat="1">
      <c r="A127" s="145"/>
    </row>
    <row r="128" spans="1:1" s="502" customFormat="1">
      <c r="A128" s="145"/>
    </row>
    <row r="129" spans="1:1" s="502" customFormat="1">
      <c r="A129" s="145"/>
    </row>
    <row r="130" spans="1:1" s="502" customFormat="1">
      <c r="A130" s="145"/>
    </row>
    <row r="131" spans="1:1" s="502" customFormat="1">
      <c r="A131" s="145"/>
    </row>
    <row r="132" spans="1:1" s="502" customFormat="1">
      <c r="A132" s="145"/>
    </row>
    <row r="133" spans="1:1" s="502" customFormat="1">
      <c r="A133" s="145"/>
    </row>
    <row r="134" spans="1:1" s="502" customFormat="1">
      <c r="A134" s="145"/>
    </row>
    <row r="135" spans="1:1" s="502" customFormat="1">
      <c r="A135" s="145"/>
    </row>
    <row r="136" spans="1:1" s="502" customFormat="1">
      <c r="A136" s="145"/>
    </row>
    <row r="137" spans="1:1" s="502" customFormat="1">
      <c r="A137" s="145"/>
    </row>
    <row r="138" spans="1:1" s="502" customFormat="1">
      <c r="A138" s="145"/>
    </row>
    <row r="139" spans="1:1" s="502" customFormat="1">
      <c r="A139" s="145"/>
    </row>
    <row r="140" spans="1:1" s="502" customFormat="1">
      <c r="A140" s="145"/>
    </row>
    <row r="141" spans="1:1" s="502" customFormat="1">
      <c r="A141" s="145"/>
    </row>
    <row r="142" spans="1:1" s="502" customFormat="1">
      <c r="A142" s="145"/>
    </row>
    <row r="143" spans="1:1" s="502" customFormat="1">
      <c r="A143" s="145"/>
    </row>
    <row r="144" spans="1:1" s="502" customFormat="1">
      <c r="A144" s="145"/>
    </row>
    <row r="145" spans="1:1" s="502" customFormat="1">
      <c r="A145" s="145"/>
    </row>
    <row r="146" spans="1:1" s="502" customFormat="1">
      <c r="A146" s="145"/>
    </row>
    <row r="147" spans="1:1" s="502" customFormat="1">
      <c r="A147" s="145"/>
    </row>
    <row r="148" spans="1:1" s="502" customFormat="1">
      <c r="A148" s="145"/>
    </row>
    <row r="149" spans="1:1" s="502" customFormat="1">
      <c r="A149" s="145"/>
    </row>
    <row r="150" spans="1:1" s="502" customFormat="1">
      <c r="A150" s="145"/>
    </row>
    <row r="151" spans="1:1" s="502" customFormat="1">
      <c r="A151" s="145"/>
    </row>
    <row r="152" spans="1:1" s="502" customFormat="1">
      <c r="A152" s="145"/>
    </row>
    <row r="153" spans="1:1" s="502" customFormat="1">
      <c r="A153" s="145"/>
    </row>
    <row r="154" spans="1:1" s="502" customFormat="1">
      <c r="A154" s="145"/>
    </row>
    <row r="155" spans="1:1" s="502" customFormat="1">
      <c r="A155" s="145"/>
    </row>
    <row r="156" spans="1:1" s="502" customFormat="1">
      <c r="A156" s="145"/>
    </row>
    <row r="157" spans="1:1" s="502" customFormat="1">
      <c r="A157" s="145"/>
    </row>
    <row r="158" spans="1:1" s="502" customFormat="1">
      <c r="A158" s="145"/>
    </row>
    <row r="159" spans="1:1" s="502" customFormat="1">
      <c r="A159" s="145"/>
    </row>
    <row r="160" spans="1:1" s="502" customFormat="1">
      <c r="A160" s="145"/>
    </row>
    <row r="161" spans="1:1" s="502" customFormat="1">
      <c r="A161" s="145"/>
    </row>
    <row r="162" spans="1:1" s="502" customFormat="1">
      <c r="A162" s="145"/>
    </row>
    <row r="163" spans="1:1" s="502" customFormat="1">
      <c r="A163" s="145"/>
    </row>
    <row r="164" spans="1:1" s="502" customFormat="1">
      <c r="A164" s="145"/>
    </row>
    <row r="165" spans="1:1" s="502" customFormat="1">
      <c r="A165" s="145"/>
    </row>
    <row r="166" spans="1:1" s="502" customFormat="1">
      <c r="A166" s="145"/>
    </row>
    <row r="167" spans="1:1" s="502" customFormat="1">
      <c r="A167" s="145"/>
    </row>
    <row r="168" spans="1:1" s="502" customFormat="1">
      <c r="A168" s="145"/>
    </row>
    <row r="169" spans="1:1" s="502" customFormat="1">
      <c r="A169" s="145"/>
    </row>
    <row r="170" spans="1:1" s="502" customFormat="1">
      <c r="A170" s="145"/>
    </row>
    <row r="171" spans="1:1" s="502" customFormat="1">
      <c r="A171" s="145"/>
    </row>
    <row r="172" spans="1:1" s="502" customFormat="1">
      <c r="A172" s="145"/>
    </row>
    <row r="173" spans="1:1" s="502" customFormat="1">
      <c r="A173" s="145"/>
    </row>
    <row r="174" spans="1:1" s="502" customFormat="1">
      <c r="A174" s="145"/>
    </row>
    <row r="175" spans="1:1" s="502" customFormat="1">
      <c r="A175" s="145"/>
    </row>
    <row r="176" spans="1:1" s="502" customFormat="1">
      <c r="A176" s="145"/>
    </row>
    <row r="177" spans="1:1" s="502" customFormat="1">
      <c r="A177" s="145"/>
    </row>
    <row r="178" spans="1:1" s="502" customFormat="1">
      <c r="A178" s="145"/>
    </row>
    <row r="179" spans="1:1" s="502" customFormat="1">
      <c r="A179" s="145"/>
    </row>
    <row r="180" spans="1:1" s="502" customFormat="1">
      <c r="A180" s="145"/>
    </row>
    <row r="181" spans="1:1" s="502" customFormat="1">
      <c r="A181" s="145"/>
    </row>
    <row r="182" spans="1:1" s="502" customFormat="1">
      <c r="A182" s="145"/>
    </row>
    <row r="183" spans="1:1" s="502" customFormat="1">
      <c r="A183" s="145"/>
    </row>
    <row r="184" spans="1:1" s="502" customFormat="1">
      <c r="A184" s="145"/>
    </row>
    <row r="185" spans="1:1" s="502" customFormat="1">
      <c r="A185" s="145"/>
    </row>
    <row r="186" spans="1:1" s="502" customFormat="1">
      <c r="A186" s="145"/>
    </row>
    <row r="187" spans="1:1" s="502" customFormat="1">
      <c r="A187" s="145"/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78740157480314965" header="0" footer="0"/>
  <pageSetup paperSize="9" scale="81" firstPageNumber="18" fitToWidth="0" orientation="portrait" blackAndWhite="1" useFirstPageNumber="1" r:id="rId1"/>
  <headerFooter>
    <oddFooter>&amp;C&amp;"ＭＳ ゴシック,太字"-&amp;P--</oddFooter>
    <evenFooter>&amp;C－19－</evenFooter>
  </headerFooter>
  <colBreaks count="1" manualBreakCount="1">
    <brk id="12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="75" zoomScaleNormal="75" zoomScaleSheetLayoutView="80" workbookViewId="0">
      <pane xSplit="1" topLeftCell="B1" activePane="topRight" state="frozen"/>
      <selection pane="topRight" activeCell="A2" sqref="A2"/>
    </sheetView>
  </sheetViews>
  <sheetFormatPr defaultRowHeight="13.5"/>
  <cols>
    <col min="1" max="1" width="16.25" style="145" customWidth="1"/>
    <col min="2" max="2" width="11" style="502" bestFit="1" customWidth="1"/>
    <col min="3" max="3" width="9.625" style="502" customWidth="1"/>
    <col min="4" max="5" width="11" style="502" bestFit="1" customWidth="1"/>
    <col min="6" max="6" width="7.625" style="502" customWidth="1"/>
    <col min="7" max="7" width="9.75" style="502" customWidth="1"/>
    <col min="8" max="8" width="9.625" style="502" customWidth="1"/>
    <col min="9" max="10" width="9.75" style="502" customWidth="1"/>
    <col min="11" max="11" width="7.875" style="502" customWidth="1"/>
    <col min="12" max="12" width="0.75" style="502" customWidth="1"/>
    <col min="13" max="16" width="8.25" style="502" customWidth="1"/>
    <col min="17" max="17" width="7.625" style="502" hidden="1" customWidth="1"/>
    <col min="18" max="21" width="7.625" style="502" customWidth="1"/>
    <col min="22" max="25" width="7.75" style="502" customWidth="1"/>
    <col min="26" max="27" width="8.875" style="502" customWidth="1"/>
    <col min="28" max="257" width="9" style="145"/>
    <col min="258" max="258" width="16.25" style="145" customWidth="1"/>
    <col min="259" max="262" width="9.625" style="145" customWidth="1"/>
    <col min="263" max="263" width="7.625" style="145" customWidth="1"/>
    <col min="264" max="264" width="9.75" style="145" customWidth="1"/>
    <col min="265" max="265" width="9.625" style="145" customWidth="1"/>
    <col min="266" max="267" width="9.75" style="145" customWidth="1"/>
    <col min="268" max="268" width="7.875" style="145" customWidth="1"/>
    <col min="269" max="269" width="8.625" style="145" customWidth="1"/>
    <col min="270" max="270" width="39.625" style="145" customWidth="1"/>
    <col min="271" max="272" width="8.625" style="145" customWidth="1"/>
    <col min="273" max="273" width="0" style="145" hidden="1" customWidth="1"/>
    <col min="274" max="277" width="7.625" style="145" customWidth="1"/>
    <col min="278" max="281" width="8.625" style="145" customWidth="1"/>
    <col min="282" max="283" width="8.875" style="145" customWidth="1"/>
    <col min="284" max="513" width="9" style="145"/>
    <col min="514" max="514" width="16.25" style="145" customWidth="1"/>
    <col min="515" max="518" width="9.625" style="145" customWidth="1"/>
    <col min="519" max="519" width="7.625" style="145" customWidth="1"/>
    <col min="520" max="520" width="9.75" style="145" customWidth="1"/>
    <col min="521" max="521" width="9.625" style="145" customWidth="1"/>
    <col min="522" max="523" width="9.75" style="145" customWidth="1"/>
    <col min="524" max="524" width="7.875" style="145" customWidth="1"/>
    <col min="525" max="525" width="8.625" style="145" customWidth="1"/>
    <col min="526" max="526" width="39.625" style="145" customWidth="1"/>
    <col min="527" max="528" width="8.625" style="145" customWidth="1"/>
    <col min="529" max="529" width="0" style="145" hidden="1" customWidth="1"/>
    <col min="530" max="533" width="7.625" style="145" customWidth="1"/>
    <col min="534" max="537" width="8.625" style="145" customWidth="1"/>
    <col min="538" max="539" width="8.875" style="145" customWidth="1"/>
    <col min="540" max="769" width="9" style="145"/>
    <col min="770" max="770" width="16.25" style="145" customWidth="1"/>
    <col min="771" max="774" width="9.625" style="145" customWidth="1"/>
    <col min="775" max="775" width="7.625" style="145" customWidth="1"/>
    <col min="776" max="776" width="9.75" style="145" customWidth="1"/>
    <col min="777" max="777" width="9.625" style="145" customWidth="1"/>
    <col min="778" max="779" width="9.75" style="145" customWidth="1"/>
    <col min="780" max="780" width="7.875" style="145" customWidth="1"/>
    <col min="781" max="781" width="8.625" style="145" customWidth="1"/>
    <col min="782" max="782" width="39.625" style="145" customWidth="1"/>
    <col min="783" max="784" width="8.625" style="145" customWidth="1"/>
    <col min="785" max="785" width="0" style="145" hidden="1" customWidth="1"/>
    <col min="786" max="789" width="7.625" style="145" customWidth="1"/>
    <col min="790" max="793" width="8.625" style="145" customWidth="1"/>
    <col min="794" max="795" width="8.875" style="145" customWidth="1"/>
    <col min="796" max="1025" width="9" style="145"/>
    <col min="1026" max="1026" width="16.25" style="145" customWidth="1"/>
    <col min="1027" max="1030" width="9.625" style="145" customWidth="1"/>
    <col min="1031" max="1031" width="7.625" style="145" customWidth="1"/>
    <col min="1032" max="1032" width="9.75" style="145" customWidth="1"/>
    <col min="1033" max="1033" width="9.625" style="145" customWidth="1"/>
    <col min="1034" max="1035" width="9.75" style="145" customWidth="1"/>
    <col min="1036" max="1036" width="7.875" style="145" customWidth="1"/>
    <col min="1037" max="1037" width="8.625" style="145" customWidth="1"/>
    <col min="1038" max="1038" width="39.625" style="145" customWidth="1"/>
    <col min="1039" max="1040" width="8.625" style="145" customWidth="1"/>
    <col min="1041" max="1041" width="0" style="145" hidden="1" customWidth="1"/>
    <col min="1042" max="1045" width="7.625" style="145" customWidth="1"/>
    <col min="1046" max="1049" width="8.625" style="145" customWidth="1"/>
    <col min="1050" max="1051" width="8.875" style="145" customWidth="1"/>
    <col min="1052" max="1281" width="9" style="145"/>
    <col min="1282" max="1282" width="16.25" style="145" customWidth="1"/>
    <col min="1283" max="1286" width="9.625" style="145" customWidth="1"/>
    <col min="1287" max="1287" width="7.625" style="145" customWidth="1"/>
    <col min="1288" max="1288" width="9.75" style="145" customWidth="1"/>
    <col min="1289" max="1289" width="9.625" style="145" customWidth="1"/>
    <col min="1290" max="1291" width="9.75" style="145" customWidth="1"/>
    <col min="1292" max="1292" width="7.875" style="145" customWidth="1"/>
    <col min="1293" max="1293" width="8.625" style="145" customWidth="1"/>
    <col min="1294" max="1294" width="39.625" style="145" customWidth="1"/>
    <col min="1295" max="1296" width="8.625" style="145" customWidth="1"/>
    <col min="1297" max="1297" width="0" style="145" hidden="1" customWidth="1"/>
    <col min="1298" max="1301" width="7.625" style="145" customWidth="1"/>
    <col min="1302" max="1305" width="8.625" style="145" customWidth="1"/>
    <col min="1306" max="1307" width="8.875" style="145" customWidth="1"/>
    <col min="1308" max="1537" width="9" style="145"/>
    <col min="1538" max="1538" width="16.25" style="145" customWidth="1"/>
    <col min="1539" max="1542" width="9.625" style="145" customWidth="1"/>
    <col min="1543" max="1543" width="7.625" style="145" customWidth="1"/>
    <col min="1544" max="1544" width="9.75" style="145" customWidth="1"/>
    <col min="1545" max="1545" width="9.625" style="145" customWidth="1"/>
    <col min="1546" max="1547" width="9.75" style="145" customWidth="1"/>
    <col min="1548" max="1548" width="7.875" style="145" customWidth="1"/>
    <col min="1549" max="1549" width="8.625" style="145" customWidth="1"/>
    <col min="1550" max="1550" width="39.625" style="145" customWidth="1"/>
    <col min="1551" max="1552" width="8.625" style="145" customWidth="1"/>
    <col min="1553" max="1553" width="0" style="145" hidden="1" customWidth="1"/>
    <col min="1554" max="1557" width="7.625" style="145" customWidth="1"/>
    <col min="1558" max="1561" width="8.625" style="145" customWidth="1"/>
    <col min="1562" max="1563" width="8.875" style="145" customWidth="1"/>
    <col min="1564" max="1793" width="9" style="145"/>
    <col min="1794" max="1794" width="16.25" style="145" customWidth="1"/>
    <col min="1795" max="1798" width="9.625" style="145" customWidth="1"/>
    <col min="1799" max="1799" width="7.625" style="145" customWidth="1"/>
    <col min="1800" max="1800" width="9.75" style="145" customWidth="1"/>
    <col min="1801" max="1801" width="9.625" style="145" customWidth="1"/>
    <col min="1802" max="1803" width="9.75" style="145" customWidth="1"/>
    <col min="1804" max="1804" width="7.875" style="145" customWidth="1"/>
    <col min="1805" max="1805" width="8.625" style="145" customWidth="1"/>
    <col min="1806" max="1806" width="39.625" style="145" customWidth="1"/>
    <col min="1807" max="1808" width="8.625" style="145" customWidth="1"/>
    <col min="1809" max="1809" width="0" style="145" hidden="1" customWidth="1"/>
    <col min="1810" max="1813" width="7.625" style="145" customWidth="1"/>
    <col min="1814" max="1817" width="8.625" style="145" customWidth="1"/>
    <col min="1818" max="1819" width="8.875" style="145" customWidth="1"/>
    <col min="1820" max="2049" width="9" style="145"/>
    <col min="2050" max="2050" width="16.25" style="145" customWidth="1"/>
    <col min="2051" max="2054" width="9.625" style="145" customWidth="1"/>
    <col min="2055" max="2055" width="7.625" style="145" customWidth="1"/>
    <col min="2056" max="2056" width="9.75" style="145" customWidth="1"/>
    <col min="2057" max="2057" width="9.625" style="145" customWidth="1"/>
    <col min="2058" max="2059" width="9.75" style="145" customWidth="1"/>
    <col min="2060" max="2060" width="7.875" style="145" customWidth="1"/>
    <col min="2061" max="2061" width="8.625" style="145" customWidth="1"/>
    <col min="2062" max="2062" width="39.625" style="145" customWidth="1"/>
    <col min="2063" max="2064" width="8.625" style="145" customWidth="1"/>
    <col min="2065" max="2065" width="0" style="145" hidden="1" customWidth="1"/>
    <col min="2066" max="2069" width="7.625" style="145" customWidth="1"/>
    <col min="2070" max="2073" width="8.625" style="145" customWidth="1"/>
    <col min="2074" max="2075" width="8.875" style="145" customWidth="1"/>
    <col min="2076" max="2305" width="9" style="145"/>
    <col min="2306" max="2306" width="16.25" style="145" customWidth="1"/>
    <col min="2307" max="2310" width="9.625" style="145" customWidth="1"/>
    <col min="2311" max="2311" width="7.625" style="145" customWidth="1"/>
    <col min="2312" max="2312" width="9.75" style="145" customWidth="1"/>
    <col min="2313" max="2313" width="9.625" style="145" customWidth="1"/>
    <col min="2314" max="2315" width="9.75" style="145" customWidth="1"/>
    <col min="2316" max="2316" width="7.875" style="145" customWidth="1"/>
    <col min="2317" max="2317" width="8.625" style="145" customWidth="1"/>
    <col min="2318" max="2318" width="39.625" style="145" customWidth="1"/>
    <col min="2319" max="2320" width="8.625" style="145" customWidth="1"/>
    <col min="2321" max="2321" width="0" style="145" hidden="1" customWidth="1"/>
    <col min="2322" max="2325" width="7.625" style="145" customWidth="1"/>
    <col min="2326" max="2329" width="8.625" style="145" customWidth="1"/>
    <col min="2330" max="2331" width="8.875" style="145" customWidth="1"/>
    <col min="2332" max="2561" width="9" style="145"/>
    <col min="2562" max="2562" width="16.25" style="145" customWidth="1"/>
    <col min="2563" max="2566" width="9.625" style="145" customWidth="1"/>
    <col min="2567" max="2567" width="7.625" style="145" customWidth="1"/>
    <col min="2568" max="2568" width="9.75" style="145" customWidth="1"/>
    <col min="2569" max="2569" width="9.625" style="145" customWidth="1"/>
    <col min="2570" max="2571" width="9.75" style="145" customWidth="1"/>
    <col min="2572" max="2572" width="7.875" style="145" customWidth="1"/>
    <col min="2573" max="2573" width="8.625" style="145" customWidth="1"/>
    <col min="2574" max="2574" width="39.625" style="145" customWidth="1"/>
    <col min="2575" max="2576" width="8.625" style="145" customWidth="1"/>
    <col min="2577" max="2577" width="0" style="145" hidden="1" customWidth="1"/>
    <col min="2578" max="2581" width="7.625" style="145" customWidth="1"/>
    <col min="2582" max="2585" width="8.625" style="145" customWidth="1"/>
    <col min="2586" max="2587" width="8.875" style="145" customWidth="1"/>
    <col min="2588" max="2817" width="9" style="145"/>
    <col min="2818" max="2818" width="16.25" style="145" customWidth="1"/>
    <col min="2819" max="2822" width="9.625" style="145" customWidth="1"/>
    <col min="2823" max="2823" width="7.625" style="145" customWidth="1"/>
    <col min="2824" max="2824" width="9.75" style="145" customWidth="1"/>
    <col min="2825" max="2825" width="9.625" style="145" customWidth="1"/>
    <col min="2826" max="2827" width="9.75" style="145" customWidth="1"/>
    <col min="2828" max="2828" width="7.875" style="145" customWidth="1"/>
    <col min="2829" max="2829" width="8.625" style="145" customWidth="1"/>
    <col min="2830" max="2830" width="39.625" style="145" customWidth="1"/>
    <col min="2831" max="2832" width="8.625" style="145" customWidth="1"/>
    <col min="2833" max="2833" width="0" style="145" hidden="1" customWidth="1"/>
    <col min="2834" max="2837" width="7.625" style="145" customWidth="1"/>
    <col min="2838" max="2841" width="8.625" style="145" customWidth="1"/>
    <col min="2842" max="2843" width="8.875" style="145" customWidth="1"/>
    <col min="2844" max="3073" width="9" style="145"/>
    <col min="3074" max="3074" width="16.25" style="145" customWidth="1"/>
    <col min="3075" max="3078" width="9.625" style="145" customWidth="1"/>
    <col min="3079" max="3079" width="7.625" style="145" customWidth="1"/>
    <col min="3080" max="3080" width="9.75" style="145" customWidth="1"/>
    <col min="3081" max="3081" width="9.625" style="145" customWidth="1"/>
    <col min="3082" max="3083" width="9.75" style="145" customWidth="1"/>
    <col min="3084" max="3084" width="7.875" style="145" customWidth="1"/>
    <col min="3085" max="3085" width="8.625" style="145" customWidth="1"/>
    <col min="3086" max="3086" width="39.625" style="145" customWidth="1"/>
    <col min="3087" max="3088" width="8.625" style="145" customWidth="1"/>
    <col min="3089" max="3089" width="0" style="145" hidden="1" customWidth="1"/>
    <col min="3090" max="3093" width="7.625" style="145" customWidth="1"/>
    <col min="3094" max="3097" width="8.625" style="145" customWidth="1"/>
    <col min="3098" max="3099" width="8.875" style="145" customWidth="1"/>
    <col min="3100" max="3329" width="9" style="145"/>
    <col min="3330" max="3330" width="16.25" style="145" customWidth="1"/>
    <col min="3331" max="3334" width="9.625" style="145" customWidth="1"/>
    <col min="3335" max="3335" width="7.625" style="145" customWidth="1"/>
    <col min="3336" max="3336" width="9.75" style="145" customWidth="1"/>
    <col min="3337" max="3337" width="9.625" style="145" customWidth="1"/>
    <col min="3338" max="3339" width="9.75" style="145" customWidth="1"/>
    <col min="3340" max="3340" width="7.875" style="145" customWidth="1"/>
    <col min="3341" max="3341" width="8.625" style="145" customWidth="1"/>
    <col min="3342" max="3342" width="39.625" style="145" customWidth="1"/>
    <col min="3343" max="3344" width="8.625" style="145" customWidth="1"/>
    <col min="3345" max="3345" width="0" style="145" hidden="1" customWidth="1"/>
    <col min="3346" max="3349" width="7.625" style="145" customWidth="1"/>
    <col min="3350" max="3353" width="8.625" style="145" customWidth="1"/>
    <col min="3354" max="3355" width="8.875" style="145" customWidth="1"/>
    <col min="3356" max="3585" width="9" style="145"/>
    <col min="3586" max="3586" width="16.25" style="145" customWidth="1"/>
    <col min="3587" max="3590" width="9.625" style="145" customWidth="1"/>
    <col min="3591" max="3591" width="7.625" style="145" customWidth="1"/>
    <col min="3592" max="3592" width="9.75" style="145" customWidth="1"/>
    <col min="3593" max="3593" width="9.625" style="145" customWidth="1"/>
    <col min="3594" max="3595" width="9.75" style="145" customWidth="1"/>
    <col min="3596" max="3596" width="7.875" style="145" customWidth="1"/>
    <col min="3597" max="3597" width="8.625" style="145" customWidth="1"/>
    <col min="3598" max="3598" width="39.625" style="145" customWidth="1"/>
    <col min="3599" max="3600" width="8.625" style="145" customWidth="1"/>
    <col min="3601" max="3601" width="0" style="145" hidden="1" customWidth="1"/>
    <col min="3602" max="3605" width="7.625" style="145" customWidth="1"/>
    <col min="3606" max="3609" width="8.625" style="145" customWidth="1"/>
    <col min="3610" max="3611" width="8.875" style="145" customWidth="1"/>
    <col min="3612" max="3841" width="9" style="145"/>
    <col min="3842" max="3842" width="16.25" style="145" customWidth="1"/>
    <col min="3843" max="3846" width="9.625" style="145" customWidth="1"/>
    <col min="3847" max="3847" width="7.625" style="145" customWidth="1"/>
    <col min="3848" max="3848" width="9.75" style="145" customWidth="1"/>
    <col min="3849" max="3849" width="9.625" style="145" customWidth="1"/>
    <col min="3850" max="3851" width="9.75" style="145" customWidth="1"/>
    <col min="3852" max="3852" width="7.875" style="145" customWidth="1"/>
    <col min="3853" max="3853" width="8.625" style="145" customWidth="1"/>
    <col min="3854" max="3854" width="39.625" style="145" customWidth="1"/>
    <col min="3855" max="3856" width="8.625" style="145" customWidth="1"/>
    <col min="3857" max="3857" width="0" style="145" hidden="1" customWidth="1"/>
    <col min="3858" max="3861" width="7.625" style="145" customWidth="1"/>
    <col min="3862" max="3865" width="8.625" style="145" customWidth="1"/>
    <col min="3866" max="3867" width="8.875" style="145" customWidth="1"/>
    <col min="3868" max="4097" width="9" style="145"/>
    <col min="4098" max="4098" width="16.25" style="145" customWidth="1"/>
    <col min="4099" max="4102" width="9.625" style="145" customWidth="1"/>
    <col min="4103" max="4103" width="7.625" style="145" customWidth="1"/>
    <col min="4104" max="4104" width="9.75" style="145" customWidth="1"/>
    <col min="4105" max="4105" width="9.625" style="145" customWidth="1"/>
    <col min="4106" max="4107" width="9.75" style="145" customWidth="1"/>
    <col min="4108" max="4108" width="7.875" style="145" customWidth="1"/>
    <col min="4109" max="4109" width="8.625" style="145" customWidth="1"/>
    <col min="4110" max="4110" width="39.625" style="145" customWidth="1"/>
    <col min="4111" max="4112" width="8.625" style="145" customWidth="1"/>
    <col min="4113" max="4113" width="0" style="145" hidden="1" customWidth="1"/>
    <col min="4114" max="4117" width="7.625" style="145" customWidth="1"/>
    <col min="4118" max="4121" width="8.625" style="145" customWidth="1"/>
    <col min="4122" max="4123" width="8.875" style="145" customWidth="1"/>
    <col min="4124" max="4353" width="9" style="145"/>
    <col min="4354" max="4354" width="16.25" style="145" customWidth="1"/>
    <col min="4355" max="4358" width="9.625" style="145" customWidth="1"/>
    <col min="4359" max="4359" width="7.625" style="145" customWidth="1"/>
    <col min="4360" max="4360" width="9.75" style="145" customWidth="1"/>
    <col min="4361" max="4361" width="9.625" style="145" customWidth="1"/>
    <col min="4362" max="4363" width="9.75" style="145" customWidth="1"/>
    <col min="4364" max="4364" width="7.875" style="145" customWidth="1"/>
    <col min="4365" max="4365" width="8.625" style="145" customWidth="1"/>
    <col min="4366" max="4366" width="39.625" style="145" customWidth="1"/>
    <col min="4367" max="4368" width="8.625" style="145" customWidth="1"/>
    <col min="4369" max="4369" width="0" style="145" hidden="1" customWidth="1"/>
    <col min="4370" max="4373" width="7.625" style="145" customWidth="1"/>
    <col min="4374" max="4377" width="8.625" style="145" customWidth="1"/>
    <col min="4378" max="4379" width="8.875" style="145" customWidth="1"/>
    <col min="4380" max="4609" width="9" style="145"/>
    <col min="4610" max="4610" width="16.25" style="145" customWidth="1"/>
    <col min="4611" max="4614" width="9.625" style="145" customWidth="1"/>
    <col min="4615" max="4615" width="7.625" style="145" customWidth="1"/>
    <col min="4616" max="4616" width="9.75" style="145" customWidth="1"/>
    <col min="4617" max="4617" width="9.625" style="145" customWidth="1"/>
    <col min="4618" max="4619" width="9.75" style="145" customWidth="1"/>
    <col min="4620" max="4620" width="7.875" style="145" customWidth="1"/>
    <col min="4621" max="4621" width="8.625" style="145" customWidth="1"/>
    <col min="4622" max="4622" width="39.625" style="145" customWidth="1"/>
    <col min="4623" max="4624" width="8.625" style="145" customWidth="1"/>
    <col min="4625" max="4625" width="0" style="145" hidden="1" customWidth="1"/>
    <col min="4626" max="4629" width="7.625" style="145" customWidth="1"/>
    <col min="4630" max="4633" width="8.625" style="145" customWidth="1"/>
    <col min="4634" max="4635" width="8.875" style="145" customWidth="1"/>
    <col min="4636" max="4865" width="9" style="145"/>
    <col min="4866" max="4866" width="16.25" style="145" customWidth="1"/>
    <col min="4867" max="4870" width="9.625" style="145" customWidth="1"/>
    <col min="4871" max="4871" width="7.625" style="145" customWidth="1"/>
    <col min="4872" max="4872" width="9.75" style="145" customWidth="1"/>
    <col min="4873" max="4873" width="9.625" style="145" customWidth="1"/>
    <col min="4874" max="4875" width="9.75" style="145" customWidth="1"/>
    <col min="4876" max="4876" width="7.875" style="145" customWidth="1"/>
    <col min="4877" max="4877" width="8.625" style="145" customWidth="1"/>
    <col min="4878" max="4878" width="39.625" style="145" customWidth="1"/>
    <col min="4879" max="4880" width="8.625" style="145" customWidth="1"/>
    <col min="4881" max="4881" width="0" style="145" hidden="1" customWidth="1"/>
    <col min="4882" max="4885" width="7.625" style="145" customWidth="1"/>
    <col min="4886" max="4889" width="8.625" style="145" customWidth="1"/>
    <col min="4890" max="4891" width="8.875" style="145" customWidth="1"/>
    <col min="4892" max="5121" width="9" style="145"/>
    <col min="5122" max="5122" width="16.25" style="145" customWidth="1"/>
    <col min="5123" max="5126" width="9.625" style="145" customWidth="1"/>
    <col min="5127" max="5127" width="7.625" style="145" customWidth="1"/>
    <col min="5128" max="5128" width="9.75" style="145" customWidth="1"/>
    <col min="5129" max="5129" width="9.625" style="145" customWidth="1"/>
    <col min="5130" max="5131" width="9.75" style="145" customWidth="1"/>
    <col min="5132" max="5132" width="7.875" style="145" customWidth="1"/>
    <col min="5133" max="5133" width="8.625" style="145" customWidth="1"/>
    <col min="5134" max="5134" width="39.625" style="145" customWidth="1"/>
    <col min="5135" max="5136" width="8.625" style="145" customWidth="1"/>
    <col min="5137" max="5137" width="0" style="145" hidden="1" customWidth="1"/>
    <col min="5138" max="5141" width="7.625" style="145" customWidth="1"/>
    <col min="5142" max="5145" width="8.625" style="145" customWidth="1"/>
    <col min="5146" max="5147" width="8.875" style="145" customWidth="1"/>
    <col min="5148" max="5377" width="9" style="145"/>
    <col min="5378" max="5378" width="16.25" style="145" customWidth="1"/>
    <col min="5379" max="5382" width="9.625" style="145" customWidth="1"/>
    <col min="5383" max="5383" width="7.625" style="145" customWidth="1"/>
    <col min="5384" max="5384" width="9.75" style="145" customWidth="1"/>
    <col min="5385" max="5385" width="9.625" style="145" customWidth="1"/>
    <col min="5386" max="5387" width="9.75" style="145" customWidth="1"/>
    <col min="5388" max="5388" width="7.875" style="145" customWidth="1"/>
    <col min="5389" max="5389" width="8.625" style="145" customWidth="1"/>
    <col min="5390" max="5390" width="39.625" style="145" customWidth="1"/>
    <col min="5391" max="5392" width="8.625" style="145" customWidth="1"/>
    <col min="5393" max="5393" width="0" style="145" hidden="1" customWidth="1"/>
    <col min="5394" max="5397" width="7.625" style="145" customWidth="1"/>
    <col min="5398" max="5401" width="8.625" style="145" customWidth="1"/>
    <col min="5402" max="5403" width="8.875" style="145" customWidth="1"/>
    <col min="5404" max="5633" width="9" style="145"/>
    <col min="5634" max="5634" width="16.25" style="145" customWidth="1"/>
    <col min="5635" max="5638" width="9.625" style="145" customWidth="1"/>
    <col min="5639" max="5639" width="7.625" style="145" customWidth="1"/>
    <col min="5640" max="5640" width="9.75" style="145" customWidth="1"/>
    <col min="5641" max="5641" width="9.625" style="145" customWidth="1"/>
    <col min="5642" max="5643" width="9.75" style="145" customWidth="1"/>
    <col min="5644" max="5644" width="7.875" style="145" customWidth="1"/>
    <col min="5645" max="5645" width="8.625" style="145" customWidth="1"/>
    <col min="5646" max="5646" width="39.625" style="145" customWidth="1"/>
    <col min="5647" max="5648" width="8.625" style="145" customWidth="1"/>
    <col min="5649" max="5649" width="0" style="145" hidden="1" customWidth="1"/>
    <col min="5650" max="5653" width="7.625" style="145" customWidth="1"/>
    <col min="5654" max="5657" width="8.625" style="145" customWidth="1"/>
    <col min="5658" max="5659" width="8.875" style="145" customWidth="1"/>
    <col min="5660" max="5889" width="9" style="145"/>
    <col min="5890" max="5890" width="16.25" style="145" customWidth="1"/>
    <col min="5891" max="5894" width="9.625" style="145" customWidth="1"/>
    <col min="5895" max="5895" width="7.625" style="145" customWidth="1"/>
    <col min="5896" max="5896" width="9.75" style="145" customWidth="1"/>
    <col min="5897" max="5897" width="9.625" style="145" customWidth="1"/>
    <col min="5898" max="5899" width="9.75" style="145" customWidth="1"/>
    <col min="5900" max="5900" width="7.875" style="145" customWidth="1"/>
    <col min="5901" max="5901" width="8.625" style="145" customWidth="1"/>
    <col min="5902" max="5902" width="39.625" style="145" customWidth="1"/>
    <col min="5903" max="5904" width="8.625" style="145" customWidth="1"/>
    <col min="5905" max="5905" width="0" style="145" hidden="1" customWidth="1"/>
    <col min="5906" max="5909" width="7.625" style="145" customWidth="1"/>
    <col min="5910" max="5913" width="8.625" style="145" customWidth="1"/>
    <col min="5914" max="5915" width="8.875" style="145" customWidth="1"/>
    <col min="5916" max="6145" width="9" style="145"/>
    <col min="6146" max="6146" width="16.25" style="145" customWidth="1"/>
    <col min="6147" max="6150" width="9.625" style="145" customWidth="1"/>
    <col min="6151" max="6151" width="7.625" style="145" customWidth="1"/>
    <col min="6152" max="6152" width="9.75" style="145" customWidth="1"/>
    <col min="6153" max="6153" width="9.625" style="145" customWidth="1"/>
    <col min="6154" max="6155" width="9.75" style="145" customWidth="1"/>
    <col min="6156" max="6156" width="7.875" style="145" customWidth="1"/>
    <col min="6157" max="6157" width="8.625" style="145" customWidth="1"/>
    <col min="6158" max="6158" width="39.625" style="145" customWidth="1"/>
    <col min="6159" max="6160" width="8.625" style="145" customWidth="1"/>
    <col min="6161" max="6161" width="0" style="145" hidden="1" customWidth="1"/>
    <col min="6162" max="6165" width="7.625" style="145" customWidth="1"/>
    <col min="6166" max="6169" width="8.625" style="145" customWidth="1"/>
    <col min="6170" max="6171" width="8.875" style="145" customWidth="1"/>
    <col min="6172" max="6401" width="9" style="145"/>
    <col min="6402" max="6402" width="16.25" style="145" customWidth="1"/>
    <col min="6403" max="6406" width="9.625" style="145" customWidth="1"/>
    <col min="6407" max="6407" width="7.625" style="145" customWidth="1"/>
    <col min="6408" max="6408" width="9.75" style="145" customWidth="1"/>
    <col min="6409" max="6409" width="9.625" style="145" customWidth="1"/>
    <col min="6410" max="6411" width="9.75" style="145" customWidth="1"/>
    <col min="6412" max="6412" width="7.875" style="145" customWidth="1"/>
    <col min="6413" max="6413" width="8.625" style="145" customWidth="1"/>
    <col min="6414" max="6414" width="39.625" style="145" customWidth="1"/>
    <col min="6415" max="6416" width="8.625" style="145" customWidth="1"/>
    <col min="6417" max="6417" width="0" style="145" hidden="1" customWidth="1"/>
    <col min="6418" max="6421" width="7.625" style="145" customWidth="1"/>
    <col min="6422" max="6425" width="8.625" style="145" customWidth="1"/>
    <col min="6426" max="6427" width="8.875" style="145" customWidth="1"/>
    <col min="6428" max="6657" width="9" style="145"/>
    <col min="6658" max="6658" width="16.25" style="145" customWidth="1"/>
    <col min="6659" max="6662" width="9.625" style="145" customWidth="1"/>
    <col min="6663" max="6663" width="7.625" style="145" customWidth="1"/>
    <col min="6664" max="6664" width="9.75" style="145" customWidth="1"/>
    <col min="6665" max="6665" width="9.625" style="145" customWidth="1"/>
    <col min="6666" max="6667" width="9.75" style="145" customWidth="1"/>
    <col min="6668" max="6668" width="7.875" style="145" customWidth="1"/>
    <col min="6669" max="6669" width="8.625" style="145" customWidth="1"/>
    <col min="6670" max="6670" width="39.625" style="145" customWidth="1"/>
    <col min="6671" max="6672" width="8.625" style="145" customWidth="1"/>
    <col min="6673" max="6673" width="0" style="145" hidden="1" customWidth="1"/>
    <col min="6674" max="6677" width="7.625" style="145" customWidth="1"/>
    <col min="6678" max="6681" width="8.625" style="145" customWidth="1"/>
    <col min="6682" max="6683" width="8.875" style="145" customWidth="1"/>
    <col min="6684" max="6913" width="9" style="145"/>
    <col min="6914" max="6914" width="16.25" style="145" customWidth="1"/>
    <col min="6915" max="6918" width="9.625" style="145" customWidth="1"/>
    <col min="6919" max="6919" width="7.625" style="145" customWidth="1"/>
    <col min="6920" max="6920" width="9.75" style="145" customWidth="1"/>
    <col min="6921" max="6921" width="9.625" style="145" customWidth="1"/>
    <col min="6922" max="6923" width="9.75" style="145" customWidth="1"/>
    <col min="6924" max="6924" width="7.875" style="145" customWidth="1"/>
    <col min="6925" max="6925" width="8.625" style="145" customWidth="1"/>
    <col min="6926" max="6926" width="39.625" style="145" customWidth="1"/>
    <col min="6927" max="6928" width="8.625" style="145" customWidth="1"/>
    <col min="6929" max="6929" width="0" style="145" hidden="1" customWidth="1"/>
    <col min="6930" max="6933" width="7.625" style="145" customWidth="1"/>
    <col min="6934" max="6937" width="8.625" style="145" customWidth="1"/>
    <col min="6938" max="6939" width="8.875" style="145" customWidth="1"/>
    <col min="6940" max="7169" width="9" style="145"/>
    <col min="7170" max="7170" width="16.25" style="145" customWidth="1"/>
    <col min="7171" max="7174" width="9.625" style="145" customWidth="1"/>
    <col min="7175" max="7175" width="7.625" style="145" customWidth="1"/>
    <col min="7176" max="7176" width="9.75" style="145" customWidth="1"/>
    <col min="7177" max="7177" width="9.625" style="145" customWidth="1"/>
    <col min="7178" max="7179" width="9.75" style="145" customWidth="1"/>
    <col min="7180" max="7180" width="7.875" style="145" customWidth="1"/>
    <col min="7181" max="7181" width="8.625" style="145" customWidth="1"/>
    <col min="7182" max="7182" width="39.625" style="145" customWidth="1"/>
    <col min="7183" max="7184" width="8.625" style="145" customWidth="1"/>
    <col min="7185" max="7185" width="0" style="145" hidden="1" customWidth="1"/>
    <col min="7186" max="7189" width="7.625" style="145" customWidth="1"/>
    <col min="7190" max="7193" width="8.625" style="145" customWidth="1"/>
    <col min="7194" max="7195" width="8.875" style="145" customWidth="1"/>
    <col min="7196" max="7425" width="9" style="145"/>
    <col min="7426" max="7426" width="16.25" style="145" customWidth="1"/>
    <col min="7427" max="7430" width="9.625" style="145" customWidth="1"/>
    <col min="7431" max="7431" width="7.625" style="145" customWidth="1"/>
    <col min="7432" max="7432" width="9.75" style="145" customWidth="1"/>
    <col min="7433" max="7433" width="9.625" style="145" customWidth="1"/>
    <col min="7434" max="7435" width="9.75" style="145" customWidth="1"/>
    <col min="7436" max="7436" width="7.875" style="145" customWidth="1"/>
    <col min="7437" max="7437" width="8.625" style="145" customWidth="1"/>
    <col min="7438" max="7438" width="39.625" style="145" customWidth="1"/>
    <col min="7439" max="7440" width="8.625" style="145" customWidth="1"/>
    <col min="7441" max="7441" width="0" style="145" hidden="1" customWidth="1"/>
    <col min="7442" max="7445" width="7.625" style="145" customWidth="1"/>
    <col min="7446" max="7449" width="8.625" style="145" customWidth="1"/>
    <col min="7450" max="7451" width="8.875" style="145" customWidth="1"/>
    <col min="7452" max="7681" width="9" style="145"/>
    <col min="7682" max="7682" width="16.25" style="145" customWidth="1"/>
    <col min="7683" max="7686" width="9.625" style="145" customWidth="1"/>
    <col min="7687" max="7687" width="7.625" style="145" customWidth="1"/>
    <col min="7688" max="7688" width="9.75" style="145" customWidth="1"/>
    <col min="7689" max="7689" width="9.625" style="145" customWidth="1"/>
    <col min="7690" max="7691" width="9.75" style="145" customWidth="1"/>
    <col min="7692" max="7692" width="7.875" style="145" customWidth="1"/>
    <col min="7693" max="7693" width="8.625" style="145" customWidth="1"/>
    <col min="7694" max="7694" width="39.625" style="145" customWidth="1"/>
    <col min="7695" max="7696" width="8.625" style="145" customWidth="1"/>
    <col min="7697" max="7697" width="0" style="145" hidden="1" customWidth="1"/>
    <col min="7698" max="7701" width="7.625" style="145" customWidth="1"/>
    <col min="7702" max="7705" width="8.625" style="145" customWidth="1"/>
    <col min="7706" max="7707" width="8.875" style="145" customWidth="1"/>
    <col min="7708" max="7937" width="9" style="145"/>
    <col min="7938" max="7938" width="16.25" style="145" customWidth="1"/>
    <col min="7939" max="7942" width="9.625" style="145" customWidth="1"/>
    <col min="7943" max="7943" width="7.625" style="145" customWidth="1"/>
    <col min="7944" max="7944" width="9.75" style="145" customWidth="1"/>
    <col min="7945" max="7945" width="9.625" style="145" customWidth="1"/>
    <col min="7946" max="7947" width="9.75" style="145" customWidth="1"/>
    <col min="7948" max="7948" width="7.875" style="145" customWidth="1"/>
    <col min="7949" max="7949" width="8.625" style="145" customWidth="1"/>
    <col min="7950" max="7950" width="39.625" style="145" customWidth="1"/>
    <col min="7951" max="7952" width="8.625" style="145" customWidth="1"/>
    <col min="7953" max="7953" width="0" style="145" hidden="1" customWidth="1"/>
    <col min="7954" max="7957" width="7.625" style="145" customWidth="1"/>
    <col min="7958" max="7961" width="8.625" style="145" customWidth="1"/>
    <col min="7962" max="7963" width="8.875" style="145" customWidth="1"/>
    <col min="7964" max="8193" width="9" style="145"/>
    <col min="8194" max="8194" width="16.25" style="145" customWidth="1"/>
    <col min="8195" max="8198" width="9.625" style="145" customWidth="1"/>
    <col min="8199" max="8199" width="7.625" style="145" customWidth="1"/>
    <col min="8200" max="8200" width="9.75" style="145" customWidth="1"/>
    <col min="8201" max="8201" width="9.625" style="145" customWidth="1"/>
    <col min="8202" max="8203" width="9.75" style="145" customWidth="1"/>
    <col min="8204" max="8204" width="7.875" style="145" customWidth="1"/>
    <col min="8205" max="8205" width="8.625" style="145" customWidth="1"/>
    <col min="8206" max="8206" width="39.625" style="145" customWidth="1"/>
    <col min="8207" max="8208" width="8.625" style="145" customWidth="1"/>
    <col min="8209" max="8209" width="0" style="145" hidden="1" customWidth="1"/>
    <col min="8210" max="8213" width="7.625" style="145" customWidth="1"/>
    <col min="8214" max="8217" width="8.625" style="145" customWidth="1"/>
    <col min="8218" max="8219" width="8.875" style="145" customWidth="1"/>
    <col min="8220" max="8449" width="9" style="145"/>
    <col min="8450" max="8450" width="16.25" style="145" customWidth="1"/>
    <col min="8451" max="8454" width="9.625" style="145" customWidth="1"/>
    <col min="8455" max="8455" width="7.625" style="145" customWidth="1"/>
    <col min="8456" max="8456" width="9.75" style="145" customWidth="1"/>
    <col min="8457" max="8457" width="9.625" style="145" customWidth="1"/>
    <col min="8458" max="8459" width="9.75" style="145" customWidth="1"/>
    <col min="8460" max="8460" width="7.875" style="145" customWidth="1"/>
    <col min="8461" max="8461" width="8.625" style="145" customWidth="1"/>
    <col min="8462" max="8462" width="39.625" style="145" customWidth="1"/>
    <col min="8463" max="8464" width="8.625" style="145" customWidth="1"/>
    <col min="8465" max="8465" width="0" style="145" hidden="1" customWidth="1"/>
    <col min="8466" max="8469" width="7.625" style="145" customWidth="1"/>
    <col min="8470" max="8473" width="8.625" style="145" customWidth="1"/>
    <col min="8474" max="8475" width="8.875" style="145" customWidth="1"/>
    <col min="8476" max="8705" width="9" style="145"/>
    <col min="8706" max="8706" width="16.25" style="145" customWidth="1"/>
    <col min="8707" max="8710" width="9.625" style="145" customWidth="1"/>
    <col min="8711" max="8711" width="7.625" style="145" customWidth="1"/>
    <col min="8712" max="8712" width="9.75" style="145" customWidth="1"/>
    <col min="8713" max="8713" width="9.625" style="145" customWidth="1"/>
    <col min="8714" max="8715" width="9.75" style="145" customWidth="1"/>
    <col min="8716" max="8716" width="7.875" style="145" customWidth="1"/>
    <col min="8717" max="8717" width="8.625" style="145" customWidth="1"/>
    <col min="8718" max="8718" width="39.625" style="145" customWidth="1"/>
    <col min="8719" max="8720" width="8.625" style="145" customWidth="1"/>
    <col min="8721" max="8721" width="0" style="145" hidden="1" customWidth="1"/>
    <col min="8722" max="8725" width="7.625" style="145" customWidth="1"/>
    <col min="8726" max="8729" width="8.625" style="145" customWidth="1"/>
    <col min="8730" max="8731" width="8.875" style="145" customWidth="1"/>
    <col min="8732" max="8961" width="9" style="145"/>
    <col min="8962" max="8962" width="16.25" style="145" customWidth="1"/>
    <col min="8963" max="8966" width="9.625" style="145" customWidth="1"/>
    <col min="8967" max="8967" width="7.625" style="145" customWidth="1"/>
    <col min="8968" max="8968" width="9.75" style="145" customWidth="1"/>
    <col min="8969" max="8969" width="9.625" style="145" customWidth="1"/>
    <col min="8970" max="8971" width="9.75" style="145" customWidth="1"/>
    <col min="8972" max="8972" width="7.875" style="145" customWidth="1"/>
    <col min="8973" max="8973" width="8.625" style="145" customWidth="1"/>
    <col min="8974" max="8974" width="39.625" style="145" customWidth="1"/>
    <col min="8975" max="8976" width="8.625" style="145" customWidth="1"/>
    <col min="8977" max="8977" width="0" style="145" hidden="1" customWidth="1"/>
    <col min="8978" max="8981" width="7.625" style="145" customWidth="1"/>
    <col min="8982" max="8985" width="8.625" style="145" customWidth="1"/>
    <col min="8986" max="8987" width="8.875" style="145" customWidth="1"/>
    <col min="8988" max="9217" width="9" style="145"/>
    <col min="9218" max="9218" width="16.25" style="145" customWidth="1"/>
    <col min="9219" max="9222" width="9.625" style="145" customWidth="1"/>
    <col min="9223" max="9223" width="7.625" style="145" customWidth="1"/>
    <col min="9224" max="9224" width="9.75" style="145" customWidth="1"/>
    <col min="9225" max="9225" width="9.625" style="145" customWidth="1"/>
    <col min="9226" max="9227" width="9.75" style="145" customWidth="1"/>
    <col min="9228" max="9228" width="7.875" style="145" customWidth="1"/>
    <col min="9229" max="9229" width="8.625" style="145" customWidth="1"/>
    <col min="9230" max="9230" width="39.625" style="145" customWidth="1"/>
    <col min="9231" max="9232" width="8.625" style="145" customWidth="1"/>
    <col min="9233" max="9233" width="0" style="145" hidden="1" customWidth="1"/>
    <col min="9234" max="9237" width="7.625" style="145" customWidth="1"/>
    <col min="9238" max="9241" width="8.625" style="145" customWidth="1"/>
    <col min="9242" max="9243" width="8.875" style="145" customWidth="1"/>
    <col min="9244" max="9473" width="9" style="145"/>
    <col min="9474" max="9474" width="16.25" style="145" customWidth="1"/>
    <col min="9475" max="9478" width="9.625" style="145" customWidth="1"/>
    <col min="9479" max="9479" width="7.625" style="145" customWidth="1"/>
    <col min="9480" max="9480" width="9.75" style="145" customWidth="1"/>
    <col min="9481" max="9481" width="9.625" style="145" customWidth="1"/>
    <col min="9482" max="9483" width="9.75" style="145" customWidth="1"/>
    <col min="9484" max="9484" width="7.875" style="145" customWidth="1"/>
    <col min="9485" max="9485" width="8.625" style="145" customWidth="1"/>
    <col min="9486" max="9486" width="39.625" style="145" customWidth="1"/>
    <col min="9487" max="9488" width="8.625" style="145" customWidth="1"/>
    <col min="9489" max="9489" width="0" style="145" hidden="1" customWidth="1"/>
    <col min="9490" max="9493" width="7.625" style="145" customWidth="1"/>
    <col min="9494" max="9497" width="8.625" style="145" customWidth="1"/>
    <col min="9498" max="9499" width="8.875" style="145" customWidth="1"/>
    <col min="9500" max="9729" width="9" style="145"/>
    <col min="9730" max="9730" width="16.25" style="145" customWidth="1"/>
    <col min="9731" max="9734" width="9.625" style="145" customWidth="1"/>
    <col min="9735" max="9735" width="7.625" style="145" customWidth="1"/>
    <col min="9736" max="9736" width="9.75" style="145" customWidth="1"/>
    <col min="9737" max="9737" width="9.625" style="145" customWidth="1"/>
    <col min="9738" max="9739" width="9.75" style="145" customWidth="1"/>
    <col min="9740" max="9740" width="7.875" style="145" customWidth="1"/>
    <col min="9741" max="9741" width="8.625" style="145" customWidth="1"/>
    <col min="9742" max="9742" width="39.625" style="145" customWidth="1"/>
    <col min="9743" max="9744" width="8.625" style="145" customWidth="1"/>
    <col min="9745" max="9745" width="0" style="145" hidden="1" customWidth="1"/>
    <col min="9746" max="9749" width="7.625" style="145" customWidth="1"/>
    <col min="9750" max="9753" width="8.625" style="145" customWidth="1"/>
    <col min="9754" max="9755" width="8.875" style="145" customWidth="1"/>
    <col min="9756" max="9985" width="9" style="145"/>
    <col min="9986" max="9986" width="16.25" style="145" customWidth="1"/>
    <col min="9987" max="9990" width="9.625" style="145" customWidth="1"/>
    <col min="9991" max="9991" width="7.625" style="145" customWidth="1"/>
    <col min="9992" max="9992" width="9.75" style="145" customWidth="1"/>
    <col min="9993" max="9993" width="9.625" style="145" customWidth="1"/>
    <col min="9994" max="9995" width="9.75" style="145" customWidth="1"/>
    <col min="9996" max="9996" width="7.875" style="145" customWidth="1"/>
    <col min="9997" max="9997" width="8.625" style="145" customWidth="1"/>
    <col min="9998" max="9998" width="39.625" style="145" customWidth="1"/>
    <col min="9999" max="10000" width="8.625" style="145" customWidth="1"/>
    <col min="10001" max="10001" width="0" style="145" hidden="1" customWidth="1"/>
    <col min="10002" max="10005" width="7.625" style="145" customWidth="1"/>
    <col min="10006" max="10009" width="8.625" style="145" customWidth="1"/>
    <col min="10010" max="10011" width="8.875" style="145" customWidth="1"/>
    <col min="10012" max="10241" width="9" style="145"/>
    <col min="10242" max="10242" width="16.25" style="145" customWidth="1"/>
    <col min="10243" max="10246" width="9.625" style="145" customWidth="1"/>
    <col min="10247" max="10247" width="7.625" style="145" customWidth="1"/>
    <col min="10248" max="10248" width="9.75" style="145" customWidth="1"/>
    <col min="10249" max="10249" width="9.625" style="145" customWidth="1"/>
    <col min="10250" max="10251" width="9.75" style="145" customWidth="1"/>
    <col min="10252" max="10252" width="7.875" style="145" customWidth="1"/>
    <col min="10253" max="10253" width="8.625" style="145" customWidth="1"/>
    <col min="10254" max="10254" width="39.625" style="145" customWidth="1"/>
    <col min="10255" max="10256" width="8.625" style="145" customWidth="1"/>
    <col min="10257" max="10257" width="0" style="145" hidden="1" customWidth="1"/>
    <col min="10258" max="10261" width="7.625" style="145" customWidth="1"/>
    <col min="10262" max="10265" width="8.625" style="145" customWidth="1"/>
    <col min="10266" max="10267" width="8.875" style="145" customWidth="1"/>
    <col min="10268" max="10497" width="9" style="145"/>
    <col min="10498" max="10498" width="16.25" style="145" customWidth="1"/>
    <col min="10499" max="10502" width="9.625" style="145" customWidth="1"/>
    <col min="10503" max="10503" width="7.625" style="145" customWidth="1"/>
    <col min="10504" max="10504" width="9.75" style="145" customWidth="1"/>
    <col min="10505" max="10505" width="9.625" style="145" customWidth="1"/>
    <col min="10506" max="10507" width="9.75" style="145" customWidth="1"/>
    <col min="10508" max="10508" width="7.875" style="145" customWidth="1"/>
    <col min="10509" max="10509" width="8.625" style="145" customWidth="1"/>
    <col min="10510" max="10510" width="39.625" style="145" customWidth="1"/>
    <col min="10511" max="10512" width="8.625" style="145" customWidth="1"/>
    <col min="10513" max="10513" width="0" style="145" hidden="1" customWidth="1"/>
    <col min="10514" max="10517" width="7.625" style="145" customWidth="1"/>
    <col min="10518" max="10521" width="8.625" style="145" customWidth="1"/>
    <col min="10522" max="10523" width="8.875" style="145" customWidth="1"/>
    <col min="10524" max="10753" width="9" style="145"/>
    <col min="10754" max="10754" width="16.25" style="145" customWidth="1"/>
    <col min="10755" max="10758" width="9.625" style="145" customWidth="1"/>
    <col min="10759" max="10759" width="7.625" style="145" customWidth="1"/>
    <col min="10760" max="10760" width="9.75" style="145" customWidth="1"/>
    <col min="10761" max="10761" width="9.625" style="145" customWidth="1"/>
    <col min="10762" max="10763" width="9.75" style="145" customWidth="1"/>
    <col min="10764" max="10764" width="7.875" style="145" customWidth="1"/>
    <col min="10765" max="10765" width="8.625" style="145" customWidth="1"/>
    <col min="10766" max="10766" width="39.625" style="145" customWidth="1"/>
    <col min="10767" max="10768" width="8.625" style="145" customWidth="1"/>
    <col min="10769" max="10769" width="0" style="145" hidden="1" customWidth="1"/>
    <col min="10770" max="10773" width="7.625" style="145" customWidth="1"/>
    <col min="10774" max="10777" width="8.625" style="145" customWidth="1"/>
    <col min="10778" max="10779" width="8.875" style="145" customWidth="1"/>
    <col min="10780" max="11009" width="9" style="145"/>
    <col min="11010" max="11010" width="16.25" style="145" customWidth="1"/>
    <col min="11011" max="11014" width="9.625" style="145" customWidth="1"/>
    <col min="11015" max="11015" width="7.625" style="145" customWidth="1"/>
    <col min="11016" max="11016" width="9.75" style="145" customWidth="1"/>
    <col min="11017" max="11017" width="9.625" style="145" customWidth="1"/>
    <col min="11018" max="11019" width="9.75" style="145" customWidth="1"/>
    <col min="11020" max="11020" width="7.875" style="145" customWidth="1"/>
    <col min="11021" max="11021" width="8.625" style="145" customWidth="1"/>
    <col min="11022" max="11022" width="39.625" style="145" customWidth="1"/>
    <col min="11023" max="11024" width="8.625" style="145" customWidth="1"/>
    <col min="11025" max="11025" width="0" style="145" hidden="1" customWidth="1"/>
    <col min="11026" max="11029" width="7.625" style="145" customWidth="1"/>
    <col min="11030" max="11033" width="8.625" style="145" customWidth="1"/>
    <col min="11034" max="11035" width="8.875" style="145" customWidth="1"/>
    <col min="11036" max="11265" width="9" style="145"/>
    <col min="11266" max="11266" width="16.25" style="145" customWidth="1"/>
    <col min="11267" max="11270" width="9.625" style="145" customWidth="1"/>
    <col min="11271" max="11271" width="7.625" style="145" customWidth="1"/>
    <col min="11272" max="11272" width="9.75" style="145" customWidth="1"/>
    <col min="11273" max="11273" width="9.625" style="145" customWidth="1"/>
    <col min="11274" max="11275" width="9.75" style="145" customWidth="1"/>
    <col min="11276" max="11276" width="7.875" style="145" customWidth="1"/>
    <col min="11277" max="11277" width="8.625" style="145" customWidth="1"/>
    <col min="11278" max="11278" width="39.625" style="145" customWidth="1"/>
    <col min="11279" max="11280" width="8.625" style="145" customWidth="1"/>
    <col min="11281" max="11281" width="0" style="145" hidden="1" customWidth="1"/>
    <col min="11282" max="11285" width="7.625" style="145" customWidth="1"/>
    <col min="11286" max="11289" width="8.625" style="145" customWidth="1"/>
    <col min="11290" max="11291" width="8.875" style="145" customWidth="1"/>
    <col min="11292" max="11521" width="9" style="145"/>
    <col min="11522" max="11522" width="16.25" style="145" customWidth="1"/>
    <col min="11523" max="11526" width="9.625" style="145" customWidth="1"/>
    <col min="11527" max="11527" width="7.625" style="145" customWidth="1"/>
    <col min="11528" max="11528" width="9.75" style="145" customWidth="1"/>
    <col min="11529" max="11529" width="9.625" style="145" customWidth="1"/>
    <col min="11530" max="11531" width="9.75" style="145" customWidth="1"/>
    <col min="11532" max="11532" width="7.875" style="145" customWidth="1"/>
    <col min="11533" max="11533" width="8.625" style="145" customWidth="1"/>
    <col min="11534" max="11534" width="39.625" style="145" customWidth="1"/>
    <col min="11535" max="11536" width="8.625" style="145" customWidth="1"/>
    <col min="11537" max="11537" width="0" style="145" hidden="1" customWidth="1"/>
    <col min="11538" max="11541" width="7.625" style="145" customWidth="1"/>
    <col min="11542" max="11545" width="8.625" style="145" customWidth="1"/>
    <col min="11546" max="11547" width="8.875" style="145" customWidth="1"/>
    <col min="11548" max="11777" width="9" style="145"/>
    <col min="11778" max="11778" width="16.25" style="145" customWidth="1"/>
    <col min="11779" max="11782" width="9.625" style="145" customWidth="1"/>
    <col min="11783" max="11783" width="7.625" style="145" customWidth="1"/>
    <col min="11784" max="11784" width="9.75" style="145" customWidth="1"/>
    <col min="11785" max="11785" width="9.625" style="145" customWidth="1"/>
    <col min="11786" max="11787" width="9.75" style="145" customWidth="1"/>
    <col min="11788" max="11788" width="7.875" style="145" customWidth="1"/>
    <col min="11789" max="11789" width="8.625" style="145" customWidth="1"/>
    <col min="11790" max="11790" width="39.625" style="145" customWidth="1"/>
    <col min="11791" max="11792" width="8.625" style="145" customWidth="1"/>
    <col min="11793" max="11793" width="0" style="145" hidden="1" customWidth="1"/>
    <col min="11794" max="11797" width="7.625" style="145" customWidth="1"/>
    <col min="11798" max="11801" width="8.625" style="145" customWidth="1"/>
    <col min="11802" max="11803" width="8.875" style="145" customWidth="1"/>
    <col min="11804" max="12033" width="9" style="145"/>
    <col min="12034" max="12034" width="16.25" style="145" customWidth="1"/>
    <col min="12035" max="12038" width="9.625" style="145" customWidth="1"/>
    <col min="12039" max="12039" width="7.625" style="145" customWidth="1"/>
    <col min="12040" max="12040" width="9.75" style="145" customWidth="1"/>
    <col min="12041" max="12041" width="9.625" style="145" customWidth="1"/>
    <col min="12042" max="12043" width="9.75" style="145" customWidth="1"/>
    <col min="12044" max="12044" width="7.875" style="145" customWidth="1"/>
    <col min="12045" max="12045" width="8.625" style="145" customWidth="1"/>
    <col min="12046" max="12046" width="39.625" style="145" customWidth="1"/>
    <col min="12047" max="12048" width="8.625" style="145" customWidth="1"/>
    <col min="12049" max="12049" width="0" style="145" hidden="1" customWidth="1"/>
    <col min="12050" max="12053" width="7.625" style="145" customWidth="1"/>
    <col min="12054" max="12057" width="8.625" style="145" customWidth="1"/>
    <col min="12058" max="12059" width="8.875" style="145" customWidth="1"/>
    <col min="12060" max="12289" width="9" style="145"/>
    <col min="12290" max="12290" width="16.25" style="145" customWidth="1"/>
    <col min="12291" max="12294" width="9.625" style="145" customWidth="1"/>
    <col min="12295" max="12295" width="7.625" style="145" customWidth="1"/>
    <col min="12296" max="12296" width="9.75" style="145" customWidth="1"/>
    <col min="12297" max="12297" width="9.625" style="145" customWidth="1"/>
    <col min="12298" max="12299" width="9.75" style="145" customWidth="1"/>
    <col min="12300" max="12300" width="7.875" style="145" customWidth="1"/>
    <col min="12301" max="12301" width="8.625" style="145" customWidth="1"/>
    <col min="12302" max="12302" width="39.625" style="145" customWidth="1"/>
    <col min="12303" max="12304" width="8.625" style="145" customWidth="1"/>
    <col min="12305" max="12305" width="0" style="145" hidden="1" customWidth="1"/>
    <col min="12306" max="12309" width="7.625" style="145" customWidth="1"/>
    <col min="12310" max="12313" width="8.625" style="145" customWidth="1"/>
    <col min="12314" max="12315" width="8.875" style="145" customWidth="1"/>
    <col min="12316" max="12545" width="9" style="145"/>
    <col min="12546" max="12546" width="16.25" style="145" customWidth="1"/>
    <col min="12547" max="12550" width="9.625" style="145" customWidth="1"/>
    <col min="12551" max="12551" width="7.625" style="145" customWidth="1"/>
    <col min="12552" max="12552" width="9.75" style="145" customWidth="1"/>
    <col min="12553" max="12553" width="9.625" style="145" customWidth="1"/>
    <col min="12554" max="12555" width="9.75" style="145" customWidth="1"/>
    <col min="12556" max="12556" width="7.875" style="145" customWidth="1"/>
    <col min="12557" max="12557" width="8.625" style="145" customWidth="1"/>
    <col min="12558" max="12558" width="39.625" style="145" customWidth="1"/>
    <col min="12559" max="12560" width="8.625" style="145" customWidth="1"/>
    <col min="12561" max="12561" width="0" style="145" hidden="1" customWidth="1"/>
    <col min="12562" max="12565" width="7.625" style="145" customWidth="1"/>
    <col min="12566" max="12569" width="8.625" style="145" customWidth="1"/>
    <col min="12570" max="12571" width="8.875" style="145" customWidth="1"/>
    <col min="12572" max="12801" width="9" style="145"/>
    <col min="12802" max="12802" width="16.25" style="145" customWidth="1"/>
    <col min="12803" max="12806" width="9.625" style="145" customWidth="1"/>
    <col min="12807" max="12807" width="7.625" style="145" customWidth="1"/>
    <col min="12808" max="12808" width="9.75" style="145" customWidth="1"/>
    <col min="12809" max="12809" width="9.625" style="145" customWidth="1"/>
    <col min="12810" max="12811" width="9.75" style="145" customWidth="1"/>
    <col min="12812" max="12812" width="7.875" style="145" customWidth="1"/>
    <col min="12813" max="12813" width="8.625" style="145" customWidth="1"/>
    <col min="12814" max="12814" width="39.625" style="145" customWidth="1"/>
    <col min="12815" max="12816" width="8.625" style="145" customWidth="1"/>
    <col min="12817" max="12817" width="0" style="145" hidden="1" customWidth="1"/>
    <col min="12818" max="12821" width="7.625" style="145" customWidth="1"/>
    <col min="12822" max="12825" width="8.625" style="145" customWidth="1"/>
    <col min="12826" max="12827" width="8.875" style="145" customWidth="1"/>
    <col min="12828" max="13057" width="9" style="145"/>
    <col min="13058" max="13058" width="16.25" style="145" customWidth="1"/>
    <col min="13059" max="13062" width="9.625" style="145" customWidth="1"/>
    <col min="13063" max="13063" width="7.625" style="145" customWidth="1"/>
    <col min="13064" max="13064" width="9.75" style="145" customWidth="1"/>
    <col min="13065" max="13065" width="9.625" style="145" customWidth="1"/>
    <col min="13066" max="13067" width="9.75" style="145" customWidth="1"/>
    <col min="13068" max="13068" width="7.875" style="145" customWidth="1"/>
    <col min="13069" max="13069" width="8.625" style="145" customWidth="1"/>
    <col min="13070" max="13070" width="39.625" style="145" customWidth="1"/>
    <col min="13071" max="13072" width="8.625" style="145" customWidth="1"/>
    <col min="13073" max="13073" width="0" style="145" hidden="1" customWidth="1"/>
    <col min="13074" max="13077" width="7.625" style="145" customWidth="1"/>
    <col min="13078" max="13081" width="8.625" style="145" customWidth="1"/>
    <col min="13082" max="13083" width="8.875" style="145" customWidth="1"/>
    <col min="13084" max="13313" width="9" style="145"/>
    <col min="13314" max="13314" width="16.25" style="145" customWidth="1"/>
    <col min="13315" max="13318" width="9.625" style="145" customWidth="1"/>
    <col min="13319" max="13319" width="7.625" style="145" customWidth="1"/>
    <col min="13320" max="13320" width="9.75" style="145" customWidth="1"/>
    <col min="13321" max="13321" width="9.625" style="145" customWidth="1"/>
    <col min="13322" max="13323" width="9.75" style="145" customWidth="1"/>
    <col min="13324" max="13324" width="7.875" style="145" customWidth="1"/>
    <col min="13325" max="13325" width="8.625" style="145" customWidth="1"/>
    <col min="13326" max="13326" width="39.625" style="145" customWidth="1"/>
    <col min="13327" max="13328" width="8.625" style="145" customWidth="1"/>
    <col min="13329" max="13329" width="0" style="145" hidden="1" customWidth="1"/>
    <col min="13330" max="13333" width="7.625" style="145" customWidth="1"/>
    <col min="13334" max="13337" width="8.625" style="145" customWidth="1"/>
    <col min="13338" max="13339" width="8.875" style="145" customWidth="1"/>
    <col min="13340" max="13569" width="9" style="145"/>
    <col min="13570" max="13570" width="16.25" style="145" customWidth="1"/>
    <col min="13571" max="13574" width="9.625" style="145" customWidth="1"/>
    <col min="13575" max="13575" width="7.625" style="145" customWidth="1"/>
    <col min="13576" max="13576" width="9.75" style="145" customWidth="1"/>
    <col min="13577" max="13577" width="9.625" style="145" customWidth="1"/>
    <col min="13578" max="13579" width="9.75" style="145" customWidth="1"/>
    <col min="13580" max="13580" width="7.875" style="145" customWidth="1"/>
    <col min="13581" max="13581" width="8.625" style="145" customWidth="1"/>
    <col min="13582" max="13582" width="39.625" style="145" customWidth="1"/>
    <col min="13583" max="13584" width="8.625" style="145" customWidth="1"/>
    <col min="13585" max="13585" width="0" style="145" hidden="1" customWidth="1"/>
    <col min="13586" max="13589" width="7.625" style="145" customWidth="1"/>
    <col min="13590" max="13593" width="8.625" style="145" customWidth="1"/>
    <col min="13594" max="13595" width="8.875" style="145" customWidth="1"/>
    <col min="13596" max="13825" width="9" style="145"/>
    <col min="13826" max="13826" width="16.25" style="145" customWidth="1"/>
    <col min="13827" max="13830" width="9.625" style="145" customWidth="1"/>
    <col min="13831" max="13831" width="7.625" style="145" customWidth="1"/>
    <col min="13832" max="13832" width="9.75" style="145" customWidth="1"/>
    <col min="13833" max="13833" width="9.625" style="145" customWidth="1"/>
    <col min="13834" max="13835" width="9.75" style="145" customWidth="1"/>
    <col min="13836" max="13836" width="7.875" style="145" customWidth="1"/>
    <col min="13837" max="13837" width="8.625" style="145" customWidth="1"/>
    <col min="13838" max="13838" width="39.625" style="145" customWidth="1"/>
    <col min="13839" max="13840" width="8.625" style="145" customWidth="1"/>
    <col min="13841" max="13841" width="0" style="145" hidden="1" customWidth="1"/>
    <col min="13842" max="13845" width="7.625" style="145" customWidth="1"/>
    <col min="13846" max="13849" width="8.625" style="145" customWidth="1"/>
    <col min="13850" max="13851" width="8.875" style="145" customWidth="1"/>
    <col min="13852" max="14081" width="9" style="145"/>
    <col min="14082" max="14082" width="16.25" style="145" customWidth="1"/>
    <col min="14083" max="14086" width="9.625" style="145" customWidth="1"/>
    <col min="14087" max="14087" width="7.625" style="145" customWidth="1"/>
    <col min="14088" max="14088" width="9.75" style="145" customWidth="1"/>
    <col min="14089" max="14089" width="9.625" style="145" customWidth="1"/>
    <col min="14090" max="14091" width="9.75" style="145" customWidth="1"/>
    <col min="14092" max="14092" width="7.875" style="145" customWidth="1"/>
    <col min="14093" max="14093" width="8.625" style="145" customWidth="1"/>
    <col min="14094" max="14094" width="39.625" style="145" customWidth="1"/>
    <col min="14095" max="14096" width="8.625" style="145" customWidth="1"/>
    <col min="14097" max="14097" width="0" style="145" hidden="1" customWidth="1"/>
    <col min="14098" max="14101" width="7.625" style="145" customWidth="1"/>
    <col min="14102" max="14105" width="8.625" style="145" customWidth="1"/>
    <col min="14106" max="14107" width="8.875" style="145" customWidth="1"/>
    <col min="14108" max="14337" width="9" style="145"/>
    <col min="14338" max="14338" width="16.25" style="145" customWidth="1"/>
    <col min="14339" max="14342" width="9.625" style="145" customWidth="1"/>
    <col min="14343" max="14343" width="7.625" style="145" customWidth="1"/>
    <col min="14344" max="14344" width="9.75" style="145" customWidth="1"/>
    <col min="14345" max="14345" width="9.625" style="145" customWidth="1"/>
    <col min="14346" max="14347" width="9.75" style="145" customWidth="1"/>
    <col min="14348" max="14348" width="7.875" style="145" customWidth="1"/>
    <col min="14349" max="14349" width="8.625" style="145" customWidth="1"/>
    <col min="14350" max="14350" width="39.625" style="145" customWidth="1"/>
    <col min="14351" max="14352" width="8.625" style="145" customWidth="1"/>
    <col min="14353" max="14353" width="0" style="145" hidden="1" customWidth="1"/>
    <col min="14354" max="14357" width="7.625" style="145" customWidth="1"/>
    <col min="14358" max="14361" width="8.625" style="145" customWidth="1"/>
    <col min="14362" max="14363" width="8.875" style="145" customWidth="1"/>
    <col min="14364" max="14593" width="9" style="145"/>
    <col min="14594" max="14594" width="16.25" style="145" customWidth="1"/>
    <col min="14595" max="14598" width="9.625" style="145" customWidth="1"/>
    <col min="14599" max="14599" width="7.625" style="145" customWidth="1"/>
    <col min="14600" max="14600" width="9.75" style="145" customWidth="1"/>
    <col min="14601" max="14601" width="9.625" style="145" customWidth="1"/>
    <col min="14602" max="14603" width="9.75" style="145" customWidth="1"/>
    <col min="14604" max="14604" width="7.875" style="145" customWidth="1"/>
    <col min="14605" max="14605" width="8.625" style="145" customWidth="1"/>
    <col min="14606" max="14606" width="39.625" style="145" customWidth="1"/>
    <col min="14607" max="14608" width="8.625" style="145" customWidth="1"/>
    <col min="14609" max="14609" width="0" style="145" hidden="1" customWidth="1"/>
    <col min="14610" max="14613" width="7.625" style="145" customWidth="1"/>
    <col min="14614" max="14617" width="8.625" style="145" customWidth="1"/>
    <col min="14618" max="14619" width="8.875" style="145" customWidth="1"/>
    <col min="14620" max="14849" width="9" style="145"/>
    <col min="14850" max="14850" width="16.25" style="145" customWidth="1"/>
    <col min="14851" max="14854" width="9.625" style="145" customWidth="1"/>
    <col min="14855" max="14855" width="7.625" style="145" customWidth="1"/>
    <col min="14856" max="14856" width="9.75" style="145" customWidth="1"/>
    <col min="14857" max="14857" width="9.625" style="145" customWidth="1"/>
    <col min="14858" max="14859" width="9.75" style="145" customWidth="1"/>
    <col min="14860" max="14860" width="7.875" style="145" customWidth="1"/>
    <col min="14861" max="14861" width="8.625" style="145" customWidth="1"/>
    <col min="14862" max="14862" width="39.625" style="145" customWidth="1"/>
    <col min="14863" max="14864" width="8.625" style="145" customWidth="1"/>
    <col min="14865" max="14865" width="0" style="145" hidden="1" customWidth="1"/>
    <col min="14866" max="14869" width="7.625" style="145" customWidth="1"/>
    <col min="14870" max="14873" width="8.625" style="145" customWidth="1"/>
    <col min="14874" max="14875" width="8.875" style="145" customWidth="1"/>
    <col min="14876" max="15105" width="9" style="145"/>
    <col min="15106" max="15106" width="16.25" style="145" customWidth="1"/>
    <col min="15107" max="15110" width="9.625" style="145" customWidth="1"/>
    <col min="15111" max="15111" width="7.625" style="145" customWidth="1"/>
    <col min="15112" max="15112" width="9.75" style="145" customWidth="1"/>
    <col min="15113" max="15113" width="9.625" style="145" customWidth="1"/>
    <col min="15114" max="15115" width="9.75" style="145" customWidth="1"/>
    <col min="15116" max="15116" width="7.875" style="145" customWidth="1"/>
    <col min="15117" max="15117" width="8.625" style="145" customWidth="1"/>
    <col min="15118" max="15118" width="39.625" style="145" customWidth="1"/>
    <col min="15119" max="15120" width="8.625" style="145" customWidth="1"/>
    <col min="15121" max="15121" width="0" style="145" hidden="1" customWidth="1"/>
    <col min="15122" max="15125" width="7.625" style="145" customWidth="1"/>
    <col min="15126" max="15129" width="8.625" style="145" customWidth="1"/>
    <col min="15130" max="15131" width="8.875" style="145" customWidth="1"/>
    <col min="15132" max="15361" width="9" style="145"/>
    <col min="15362" max="15362" width="16.25" style="145" customWidth="1"/>
    <col min="15363" max="15366" width="9.625" style="145" customWidth="1"/>
    <col min="15367" max="15367" width="7.625" style="145" customWidth="1"/>
    <col min="15368" max="15368" width="9.75" style="145" customWidth="1"/>
    <col min="15369" max="15369" width="9.625" style="145" customWidth="1"/>
    <col min="15370" max="15371" width="9.75" style="145" customWidth="1"/>
    <col min="15372" max="15372" width="7.875" style="145" customWidth="1"/>
    <col min="15373" max="15373" width="8.625" style="145" customWidth="1"/>
    <col min="15374" max="15374" width="39.625" style="145" customWidth="1"/>
    <col min="15375" max="15376" width="8.625" style="145" customWidth="1"/>
    <col min="15377" max="15377" width="0" style="145" hidden="1" customWidth="1"/>
    <col min="15378" max="15381" width="7.625" style="145" customWidth="1"/>
    <col min="15382" max="15385" width="8.625" style="145" customWidth="1"/>
    <col min="15386" max="15387" width="8.875" style="145" customWidth="1"/>
    <col min="15388" max="15617" width="9" style="145"/>
    <col min="15618" max="15618" width="16.25" style="145" customWidth="1"/>
    <col min="15619" max="15622" width="9.625" style="145" customWidth="1"/>
    <col min="15623" max="15623" width="7.625" style="145" customWidth="1"/>
    <col min="15624" max="15624" width="9.75" style="145" customWidth="1"/>
    <col min="15625" max="15625" width="9.625" style="145" customWidth="1"/>
    <col min="15626" max="15627" width="9.75" style="145" customWidth="1"/>
    <col min="15628" max="15628" width="7.875" style="145" customWidth="1"/>
    <col min="15629" max="15629" width="8.625" style="145" customWidth="1"/>
    <col min="15630" max="15630" width="39.625" style="145" customWidth="1"/>
    <col min="15631" max="15632" width="8.625" style="145" customWidth="1"/>
    <col min="15633" max="15633" width="0" style="145" hidden="1" customWidth="1"/>
    <col min="15634" max="15637" width="7.625" style="145" customWidth="1"/>
    <col min="15638" max="15641" width="8.625" style="145" customWidth="1"/>
    <col min="15642" max="15643" width="8.875" style="145" customWidth="1"/>
    <col min="15644" max="15873" width="9" style="145"/>
    <col min="15874" max="15874" width="16.25" style="145" customWidth="1"/>
    <col min="15875" max="15878" width="9.625" style="145" customWidth="1"/>
    <col min="15879" max="15879" width="7.625" style="145" customWidth="1"/>
    <col min="15880" max="15880" width="9.75" style="145" customWidth="1"/>
    <col min="15881" max="15881" width="9.625" style="145" customWidth="1"/>
    <col min="15882" max="15883" width="9.75" style="145" customWidth="1"/>
    <col min="15884" max="15884" width="7.875" style="145" customWidth="1"/>
    <col min="15885" max="15885" width="8.625" style="145" customWidth="1"/>
    <col min="15886" max="15886" width="39.625" style="145" customWidth="1"/>
    <col min="15887" max="15888" width="8.625" style="145" customWidth="1"/>
    <col min="15889" max="15889" width="0" style="145" hidden="1" customWidth="1"/>
    <col min="15890" max="15893" width="7.625" style="145" customWidth="1"/>
    <col min="15894" max="15897" width="8.625" style="145" customWidth="1"/>
    <col min="15898" max="15899" width="8.875" style="145" customWidth="1"/>
    <col min="15900" max="16129" width="9" style="145"/>
    <col min="16130" max="16130" width="16.25" style="145" customWidth="1"/>
    <col min="16131" max="16134" width="9.625" style="145" customWidth="1"/>
    <col min="16135" max="16135" width="7.625" style="145" customWidth="1"/>
    <col min="16136" max="16136" width="9.75" style="145" customWidth="1"/>
    <col min="16137" max="16137" width="9.625" style="145" customWidth="1"/>
    <col min="16138" max="16139" width="9.75" style="145" customWidth="1"/>
    <col min="16140" max="16140" width="7.875" style="145" customWidth="1"/>
    <col min="16141" max="16141" width="8.625" style="145" customWidth="1"/>
    <col min="16142" max="16142" width="39.625" style="145" customWidth="1"/>
    <col min="16143" max="16144" width="8.625" style="145" customWidth="1"/>
    <col min="16145" max="16145" width="0" style="145" hidden="1" customWidth="1"/>
    <col min="16146" max="16149" width="7.625" style="145" customWidth="1"/>
    <col min="16150" max="16153" width="8.625" style="145" customWidth="1"/>
    <col min="16154" max="16155" width="8.875" style="145" customWidth="1"/>
    <col min="16156" max="16384" width="9" style="145"/>
  </cols>
  <sheetData>
    <row r="1" spans="1:27" ht="15.95" customHeight="1" thickBot="1">
      <c r="A1" s="501" t="s">
        <v>465</v>
      </c>
      <c r="P1" s="503" t="s">
        <v>465</v>
      </c>
      <c r="Q1" s="503"/>
      <c r="T1" s="503"/>
      <c r="U1" s="503"/>
      <c r="V1" s="503"/>
    </row>
    <row r="2" spans="1:27" ht="15" customHeight="1" thickTop="1">
      <c r="A2" s="504"/>
      <c r="B2" s="505"/>
      <c r="C2" s="506" t="s">
        <v>466</v>
      </c>
      <c r="D2" s="507"/>
      <c r="E2" s="507"/>
      <c r="F2" s="508"/>
      <c r="G2" s="507"/>
      <c r="H2" s="506" t="s">
        <v>369</v>
      </c>
      <c r="I2" s="507"/>
      <c r="J2" s="507"/>
      <c r="K2" s="508"/>
      <c r="L2" s="1169"/>
      <c r="M2" s="1419" t="s">
        <v>910</v>
      </c>
      <c r="N2" s="1419"/>
      <c r="O2" s="1419"/>
      <c r="P2" s="1420"/>
      <c r="Q2" s="510"/>
      <c r="R2" s="511" t="s">
        <v>467</v>
      </c>
      <c r="S2" s="509"/>
      <c r="T2" s="512"/>
      <c r="U2" s="509"/>
      <c r="V2" s="513" t="s">
        <v>468</v>
      </c>
      <c r="W2" s="514"/>
      <c r="X2" s="515"/>
      <c r="Y2" s="516"/>
      <c r="Z2" s="517" t="s">
        <v>469</v>
      </c>
      <c r="AA2" s="518" t="s">
        <v>469</v>
      </c>
    </row>
    <row r="3" spans="1:27" s="529" customFormat="1" ht="15" customHeight="1">
      <c r="A3" s="519" t="s">
        <v>373</v>
      </c>
      <c r="B3" s="520" t="s">
        <v>374</v>
      </c>
      <c r="C3" s="521" t="s">
        <v>375</v>
      </c>
      <c r="D3" s="521" t="s">
        <v>376</v>
      </c>
      <c r="E3" s="521" t="s">
        <v>377</v>
      </c>
      <c r="F3" s="522" t="s">
        <v>378</v>
      </c>
      <c r="G3" s="523" t="s">
        <v>238</v>
      </c>
      <c r="H3" s="520" t="s">
        <v>375</v>
      </c>
      <c r="I3" s="521" t="s">
        <v>376</v>
      </c>
      <c r="J3" s="520" t="s">
        <v>377</v>
      </c>
      <c r="K3" s="522" t="s">
        <v>378</v>
      </c>
      <c r="L3" s="524"/>
      <c r="M3" s="523" t="s">
        <v>374</v>
      </c>
      <c r="N3" s="525" t="s">
        <v>375</v>
      </c>
      <c r="O3" s="526" t="s">
        <v>376</v>
      </c>
      <c r="P3" s="526" t="s">
        <v>377</v>
      </c>
      <c r="Q3" s="522" t="s">
        <v>378</v>
      </c>
      <c r="R3" s="527" t="s">
        <v>379</v>
      </c>
      <c r="S3" s="525" t="s">
        <v>375</v>
      </c>
      <c r="T3" s="522" t="s">
        <v>376</v>
      </c>
      <c r="U3" s="524" t="s">
        <v>377</v>
      </c>
      <c r="V3" s="526" t="s">
        <v>379</v>
      </c>
      <c r="W3" s="526" t="s">
        <v>375</v>
      </c>
      <c r="X3" s="522" t="s">
        <v>376</v>
      </c>
      <c r="Y3" s="522" t="s">
        <v>377</v>
      </c>
      <c r="Z3" s="528" t="s">
        <v>380</v>
      </c>
      <c r="AA3" s="524" t="s">
        <v>381</v>
      </c>
    </row>
    <row r="4" spans="1:27" s="529" customFormat="1" ht="11.25" customHeight="1">
      <c r="A4" s="530"/>
      <c r="B4" s="531" t="s">
        <v>236</v>
      </c>
      <c r="C4" s="531" t="s">
        <v>236</v>
      </c>
      <c r="D4" s="531" t="s">
        <v>236</v>
      </c>
      <c r="E4" s="531" t="s">
        <v>236</v>
      </c>
      <c r="F4" s="531"/>
      <c r="G4" s="532" t="s">
        <v>236</v>
      </c>
      <c r="H4" s="531" t="s">
        <v>236</v>
      </c>
      <c r="I4" s="531" t="s">
        <v>236</v>
      </c>
      <c r="J4" s="531" t="s">
        <v>236</v>
      </c>
      <c r="K4" s="533"/>
      <c r="L4" s="534"/>
      <c r="M4" s="533" t="s">
        <v>236</v>
      </c>
      <c r="N4" s="531" t="s">
        <v>236</v>
      </c>
      <c r="O4" s="531" t="s">
        <v>236</v>
      </c>
      <c r="P4" s="531" t="s">
        <v>236</v>
      </c>
      <c r="Q4" s="531"/>
      <c r="R4" s="533" t="s">
        <v>200</v>
      </c>
      <c r="S4" s="531" t="s">
        <v>200</v>
      </c>
      <c r="T4" s="531" t="s">
        <v>200</v>
      </c>
      <c r="U4" s="534" t="s">
        <v>200</v>
      </c>
      <c r="V4" s="531" t="s">
        <v>200</v>
      </c>
      <c r="W4" s="531" t="s">
        <v>200</v>
      </c>
      <c r="X4" s="531" t="s">
        <v>200</v>
      </c>
      <c r="Y4" s="531" t="s">
        <v>200</v>
      </c>
      <c r="Z4" s="532" t="s">
        <v>226</v>
      </c>
      <c r="AA4" s="534"/>
    </row>
    <row r="5" spans="1:27" ht="12.6" customHeight="1">
      <c r="A5" s="535" t="s">
        <v>470</v>
      </c>
      <c r="B5" s="1268">
        <v>4592605</v>
      </c>
      <c r="C5" s="536">
        <v>545180</v>
      </c>
      <c r="D5" s="536">
        <v>2762693</v>
      </c>
      <c r="E5" s="536">
        <v>1251176</v>
      </c>
      <c r="F5" s="536">
        <v>33556</v>
      </c>
      <c r="G5" s="1263">
        <v>4581246</v>
      </c>
      <c r="H5" s="1264">
        <v>551075</v>
      </c>
      <c r="I5" s="1264">
        <v>2768232</v>
      </c>
      <c r="J5" s="1264">
        <v>1228383</v>
      </c>
      <c r="K5" s="1265">
        <v>33556</v>
      </c>
      <c r="L5" s="1266"/>
      <c r="M5" s="1267">
        <v>11359</v>
      </c>
      <c r="N5" s="1268">
        <v>-5895</v>
      </c>
      <c r="O5" s="1268">
        <v>-5539</v>
      </c>
      <c r="P5" s="1268">
        <v>22793</v>
      </c>
      <c r="Q5" s="1268" t="s">
        <v>383</v>
      </c>
      <c r="R5" s="1269">
        <v>0.2</v>
      </c>
      <c r="S5" s="1270">
        <v>-1.1000000000000001</v>
      </c>
      <c r="T5" s="1270">
        <v>-0.2</v>
      </c>
      <c r="U5" s="1271">
        <v>1.9</v>
      </c>
      <c r="V5" s="1272" t="s">
        <v>388</v>
      </c>
      <c r="W5" s="1270">
        <v>12</v>
      </c>
      <c r="X5" s="1270">
        <v>60.6</v>
      </c>
      <c r="Y5" s="1270">
        <v>27.4</v>
      </c>
      <c r="Z5" s="1273">
        <v>46.88</v>
      </c>
      <c r="AA5" s="1271">
        <v>229.5</v>
      </c>
    </row>
    <row r="6" spans="1:27" ht="10.5" customHeight="1">
      <c r="A6" s="543"/>
      <c r="B6" s="544"/>
      <c r="C6" s="544"/>
      <c r="D6" s="544"/>
      <c r="E6" s="544"/>
      <c r="F6" s="544"/>
      <c r="G6" s="1274"/>
      <c r="H6" s="1275"/>
      <c r="I6" s="1275"/>
      <c r="J6" s="1275"/>
      <c r="K6" s="1276"/>
      <c r="L6" s="1277"/>
      <c r="M6" s="1278"/>
      <c r="N6" s="1279"/>
      <c r="O6" s="1279"/>
      <c r="P6" s="1279"/>
      <c r="Q6" s="1268"/>
      <c r="R6" s="1280"/>
      <c r="S6" s="1281"/>
      <c r="T6" s="1281"/>
      <c r="U6" s="1282"/>
      <c r="V6" s="1283"/>
      <c r="W6" s="1281"/>
      <c r="X6" s="1281"/>
      <c r="Y6" s="1281"/>
      <c r="Z6" s="1284"/>
      <c r="AA6" s="1282"/>
    </row>
    <row r="7" spans="1:27" s="584" customFormat="1" ht="12.6" customHeight="1">
      <c r="A7" s="551" t="s">
        <v>385</v>
      </c>
      <c r="B7" s="536">
        <v>1877295</v>
      </c>
      <c r="C7" s="536">
        <v>222808</v>
      </c>
      <c r="D7" s="536">
        <v>1146625</v>
      </c>
      <c r="E7" s="536">
        <v>500451</v>
      </c>
      <c r="F7" s="536">
        <v>7411</v>
      </c>
      <c r="G7" s="1263">
        <v>1874040</v>
      </c>
      <c r="H7" s="1264">
        <v>225778</v>
      </c>
      <c r="I7" s="1264">
        <v>1148897</v>
      </c>
      <c r="J7" s="1264">
        <v>491954</v>
      </c>
      <c r="K7" s="1265">
        <v>7411</v>
      </c>
      <c r="L7" s="1266"/>
      <c r="M7" s="1267">
        <v>3255</v>
      </c>
      <c r="N7" s="1285">
        <v>-2970</v>
      </c>
      <c r="O7" s="1285">
        <v>-2272</v>
      </c>
      <c r="P7" s="1285">
        <v>8497</v>
      </c>
      <c r="Q7" s="1268" t="s">
        <v>383</v>
      </c>
      <c r="R7" s="1269">
        <v>0.2</v>
      </c>
      <c r="S7" s="1270">
        <v>-1.3</v>
      </c>
      <c r="T7" s="1270">
        <v>-0.2</v>
      </c>
      <c r="U7" s="1271">
        <v>1.7</v>
      </c>
      <c r="V7" s="1272" t="s">
        <v>388</v>
      </c>
      <c r="W7" s="1270">
        <v>11.9</v>
      </c>
      <c r="X7" s="1270">
        <v>61.3</v>
      </c>
      <c r="Y7" s="1270">
        <v>26.8</v>
      </c>
      <c r="Z7" s="1273">
        <v>46.73</v>
      </c>
      <c r="AA7" s="1271">
        <v>224.6</v>
      </c>
    </row>
    <row r="8" spans="1:27" ht="12.6" customHeight="1">
      <c r="A8" s="553" t="s">
        <v>387</v>
      </c>
      <c r="B8" s="544">
        <v>139683</v>
      </c>
      <c r="C8" s="544">
        <v>18093</v>
      </c>
      <c r="D8" s="544">
        <v>88031</v>
      </c>
      <c r="E8" s="544">
        <v>32877</v>
      </c>
      <c r="F8" s="544">
        <v>682</v>
      </c>
      <c r="G8" s="1286">
        <v>138892</v>
      </c>
      <c r="H8" s="1287">
        <v>18233</v>
      </c>
      <c r="I8" s="1287">
        <v>87546</v>
      </c>
      <c r="J8" s="1287">
        <v>32431</v>
      </c>
      <c r="K8" s="1288">
        <v>682</v>
      </c>
      <c r="L8" s="1289"/>
      <c r="M8" s="1278">
        <v>791</v>
      </c>
      <c r="N8" s="1279">
        <v>-140</v>
      </c>
      <c r="O8" s="1279">
        <v>485</v>
      </c>
      <c r="P8" s="1279">
        <v>446</v>
      </c>
      <c r="Q8" s="1268" t="s">
        <v>383</v>
      </c>
      <c r="R8" s="1280">
        <v>0.6</v>
      </c>
      <c r="S8" s="1281">
        <v>-0.8</v>
      </c>
      <c r="T8" s="1281">
        <v>0.6</v>
      </c>
      <c r="U8" s="1282">
        <v>1.4</v>
      </c>
      <c r="V8" s="1283" t="s">
        <v>388</v>
      </c>
      <c r="W8" s="1281">
        <v>13</v>
      </c>
      <c r="X8" s="1281">
        <v>63.3</v>
      </c>
      <c r="Y8" s="1281">
        <v>23.7</v>
      </c>
      <c r="Z8" s="1290">
        <v>44.8</v>
      </c>
      <c r="AA8" s="1282">
        <v>181.7</v>
      </c>
    </row>
    <row r="9" spans="1:27" ht="12.6" customHeight="1">
      <c r="A9" s="553" t="s">
        <v>389</v>
      </c>
      <c r="B9" s="544">
        <v>118866</v>
      </c>
      <c r="C9" s="544">
        <v>13403</v>
      </c>
      <c r="D9" s="544">
        <v>75480</v>
      </c>
      <c r="E9" s="544">
        <v>29151</v>
      </c>
      <c r="F9" s="544">
        <v>832</v>
      </c>
      <c r="G9" s="1286">
        <v>117917</v>
      </c>
      <c r="H9" s="1287">
        <v>13374</v>
      </c>
      <c r="I9" s="1287">
        <v>74941</v>
      </c>
      <c r="J9" s="1287">
        <v>28770</v>
      </c>
      <c r="K9" s="1288">
        <v>832</v>
      </c>
      <c r="L9" s="1289"/>
      <c r="M9" s="1278">
        <v>949</v>
      </c>
      <c r="N9" s="1279">
        <v>29</v>
      </c>
      <c r="O9" s="1279">
        <v>539</v>
      </c>
      <c r="P9" s="1279">
        <v>381</v>
      </c>
      <c r="Q9" s="1268" t="s">
        <v>383</v>
      </c>
      <c r="R9" s="1280">
        <v>0.8</v>
      </c>
      <c r="S9" s="1281">
        <v>0.2</v>
      </c>
      <c r="T9" s="1281">
        <v>0.7</v>
      </c>
      <c r="U9" s="1282">
        <v>1.3</v>
      </c>
      <c r="V9" s="1283" t="s">
        <v>388</v>
      </c>
      <c r="W9" s="1281">
        <v>11.4</v>
      </c>
      <c r="X9" s="1281">
        <v>63.9</v>
      </c>
      <c r="Y9" s="1281">
        <v>24.7</v>
      </c>
      <c r="Z9" s="1290">
        <v>45.75</v>
      </c>
      <c r="AA9" s="1282">
        <v>217.5</v>
      </c>
    </row>
    <row r="10" spans="1:27" ht="12.6" customHeight="1">
      <c r="A10" s="553" t="s">
        <v>390</v>
      </c>
      <c r="B10" s="544">
        <v>49372</v>
      </c>
      <c r="C10" s="544">
        <v>5340</v>
      </c>
      <c r="D10" s="544">
        <v>32597</v>
      </c>
      <c r="E10" s="544">
        <v>11147</v>
      </c>
      <c r="F10" s="544">
        <v>288</v>
      </c>
      <c r="G10" s="1286">
        <v>48783</v>
      </c>
      <c r="H10" s="1287">
        <v>5298</v>
      </c>
      <c r="I10" s="1287">
        <v>32142</v>
      </c>
      <c r="J10" s="1287">
        <v>11055</v>
      </c>
      <c r="K10" s="1288">
        <v>288</v>
      </c>
      <c r="L10" s="1289"/>
      <c r="M10" s="1278">
        <v>589</v>
      </c>
      <c r="N10" s="1279">
        <v>42</v>
      </c>
      <c r="O10" s="1279">
        <v>455</v>
      </c>
      <c r="P10" s="1279">
        <v>92</v>
      </c>
      <c r="Q10" s="1268" t="s">
        <v>383</v>
      </c>
      <c r="R10" s="1280">
        <v>1.2</v>
      </c>
      <c r="S10" s="1281">
        <v>0.8</v>
      </c>
      <c r="T10" s="1281">
        <v>1.4</v>
      </c>
      <c r="U10" s="1282">
        <v>0.8</v>
      </c>
      <c r="V10" s="1283" t="s">
        <v>388</v>
      </c>
      <c r="W10" s="1281">
        <v>10.9</v>
      </c>
      <c r="X10" s="1281">
        <v>66.400000000000006</v>
      </c>
      <c r="Y10" s="1281">
        <v>22.7</v>
      </c>
      <c r="Z10" s="1290">
        <v>45.47</v>
      </c>
      <c r="AA10" s="1282">
        <v>208.7</v>
      </c>
    </row>
    <row r="11" spans="1:27" ht="12.6" customHeight="1">
      <c r="A11" s="553" t="s">
        <v>391</v>
      </c>
      <c r="B11" s="544">
        <v>70897</v>
      </c>
      <c r="C11" s="544">
        <v>7468</v>
      </c>
      <c r="D11" s="544">
        <v>45433</v>
      </c>
      <c r="E11" s="544">
        <v>17174</v>
      </c>
      <c r="F11" s="544">
        <v>822</v>
      </c>
      <c r="G11" s="1286">
        <v>70751</v>
      </c>
      <c r="H11" s="1287">
        <v>7536</v>
      </c>
      <c r="I11" s="1287">
        <v>45405</v>
      </c>
      <c r="J11" s="1287">
        <v>16988</v>
      </c>
      <c r="K11" s="1288">
        <v>822</v>
      </c>
      <c r="L11" s="1289"/>
      <c r="M11" s="1278">
        <v>146</v>
      </c>
      <c r="N11" s="1279">
        <v>-68</v>
      </c>
      <c r="O11" s="1279">
        <v>28</v>
      </c>
      <c r="P11" s="1279">
        <v>186</v>
      </c>
      <c r="Q11" s="1268" t="s">
        <v>383</v>
      </c>
      <c r="R11" s="1280">
        <v>0.2</v>
      </c>
      <c r="S11" s="1281">
        <v>-0.9</v>
      </c>
      <c r="T11" s="1281">
        <v>0.1</v>
      </c>
      <c r="U11" s="1282">
        <v>1.1000000000000001</v>
      </c>
      <c r="V11" s="1283" t="s">
        <v>388</v>
      </c>
      <c r="W11" s="1281">
        <v>10.7</v>
      </c>
      <c r="X11" s="1281">
        <v>64.8</v>
      </c>
      <c r="Y11" s="1281">
        <v>24.5</v>
      </c>
      <c r="Z11" s="1290">
        <v>46.84</v>
      </c>
      <c r="AA11" s="1282">
        <v>230</v>
      </c>
    </row>
    <row r="12" spans="1:27" ht="12.6" customHeight="1">
      <c r="A12" s="553" t="s">
        <v>392</v>
      </c>
      <c r="B12" s="544">
        <v>97962</v>
      </c>
      <c r="C12" s="544">
        <v>9741</v>
      </c>
      <c r="D12" s="544">
        <v>59353</v>
      </c>
      <c r="E12" s="544">
        <v>28308</v>
      </c>
      <c r="F12" s="544">
        <v>560</v>
      </c>
      <c r="G12" s="1286">
        <v>97781</v>
      </c>
      <c r="H12" s="1287">
        <v>9833</v>
      </c>
      <c r="I12" s="1287">
        <v>59302</v>
      </c>
      <c r="J12" s="1287">
        <v>28086</v>
      </c>
      <c r="K12" s="1288">
        <v>560</v>
      </c>
      <c r="L12" s="1289"/>
      <c r="M12" s="1278">
        <v>181</v>
      </c>
      <c r="N12" s="1279">
        <v>-92</v>
      </c>
      <c r="O12" s="1279">
        <v>51</v>
      </c>
      <c r="P12" s="1279">
        <v>222</v>
      </c>
      <c r="Q12" s="1268" t="s">
        <v>383</v>
      </c>
      <c r="R12" s="1280">
        <v>0.2</v>
      </c>
      <c r="S12" s="1281">
        <v>-0.9</v>
      </c>
      <c r="T12" s="1281">
        <v>0.1</v>
      </c>
      <c r="U12" s="1282">
        <v>0.8</v>
      </c>
      <c r="V12" s="1283" t="s">
        <v>388</v>
      </c>
      <c r="W12" s="1281">
        <v>10</v>
      </c>
      <c r="X12" s="1281">
        <v>60.9</v>
      </c>
      <c r="Y12" s="1281">
        <v>29.1</v>
      </c>
      <c r="Z12" s="1290">
        <v>48.31</v>
      </c>
      <c r="AA12" s="1282">
        <v>290.60000000000002</v>
      </c>
    </row>
    <row r="13" spans="1:27" ht="12.6" customHeight="1">
      <c r="A13" s="553" t="s">
        <v>464</v>
      </c>
      <c r="B13" s="544">
        <v>103762</v>
      </c>
      <c r="C13" s="544">
        <v>11175</v>
      </c>
      <c r="D13" s="544">
        <v>61838</v>
      </c>
      <c r="E13" s="544">
        <v>30325</v>
      </c>
      <c r="F13" s="544">
        <v>424</v>
      </c>
      <c r="G13" s="1286">
        <v>103787</v>
      </c>
      <c r="H13" s="1287">
        <v>11275</v>
      </c>
      <c r="I13" s="1287">
        <v>62053</v>
      </c>
      <c r="J13" s="1287">
        <v>30035</v>
      </c>
      <c r="K13" s="1288">
        <v>424</v>
      </c>
      <c r="L13" s="1289"/>
      <c r="M13" s="1278">
        <v>-25</v>
      </c>
      <c r="N13" s="1279">
        <v>-100</v>
      </c>
      <c r="O13" s="1279">
        <v>-215</v>
      </c>
      <c r="P13" s="1279">
        <v>290</v>
      </c>
      <c r="Q13" s="1268" t="s">
        <v>383</v>
      </c>
      <c r="R13" s="1280">
        <v>0</v>
      </c>
      <c r="S13" s="1281">
        <v>-0.9</v>
      </c>
      <c r="T13" s="1281">
        <v>-0.3</v>
      </c>
      <c r="U13" s="1282">
        <v>1</v>
      </c>
      <c r="V13" s="1283" t="s">
        <v>388</v>
      </c>
      <c r="W13" s="1281">
        <v>10.8</v>
      </c>
      <c r="X13" s="1281">
        <v>59.8</v>
      </c>
      <c r="Y13" s="1281">
        <v>29.3</v>
      </c>
      <c r="Z13" s="1290">
        <v>48.16</v>
      </c>
      <c r="AA13" s="1282">
        <v>271.39999999999998</v>
      </c>
    </row>
    <row r="14" spans="1:27" ht="12.6" customHeight="1">
      <c r="A14" s="553" t="s">
        <v>394</v>
      </c>
      <c r="B14" s="544">
        <v>84642</v>
      </c>
      <c r="C14" s="544">
        <v>9521</v>
      </c>
      <c r="D14" s="544">
        <v>49181</v>
      </c>
      <c r="E14" s="544">
        <v>25629</v>
      </c>
      <c r="F14" s="544">
        <v>311</v>
      </c>
      <c r="G14" s="1286">
        <v>84458</v>
      </c>
      <c r="H14" s="1287">
        <v>9552</v>
      </c>
      <c r="I14" s="1287">
        <v>49368</v>
      </c>
      <c r="J14" s="1287">
        <v>25227</v>
      </c>
      <c r="K14" s="1288">
        <v>311</v>
      </c>
      <c r="L14" s="1289"/>
      <c r="M14" s="1278">
        <v>184</v>
      </c>
      <c r="N14" s="1279">
        <v>-31</v>
      </c>
      <c r="O14" s="1279">
        <v>-187</v>
      </c>
      <c r="P14" s="1279">
        <v>402</v>
      </c>
      <c r="Q14" s="1268" t="s">
        <v>383</v>
      </c>
      <c r="R14" s="1280">
        <v>0.2</v>
      </c>
      <c r="S14" s="1281">
        <v>-0.3</v>
      </c>
      <c r="T14" s="1281">
        <v>-0.4</v>
      </c>
      <c r="U14" s="1282">
        <v>1.6</v>
      </c>
      <c r="V14" s="1283" t="s">
        <v>388</v>
      </c>
      <c r="W14" s="1281">
        <v>11.3</v>
      </c>
      <c r="X14" s="1281">
        <v>58.3</v>
      </c>
      <c r="Y14" s="1281">
        <v>30.4</v>
      </c>
      <c r="Z14" s="1290">
        <v>48.57</v>
      </c>
      <c r="AA14" s="1282">
        <v>269.2</v>
      </c>
    </row>
    <row r="15" spans="1:27" ht="12.6" customHeight="1">
      <c r="A15" s="553" t="s">
        <v>395</v>
      </c>
      <c r="B15" s="544">
        <v>102156</v>
      </c>
      <c r="C15" s="544">
        <v>11338</v>
      </c>
      <c r="D15" s="544">
        <v>59203</v>
      </c>
      <c r="E15" s="544">
        <v>31108</v>
      </c>
      <c r="F15" s="544">
        <v>507</v>
      </c>
      <c r="G15" s="1286">
        <v>102407</v>
      </c>
      <c r="H15" s="1287">
        <v>11586</v>
      </c>
      <c r="I15" s="1287">
        <v>59865</v>
      </c>
      <c r="J15" s="1287">
        <v>30449</v>
      </c>
      <c r="K15" s="1288">
        <v>507</v>
      </c>
      <c r="L15" s="1289"/>
      <c r="M15" s="1278">
        <v>-251</v>
      </c>
      <c r="N15" s="1279">
        <v>-248</v>
      </c>
      <c r="O15" s="1279">
        <v>-662</v>
      </c>
      <c r="P15" s="1279">
        <v>659</v>
      </c>
      <c r="Q15" s="1268" t="s">
        <v>383</v>
      </c>
      <c r="R15" s="1280">
        <v>-0.2</v>
      </c>
      <c r="S15" s="1281">
        <v>-2.1</v>
      </c>
      <c r="T15" s="1281">
        <v>-1.1000000000000001</v>
      </c>
      <c r="U15" s="1282">
        <v>2.2000000000000002</v>
      </c>
      <c r="V15" s="1283" t="s">
        <v>388</v>
      </c>
      <c r="W15" s="1281">
        <v>11.2</v>
      </c>
      <c r="X15" s="1281">
        <v>58.2</v>
      </c>
      <c r="Y15" s="1281">
        <v>30.6</v>
      </c>
      <c r="Z15" s="1290">
        <v>48.65</v>
      </c>
      <c r="AA15" s="1282">
        <v>274.39999999999998</v>
      </c>
    </row>
    <row r="16" spans="1:27" ht="12.6" customHeight="1">
      <c r="A16" s="553" t="s">
        <v>396</v>
      </c>
      <c r="B16" s="544">
        <v>172510</v>
      </c>
      <c r="C16" s="544">
        <v>20976</v>
      </c>
      <c r="D16" s="544">
        <v>113096</v>
      </c>
      <c r="E16" s="544">
        <v>37817</v>
      </c>
      <c r="F16" s="544">
        <v>621</v>
      </c>
      <c r="G16" s="1286">
        <v>171339</v>
      </c>
      <c r="H16" s="1287">
        <v>20983</v>
      </c>
      <c r="I16" s="1287">
        <v>112578</v>
      </c>
      <c r="J16" s="1287">
        <v>37157</v>
      </c>
      <c r="K16" s="1288">
        <v>621</v>
      </c>
      <c r="L16" s="1289"/>
      <c r="M16" s="1278">
        <v>1171</v>
      </c>
      <c r="N16" s="1279">
        <v>-7</v>
      </c>
      <c r="O16" s="1279">
        <v>518</v>
      </c>
      <c r="P16" s="1279">
        <v>660</v>
      </c>
      <c r="Q16" s="1268" t="s">
        <v>383</v>
      </c>
      <c r="R16" s="1280">
        <v>0.7</v>
      </c>
      <c r="S16" s="1281">
        <v>0</v>
      </c>
      <c r="T16" s="1281">
        <v>0.5</v>
      </c>
      <c r="U16" s="1282">
        <v>1.8</v>
      </c>
      <c r="V16" s="1283" t="s">
        <v>388</v>
      </c>
      <c r="W16" s="1281">
        <v>12.2</v>
      </c>
      <c r="X16" s="1281">
        <v>65.8</v>
      </c>
      <c r="Y16" s="1281">
        <v>22</v>
      </c>
      <c r="Z16" s="1290">
        <v>44.34</v>
      </c>
      <c r="AA16" s="1282">
        <v>180.3</v>
      </c>
    </row>
    <row r="17" spans="1:27" ht="12.6" customHeight="1">
      <c r="A17" s="553" t="s">
        <v>397</v>
      </c>
      <c r="B17" s="544">
        <v>141326</v>
      </c>
      <c r="C17" s="544">
        <v>18049</v>
      </c>
      <c r="D17" s="544">
        <v>84022</v>
      </c>
      <c r="E17" s="544">
        <v>38758</v>
      </c>
      <c r="F17" s="544">
        <v>497</v>
      </c>
      <c r="G17" s="1286">
        <v>140611</v>
      </c>
      <c r="H17" s="1287">
        <v>18228</v>
      </c>
      <c r="I17" s="1287">
        <v>83987</v>
      </c>
      <c r="J17" s="1287">
        <v>37899</v>
      </c>
      <c r="K17" s="1288">
        <v>497</v>
      </c>
      <c r="L17" s="1289"/>
      <c r="M17" s="1278">
        <v>715</v>
      </c>
      <c r="N17" s="1279">
        <v>-179</v>
      </c>
      <c r="O17" s="1279">
        <v>35</v>
      </c>
      <c r="P17" s="1279">
        <v>859</v>
      </c>
      <c r="Q17" s="1268" t="s">
        <v>383</v>
      </c>
      <c r="R17" s="1280">
        <v>0.5</v>
      </c>
      <c r="S17" s="1281">
        <v>-1</v>
      </c>
      <c r="T17" s="1281">
        <v>0</v>
      </c>
      <c r="U17" s="1282">
        <v>2.2999999999999998</v>
      </c>
      <c r="V17" s="1283" t="s">
        <v>388</v>
      </c>
      <c r="W17" s="1281">
        <v>12.8</v>
      </c>
      <c r="X17" s="1281">
        <v>59.7</v>
      </c>
      <c r="Y17" s="1281">
        <v>27.5</v>
      </c>
      <c r="Z17" s="1290">
        <v>46.66</v>
      </c>
      <c r="AA17" s="1282">
        <v>214.7</v>
      </c>
    </row>
    <row r="18" spans="1:27" ht="12.6" customHeight="1">
      <c r="A18" s="553" t="s">
        <v>398</v>
      </c>
      <c r="B18" s="544">
        <v>109062</v>
      </c>
      <c r="C18" s="544">
        <v>11967</v>
      </c>
      <c r="D18" s="544">
        <v>63658</v>
      </c>
      <c r="E18" s="544">
        <v>33295</v>
      </c>
      <c r="F18" s="544">
        <v>142</v>
      </c>
      <c r="G18" s="1286">
        <v>109109</v>
      </c>
      <c r="H18" s="1287">
        <v>12192</v>
      </c>
      <c r="I18" s="1287">
        <v>64101</v>
      </c>
      <c r="J18" s="1287">
        <v>32674</v>
      </c>
      <c r="K18" s="1288">
        <v>142</v>
      </c>
      <c r="L18" s="1289"/>
      <c r="M18" s="1278">
        <v>-47</v>
      </c>
      <c r="N18" s="1279">
        <v>-225</v>
      </c>
      <c r="O18" s="1279">
        <v>-443</v>
      </c>
      <c r="P18" s="1279">
        <v>621</v>
      </c>
      <c r="Q18" s="1268" t="s">
        <v>383</v>
      </c>
      <c r="R18" s="1280">
        <v>0</v>
      </c>
      <c r="S18" s="1281">
        <v>-1.8</v>
      </c>
      <c r="T18" s="1281">
        <v>-0.7</v>
      </c>
      <c r="U18" s="1282">
        <v>1.9</v>
      </c>
      <c r="V18" s="1283" t="s">
        <v>388</v>
      </c>
      <c r="W18" s="1281">
        <v>11</v>
      </c>
      <c r="X18" s="1281">
        <v>58.4</v>
      </c>
      <c r="Y18" s="1281">
        <v>30.6</v>
      </c>
      <c r="Z18" s="1290">
        <v>48.72</v>
      </c>
      <c r="AA18" s="1282">
        <v>278.2</v>
      </c>
    </row>
    <row r="19" spans="1:27" ht="12.6" customHeight="1">
      <c r="A19" s="553" t="s">
        <v>399</v>
      </c>
      <c r="B19" s="544">
        <v>126652</v>
      </c>
      <c r="C19" s="544">
        <v>14086</v>
      </c>
      <c r="D19" s="544">
        <v>71609</v>
      </c>
      <c r="E19" s="544">
        <v>40659</v>
      </c>
      <c r="F19" s="544">
        <v>298</v>
      </c>
      <c r="G19" s="1286">
        <v>126822</v>
      </c>
      <c r="H19" s="1287">
        <v>14339</v>
      </c>
      <c r="I19" s="1287">
        <v>72127</v>
      </c>
      <c r="J19" s="1287">
        <v>40058</v>
      </c>
      <c r="K19" s="1288">
        <v>298</v>
      </c>
      <c r="L19" s="1289"/>
      <c r="M19" s="1278">
        <v>-170</v>
      </c>
      <c r="N19" s="1279">
        <v>-253</v>
      </c>
      <c r="O19" s="1279">
        <v>-518</v>
      </c>
      <c r="P19" s="1279">
        <v>601</v>
      </c>
      <c r="Q19" s="1268" t="s">
        <v>383</v>
      </c>
      <c r="R19" s="1280">
        <v>-0.1</v>
      </c>
      <c r="S19" s="1281">
        <v>-1.8</v>
      </c>
      <c r="T19" s="1281">
        <v>-0.7</v>
      </c>
      <c r="U19" s="1282">
        <v>1.5</v>
      </c>
      <c r="V19" s="1283" t="s">
        <v>388</v>
      </c>
      <c r="W19" s="1281">
        <v>11.1</v>
      </c>
      <c r="X19" s="1281">
        <v>56.7</v>
      </c>
      <c r="Y19" s="1281">
        <v>32.200000000000003</v>
      </c>
      <c r="Z19" s="1290">
        <v>49.35</v>
      </c>
      <c r="AA19" s="1282">
        <v>288.60000000000002</v>
      </c>
    </row>
    <row r="20" spans="1:27" ht="12.6" customHeight="1">
      <c r="A20" s="553" t="s">
        <v>400</v>
      </c>
      <c r="B20" s="544">
        <v>92020</v>
      </c>
      <c r="C20" s="544">
        <v>11679</v>
      </c>
      <c r="D20" s="544">
        <v>55790</v>
      </c>
      <c r="E20" s="544">
        <v>24206</v>
      </c>
      <c r="F20" s="544">
        <v>345</v>
      </c>
      <c r="G20" s="1286">
        <v>91855</v>
      </c>
      <c r="H20" s="1287">
        <v>11858</v>
      </c>
      <c r="I20" s="1287">
        <v>55914</v>
      </c>
      <c r="J20" s="1287">
        <v>23738</v>
      </c>
      <c r="K20" s="1288">
        <v>345</v>
      </c>
      <c r="L20" s="1289"/>
      <c r="M20" s="1278">
        <v>165</v>
      </c>
      <c r="N20" s="1279">
        <v>-179</v>
      </c>
      <c r="O20" s="1279">
        <v>-124</v>
      </c>
      <c r="P20" s="1279">
        <v>468</v>
      </c>
      <c r="Q20" s="1268" t="s">
        <v>383</v>
      </c>
      <c r="R20" s="1280">
        <v>0.2</v>
      </c>
      <c r="S20" s="1281">
        <v>-1.5</v>
      </c>
      <c r="T20" s="1281">
        <v>-0.2</v>
      </c>
      <c r="U20" s="1282">
        <v>2</v>
      </c>
      <c r="V20" s="1283" t="s">
        <v>388</v>
      </c>
      <c r="W20" s="1281">
        <v>12.7</v>
      </c>
      <c r="X20" s="1281">
        <v>60.9</v>
      </c>
      <c r="Y20" s="1281">
        <v>26.4</v>
      </c>
      <c r="Z20" s="1290">
        <v>46.2</v>
      </c>
      <c r="AA20" s="1282">
        <v>207.3</v>
      </c>
    </row>
    <row r="21" spans="1:27" ht="12.6" customHeight="1">
      <c r="A21" s="553" t="s">
        <v>401</v>
      </c>
      <c r="B21" s="544">
        <v>63295</v>
      </c>
      <c r="C21" s="544">
        <v>7621</v>
      </c>
      <c r="D21" s="544">
        <v>36283</v>
      </c>
      <c r="E21" s="544">
        <v>19213</v>
      </c>
      <c r="F21" s="544">
        <v>178</v>
      </c>
      <c r="G21" s="1286">
        <v>63557</v>
      </c>
      <c r="H21" s="1287">
        <v>7894</v>
      </c>
      <c r="I21" s="1287">
        <v>36574</v>
      </c>
      <c r="J21" s="1287">
        <v>18911</v>
      </c>
      <c r="K21" s="1288">
        <v>178</v>
      </c>
      <c r="L21" s="1289"/>
      <c r="M21" s="1278">
        <v>-262</v>
      </c>
      <c r="N21" s="1279">
        <v>-273</v>
      </c>
      <c r="O21" s="1279">
        <v>-291</v>
      </c>
      <c r="P21" s="1279">
        <v>302</v>
      </c>
      <c r="Q21" s="1268" t="s">
        <v>383</v>
      </c>
      <c r="R21" s="1280">
        <v>-0.4</v>
      </c>
      <c r="S21" s="1281">
        <v>-3.5</v>
      </c>
      <c r="T21" s="1281">
        <v>-0.8</v>
      </c>
      <c r="U21" s="1282">
        <v>1.6</v>
      </c>
      <c r="V21" s="1283" t="s">
        <v>388</v>
      </c>
      <c r="W21" s="1281">
        <v>12.1</v>
      </c>
      <c r="X21" s="1281">
        <v>57.5</v>
      </c>
      <c r="Y21" s="1281">
        <v>30.4</v>
      </c>
      <c r="Z21" s="1290">
        <v>48.11</v>
      </c>
      <c r="AA21" s="1282">
        <v>252.1</v>
      </c>
    </row>
    <row r="22" spans="1:27" ht="12.6" customHeight="1">
      <c r="A22" s="553" t="s">
        <v>402</v>
      </c>
      <c r="B22" s="544">
        <v>61892</v>
      </c>
      <c r="C22" s="544">
        <v>6953</v>
      </c>
      <c r="D22" s="544">
        <v>34290</v>
      </c>
      <c r="E22" s="544">
        <v>20450</v>
      </c>
      <c r="F22" s="544">
        <v>199</v>
      </c>
      <c r="G22" s="1286">
        <v>62063</v>
      </c>
      <c r="H22" s="1287">
        <v>7114</v>
      </c>
      <c r="I22" s="1287">
        <v>34643</v>
      </c>
      <c r="J22" s="1287">
        <v>20107</v>
      </c>
      <c r="K22" s="1288">
        <v>199</v>
      </c>
      <c r="L22" s="1289"/>
      <c r="M22" s="1278">
        <v>-171</v>
      </c>
      <c r="N22" s="1279">
        <v>-161</v>
      </c>
      <c r="O22" s="1279">
        <v>-353</v>
      </c>
      <c r="P22" s="1279">
        <v>343</v>
      </c>
      <c r="Q22" s="1268" t="s">
        <v>383</v>
      </c>
      <c r="R22" s="1280">
        <v>-0.3</v>
      </c>
      <c r="S22" s="1281">
        <v>-2.2999999999999998</v>
      </c>
      <c r="T22" s="1281">
        <v>-1</v>
      </c>
      <c r="U22" s="1282">
        <v>1.7</v>
      </c>
      <c r="V22" s="1283" t="s">
        <v>388</v>
      </c>
      <c r="W22" s="1281">
        <v>11.3</v>
      </c>
      <c r="X22" s="1281">
        <v>55.6</v>
      </c>
      <c r="Y22" s="1281">
        <v>33.1</v>
      </c>
      <c r="Z22" s="1290">
        <v>49.36</v>
      </c>
      <c r="AA22" s="1282">
        <v>294.10000000000002</v>
      </c>
    </row>
    <row r="23" spans="1:27" ht="12.6" customHeight="1">
      <c r="A23" s="553" t="s">
        <v>403</v>
      </c>
      <c r="B23" s="544">
        <v>78235</v>
      </c>
      <c r="C23" s="544">
        <v>9069</v>
      </c>
      <c r="D23" s="544">
        <v>45138</v>
      </c>
      <c r="E23" s="544">
        <v>23919</v>
      </c>
      <c r="F23" s="544">
        <v>109</v>
      </c>
      <c r="G23" s="1286">
        <v>78500</v>
      </c>
      <c r="H23" s="1287">
        <v>9223</v>
      </c>
      <c r="I23" s="1287">
        <v>45654</v>
      </c>
      <c r="J23" s="1287">
        <v>23514</v>
      </c>
      <c r="K23" s="1288">
        <v>109</v>
      </c>
      <c r="L23" s="1289"/>
      <c r="M23" s="1278">
        <v>-265</v>
      </c>
      <c r="N23" s="1279">
        <v>-154</v>
      </c>
      <c r="O23" s="1279">
        <v>-516</v>
      </c>
      <c r="P23" s="1279">
        <v>405</v>
      </c>
      <c r="Q23" s="1268" t="s">
        <v>383</v>
      </c>
      <c r="R23" s="1280">
        <v>-0.3</v>
      </c>
      <c r="S23" s="1281">
        <v>-1.7</v>
      </c>
      <c r="T23" s="1281">
        <v>-1.1000000000000001</v>
      </c>
      <c r="U23" s="1282">
        <v>1.7</v>
      </c>
      <c r="V23" s="1283" t="s">
        <v>388</v>
      </c>
      <c r="W23" s="1281">
        <v>11.6</v>
      </c>
      <c r="X23" s="1281">
        <v>57.8</v>
      </c>
      <c r="Y23" s="1281">
        <v>30.6</v>
      </c>
      <c r="Z23" s="1290">
        <v>48.48</v>
      </c>
      <c r="AA23" s="1282">
        <v>263.7</v>
      </c>
    </row>
    <row r="24" spans="1:27" ht="12.6" customHeight="1">
      <c r="A24" s="553" t="s">
        <v>404</v>
      </c>
      <c r="B24" s="544">
        <v>159108</v>
      </c>
      <c r="C24" s="544">
        <v>19910</v>
      </c>
      <c r="D24" s="544">
        <v>102573</v>
      </c>
      <c r="E24" s="544">
        <v>36131</v>
      </c>
      <c r="F24" s="544">
        <v>494</v>
      </c>
      <c r="G24" s="1286">
        <v>159259</v>
      </c>
      <c r="H24" s="1287">
        <v>20422</v>
      </c>
      <c r="I24" s="1287">
        <v>103155</v>
      </c>
      <c r="J24" s="1287">
        <v>35188</v>
      </c>
      <c r="K24" s="1288">
        <v>494</v>
      </c>
      <c r="L24" s="1289"/>
      <c r="M24" s="1278">
        <v>-151</v>
      </c>
      <c r="N24" s="1279">
        <v>-512</v>
      </c>
      <c r="O24" s="1279">
        <v>-582</v>
      </c>
      <c r="P24" s="1279">
        <v>943</v>
      </c>
      <c r="Q24" s="1268" t="s">
        <v>383</v>
      </c>
      <c r="R24" s="1280">
        <v>-0.1</v>
      </c>
      <c r="S24" s="1281">
        <v>-2.5</v>
      </c>
      <c r="T24" s="1281">
        <v>-0.6</v>
      </c>
      <c r="U24" s="1282">
        <v>2.7</v>
      </c>
      <c r="V24" s="1283" t="s">
        <v>388</v>
      </c>
      <c r="W24" s="1281">
        <v>12.6</v>
      </c>
      <c r="X24" s="1281">
        <v>64.7</v>
      </c>
      <c r="Y24" s="1281">
        <v>22.8</v>
      </c>
      <c r="Z24" s="1290">
        <v>45.13</v>
      </c>
      <c r="AA24" s="1282">
        <v>181.5</v>
      </c>
    </row>
    <row r="25" spans="1:27" ht="12.6" customHeight="1">
      <c r="A25" s="553" t="s">
        <v>405</v>
      </c>
      <c r="B25" s="544">
        <v>105855</v>
      </c>
      <c r="C25" s="544">
        <v>16419</v>
      </c>
      <c r="D25" s="544">
        <v>69050</v>
      </c>
      <c r="E25" s="544">
        <v>20284</v>
      </c>
      <c r="F25" s="544">
        <v>102</v>
      </c>
      <c r="G25" s="1286">
        <v>106149</v>
      </c>
      <c r="H25" s="1287">
        <v>16838</v>
      </c>
      <c r="I25" s="1287">
        <v>69542</v>
      </c>
      <c r="J25" s="1287">
        <v>19667</v>
      </c>
      <c r="K25" s="1288">
        <v>102</v>
      </c>
      <c r="L25" s="1289"/>
      <c r="M25" s="1278">
        <v>-294</v>
      </c>
      <c r="N25" s="1279">
        <v>-419</v>
      </c>
      <c r="O25" s="1279">
        <v>-492</v>
      </c>
      <c r="P25" s="1279">
        <v>617</v>
      </c>
      <c r="Q25" s="1268" t="s">
        <v>383</v>
      </c>
      <c r="R25" s="1280">
        <v>-0.3</v>
      </c>
      <c r="S25" s="1281">
        <v>-2.5</v>
      </c>
      <c r="T25" s="1281">
        <v>-0.7</v>
      </c>
      <c r="U25" s="1282">
        <v>3.1</v>
      </c>
      <c r="V25" s="1283" t="s">
        <v>388</v>
      </c>
      <c r="W25" s="1281">
        <v>15.5</v>
      </c>
      <c r="X25" s="1281">
        <v>65.3</v>
      </c>
      <c r="Y25" s="1281">
        <v>19.2</v>
      </c>
      <c r="Z25" s="1290">
        <v>42.66</v>
      </c>
      <c r="AA25" s="1282">
        <v>123.5</v>
      </c>
    </row>
    <row r="26" spans="1:27" ht="9" customHeight="1">
      <c r="A26" s="553"/>
      <c r="B26" s="544"/>
      <c r="C26" s="544"/>
      <c r="D26" s="544"/>
      <c r="E26" s="544"/>
      <c r="F26" s="544"/>
      <c r="G26" s="1286"/>
      <c r="H26" s="1287"/>
      <c r="I26" s="1287"/>
      <c r="J26" s="1287"/>
      <c r="K26" s="1288"/>
      <c r="L26" s="1289"/>
      <c r="M26" s="1278"/>
      <c r="N26" s="1279"/>
      <c r="O26" s="1279"/>
      <c r="P26" s="1279"/>
      <c r="Q26" s="1268"/>
      <c r="R26" s="1280"/>
      <c r="S26" s="1281"/>
      <c r="T26" s="1281"/>
      <c r="U26" s="1282"/>
      <c r="V26" s="1283"/>
      <c r="W26" s="1281"/>
      <c r="X26" s="1281"/>
      <c r="Y26" s="1281"/>
      <c r="Z26" s="1290"/>
      <c r="AA26" s="1282"/>
    </row>
    <row r="27" spans="1:27" s="584" customFormat="1" ht="12.6" customHeight="1">
      <c r="A27" s="557" t="s">
        <v>406</v>
      </c>
      <c r="B27" s="558">
        <v>742428</v>
      </c>
      <c r="C27" s="558">
        <v>90642</v>
      </c>
      <c r="D27" s="558">
        <v>472120</v>
      </c>
      <c r="E27" s="558">
        <v>162407</v>
      </c>
      <c r="F27" s="558">
        <v>17259</v>
      </c>
      <c r="G27" s="1263">
        <v>734822</v>
      </c>
      <c r="H27" s="1264">
        <v>90408</v>
      </c>
      <c r="I27" s="1264">
        <v>467727</v>
      </c>
      <c r="J27" s="1264">
        <v>159428</v>
      </c>
      <c r="K27" s="1265">
        <v>17259</v>
      </c>
      <c r="L27" s="1266"/>
      <c r="M27" s="1291">
        <v>7606</v>
      </c>
      <c r="N27" s="1292">
        <v>234</v>
      </c>
      <c r="O27" s="1292">
        <v>4393</v>
      </c>
      <c r="P27" s="1292">
        <v>2979</v>
      </c>
      <c r="Q27" s="1293" t="s">
        <v>383</v>
      </c>
      <c r="R27" s="1294">
        <v>1</v>
      </c>
      <c r="S27" s="1295">
        <v>0.3</v>
      </c>
      <c r="T27" s="1295">
        <v>0.9</v>
      </c>
      <c r="U27" s="1296">
        <v>1.9</v>
      </c>
      <c r="V27" s="1272" t="s">
        <v>388</v>
      </c>
      <c r="W27" s="1295">
        <v>12.5</v>
      </c>
      <c r="X27" s="1295">
        <v>65.099999999999994</v>
      </c>
      <c r="Y27" s="1295">
        <v>22.4</v>
      </c>
      <c r="Z27" s="1297">
        <v>44.28</v>
      </c>
      <c r="AA27" s="1296">
        <v>179.2</v>
      </c>
    </row>
    <row r="28" spans="1:27" ht="12.6" customHeight="1">
      <c r="A28" s="553" t="s">
        <v>407</v>
      </c>
      <c r="B28" s="544">
        <v>106550</v>
      </c>
      <c r="C28" s="544">
        <v>12764</v>
      </c>
      <c r="D28" s="544">
        <v>66534</v>
      </c>
      <c r="E28" s="544">
        <v>26443</v>
      </c>
      <c r="F28" s="544">
        <v>809</v>
      </c>
      <c r="G28" s="1286">
        <v>105179</v>
      </c>
      <c r="H28" s="1287">
        <v>12813</v>
      </c>
      <c r="I28" s="1287">
        <v>65447</v>
      </c>
      <c r="J28" s="1287">
        <v>26110</v>
      </c>
      <c r="K28" s="1288">
        <v>809</v>
      </c>
      <c r="L28" s="1289"/>
      <c r="M28" s="1278">
        <v>1371</v>
      </c>
      <c r="N28" s="1279">
        <v>-49</v>
      </c>
      <c r="O28" s="1279">
        <v>1087</v>
      </c>
      <c r="P28" s="1279">
        <v>333</v>
      </c>
      <c r="Q28" s="1268" t="s">
        <v>383</v>
      </c>
      <c r="R28" s="1280">
        <v>1.3</v>
      </c>
      <c r="S28" s="1281">
        <v>-0.4</v>
      </c>
      <c r="T28" s="1281">
        <v>1.7</v>
      </c>
      <c r="U28" s="1282">
        <v>1.3</v>
      </c>
      <c r="V28" s="1283" t="s">
        <v>388</v>
      </c>
      <c r="W28" s="1281">
        <v>12.1</v>
      </c>
      <c r="X28" s="1281">
        <v>62.9</v>
      </c>
      <c r="Y28" s="1281">
        <v>25</v>
      </c>
      <c r="Z28" s="1290">
        <v>45.49</v>
      </c>
      <c r="AA28" s="1282">
        <v>207.2</v>
      </c>
    </row>
    <row r="29" spans="1:27" ht="12.6" customHeight="1">
      <c r="A29" s="553" t="s">
        <v>408</v>
      </c>
      <c r="B29" s="544">
        <v>82288</v>
      </c>
      <c r="C29" s="544">
        <v>10548</v>
      </c>
      <c r="D29" s="544">
        <v>49673</v>
      </c>
      <c r="E29" s="544">
        <v>20458</v>
      </c>
      <c r="F29" s="544">
        <v>1609</v>
      </c>
      <c r="G29" s="1286">
        <v>81023</v>
      </c>
      <c r="H29" s="1287">
        <v>10373</v>
      </c>
      <c r="I29" s="1287">
        <v>48872</v>
      </c>
      <c r="J29" s="1287">
        <v>20169</v>
      </c>
      <c r="K29" s="1288">
        <v>1609</v>
      </c>
      <c r="L29" s="1289"/>
      <c r="M29" s="1278">
        <v>1265</v>
      </c>
      <c r="N29" s="1279">
        <v>175</v>
      </c>
      <c r="O29" s="1279">
        <v>801</v>
      </c>
      <c r="P29" s="1279">
        <v>289</v>
      </c>
      <c r="Q29" s="1268" t="s">
        <v>383</v>
      </c>
      <c r="R29" s="1280">
        <v>1.6</v>
      </c>
      <c r="S29" s="1281">
        <v>1.7</v>
      </c>
      <c r="T29" s="1281">
        <v>1.6</v>
      </c>
      <c r="U29" s="1282">
        <v>1.4</v>
      </c>
      <c r="V29" s="1283" t="s">
        <v>388</v>
      </c>
      <c r="W29" s="1281">
        <v>13.1</v>
      </c>
      <c r="X29" s="1281">
        <v>61.6</v>
      </c>
      <c r="Y29" s="1281">
        <v>25.4</v>
      </c>
      <c r="Z29" s="1290">
        <v>45.57</v>
      </c>
      <c r="AA29" s="1282">
        <v>194</v>
      </c>
    </row>
    <row r="30" spans="1:27" ht="12.6" customHeight="1">
      <c r="A30" s="553" t="s">
        <v>409</v>
      </c>
      <c r="B30" s="544">
        <v>124539</v>
      </c>
      <c r="C30" s="544">
        <v>16017</v>
      </c>
      <c r="D30" s="544">
        <v>85742</v>
      </c>
      <c r="E30" s="544">
        <v>21520</v>
      </c>
      <c r="F30" s="544">
        <v>1260</v>
      </c>
      <c r="G30" s="1286">
        <v>122672</v>
      </c>
      <c r="H30" s="1287">
        <v>15730</v>
      </c>
      <c r="I30" s="1287">
        <v>84467</v>
      </c>
      <c r="J30" s="1287">
        <v>21215</v>
      </c>
      <c r="K30" s="1288">
        <v>1260</v>
      </c>
      <c r="L30" s="1289"/>
      <c r="M30" s="1278">
        <v>1867</v>
      </c>
      <c r="N30" s="1279">
        <v>287</v>
      </c>
      <c r="O30" s="1279">
        <v>1275</v>
      </c>
      <c r="P30" s="1279">
        <v>305</v>
      </c>
      <c r="Q30" s="1268" t="s">
        <v>383</v>
      </c>
      <c r="R30" s="1280">
        <v>1.5</v>
      </c>
      <c r="S30" s="1281">
        <v>1.8</v>
      </c>
      <c r="T30" s="1281">
        <v>1.5</v>
      </c>
      <c r="U30" s="1282">
        <v>1.4</v>
      </c>
      <c r="V30" s="1283" t="s">
        <v>388</v>
      </c>
      <c r="W30" s="1281">
        <v>13</v>
      </c>
      <c r="X30" s="1281">
        <v>69.599999999999994</v>
      </c>
      <c r="Y30" s="1281">
        <v>17.5</v>
      </c>
      <c r="Z30" s="1290">
        <v>41.82</v>
      </c>
      <c r="AA30" s="1282">
        <v>134.4</v>
      </c>
    </row>
    <row r="31" spans="1:27" ht="12.6" customHeight="1">
      <c r="A31" s="553" t="s">
        <v>410</v>
      </c>
      <c r="B31" s="544">
        <v>114776</v>
      </c>
      <c r="C31" s="544">
        <v>14481</v>
      </c>
      <c r="D31" s="544">
        <v>75718</v>
      </c>
      <c r="E31" s="544">
        <v>23243</v>
      </c>
      <c r="F31" s="544">
        <v>1334</v>
      </c>
      <c r="G31" s="1286">
        <v>113934</v>
      </c>
      <c r="H31" s="1287">
        <v>14487</v>
      </c>
      <c r="I31" s="1287">
        <v>75457</v>
      </c>
      <c r="J31" s="1287">
        <v>22656</v>
      </c>
      <c r="K31" s="1288">
        <v>1334</v>
      </c>
      <c r="L31" s="1289"/>
      <c r="M31" s="1278">
        <v>842</v>
      </c>
      <c r="N31" s="1279">
        <v>-6</v>
      </c>
      <c r="O31" s="1279">
        <v>261</v>
      </c>
      <c r="P31" s="1279">
        <v>587</v>
      </c>
      <c r="Q31" s="1268" t="s">
        <v>383</v>
      </c>
      <c r="R31" s="1280">
        <v>0.7</v>
      </c>
      <c r="S31" s="1281">
        <v>0</v>
      </c>
      <c r="T31" s="1281">
        <v>0.3</v>
      </c>
      <c r="U31" s="1282">
        <v>2.6</v>
      </c>
      <c r="V31" s="1283" t="s">
        <v>388</v>
      </c>
      <c r="W31" s="1281">
        <v>12.8</v>
      </c>
      <c r="X31" s="1281">
        <v>66.7</v>
      </c>
      <c r="Y31" s="1281">
        <v>20.5</v>
      </c>
      <c r="Z31" s="1290">
        <v>43.31</v>
      </c>
      <c r="AA31" s="1282">
        <v>160.5</v>
      </c>
    </row>
    <row r="32" spans="1:27" ht="12.6" customHeight="1">
      <c r="A32" s="553" t="s">
        <v>411</v>
      </c>
      <c r="B32" s="544">
        <v>105764</v>
      </c>
      <c r="C32" s="544">
        <v>11311</v>
      </c>
      <c r="D32" s="544">
        <v>70012</v>
      </c>
      <c r="E32" s="544">
        <v>23171</v>
      </c>
      <c r="F32" s="544">
        <v>1270</v>
      </c>
      <c r="G32" s="1286">
        <v>105086</v>
      </c>
      <c r="H32" s="1287">
        <v>11426</v>
      </c>
      <c r="I32" s="1287">
        <v>69648</v>
      </c>
      <c r="J32" s="1287">
        <v>22742</v>
      </c>
      <c r="K32" s="1288">
        <v>1270</v>
      </c>
      <c r="L32" s="1289"/>
      <c r="M32" s="1278">
        <v>678</v>
      </c>
      <c r="N32" s="1279">
        <v>-115</v>
      </c>
      <c r="O32" s="1279">
        <v>364</v>
      </c>
      <c r="P32" s="1279">
        <v>429</v>
      </c>
      <c r="Q32" s="1268" t="s">
        <v>383</v>
      </c>
      <c r="R32" s="1280">
        <v>0.6</v>
      </c>
      <c r="S32" s="1281">
        <v>-1</v>
      </c>
      <c r="T32" s="1281">
        <v>0.5</v>
      </c>
      <c r="U32" s="1282">
        <v>1.9</v>
      </c>
      <c r="V32" s="1283" t="s">
        <v>388</v>
      </c>
      <c r="W32" s="1281">
        <v>10.8</v>
      </c>
      <c r="X32" s="1281">
        <v>67</v>
      </c>
      <c r="Y32" s="1281">
        <v>22.2</v>
      </c>
      <c r="Z32" s="1290">
        <v>44.23</v>
      </c>
      <c r="AA32" s="1282">
        <v>204.9</v>
      </c>
    </row>
    <row r="33" spans="1:27" ht="12.6" customHeight="1">
      <c r="A33" s="553" t="s">
        <v>412</v>
      </c>
      <c r="B33" s="544">
        <v>117365</v>
      </c>
      <c r="C33" s="544">
        <v>14095</v>
      </c>
      <c r="D33" s="544">
        <v>68074</v>
      </c>
      <c r="E33" s="544">
        <v>24769</v>
      </c>
      <c r="F33" s="544">
        <v>10427</v>
      </c>
      <c r="G33" s="1286">
        <v>116261</v>
      </c>
      <c r="H33" s="1287">
        <v>14041</v>
      </c>
      <c r="I33" s="1287">
        <v>67589</v>
      </c>
      <c r="J33" s="1287">
        <v>24204</v>
      </c>
      <c r="K33" s="1288">
        <v>10427</v>
      </c>
      <c r="L33" s="1289"/>
      <c r="M33" s="1278">
        <v>1104</v>
      </c>
      <c r="N33" s="1279">
        <v>54</v>
      </c>
      <c r="O33" s="1279">
        <v>485</v>
      </c>
      <c r="P33" s="1279">
        <v>565</v>
      </c>
      <c r="Q33" s="1268" t="s">
        <v>383</v>
      </c>
      <c r="R33" s="1280">
        <v>0.9</v>
      </c>
      <c r="S33" s="1281">
        <v>0.4</v>
      </c>
      <c r="T33" s="1281">
        <v>0.7</v>
      </c>
      <c r="U33" s="1282">
        <v>2.2999999999999998</v>
      </c>
      <c r="V33" s="1283" t="s">
        <v>388</v>
      </c>
      <c r="W33" s="1281">
        <v>13.2</v>
      </c>
      <c r="X33" s="1281">
        <v>63.7</v>
      </c>
      <c r="Y33" s="1281">
        <v>23.2</v>
      </c>
      <c r="Z33" s="1290">
        <v>44.74</v>
      </c>
      <c r="AA33" s="1282">
        <v>175.7</v>
      </c>
    </row>
    <row r="34" spans="1:27" ht="12.6" customHeight="1">
      <c r="A34" s="553" t="s">
        <v>413</v>
      </c>
      <c r="B34" s="544">
        <v>91146</v>
      </c>
      <c r="C34" s="544">
        <v>11426</v>
      </c>
      <c r="D34" s="544">
        <v>56367</v>
      </c>
      <c r="E34" s="544">
        <v>22803</v>
      </c>
      <c r="F34" s="544">
        <v>550</v>
      </c>
      <c r="G34" s="1286">
        <v>90667</v>
      </c>
      <c r="H34" s="1287">
        <v>11538</v>
      </c>
      <c r="I34" s="1287">
        <v>56247</v>
      </c>
      <c r="J34" s="1287">
        <v>22332</v>
      </c>
      <c r="K34" s="1288">
        <v>550</v>
      </c>
      <c r="L34" s="1289"/>
      <c r="M34" s="1278">
        <v>479</v>
      </c>
      <c r="N34" s="1279">
        <v>-112</v>
      </c>
      <c r="O34" s="1279">
        <v>120</v>
      </c>
      <c r="P34" s="1279">
        <v>471</v>
      </c>
      <c r="Q34" s="1268" t="s">
        <v>383</v>
      </c>
      <c r="R34" s="1280">
        <v>0.5</v>
      </c>
      <c r="S34" s="1281">
        <v>-1</v>
      </c>
      <c r="T34" s="1281">
        <v>0.2</v>
      </c>
      <c r="U34" s="1282">
        <v>2.1</v>
      </c>
      <c r="V34" s="1283" t="s">
        <v>388</v>
      </c>
      <c r="W34" s="1281">
        <v>12.6</v>
      </c>
      <c r="X34" s="1281">
        <v>62.2</v>
      </c>
      <c r="Y34" s="1281">
        <v>25.2</v>
      </c>
      <c r="Z34" s="1290">
        <v>45.84</v>
      </c>
      <c r="AA34" s="1282">
        <v>199.6</v>
      </c>
    </row>
    <row r="35" spans="1:27" ht="9" customHeight="1">
      <c r="A35" s="543"/>
      <c r="B35" s="544"/>
      <c r="C35" s="544"/>
      <c r="D35" s="544"/>
      <c r="E35" s="544"/>
      <c r="F35" s="544"/>
      <c r="G35" s="1274"/>
      <c r="H35" s="1275"/>
      <c r="I35" s="1275"/>
      <c r="J35" s="1275"/>
      <c r="K35" s="1276"/>
      <c r="L35" s="1277"/>
      <c r="M35" s="1278"/>
      <c r="N35" s="1279"/>
      <c r="O35" s="1279"/>
      <c r="P35" s="1279"/>
      <c r="Q35" s="1268"/>
      <c r="R35" s="1280"/>
      <c r="S35" s="1281"/>
      <c r="T35" s="1281"/>
      <c r="U35" s="1282"/>
      <c r="V35" s="1283"/>
      <c r="W35" s="1281"/>
      <c r="X35" s="1281"/>
      <c r="Y35" s="1281"/>
      <c r="Z35" s="1290"/>
      <c r="AA35" s="1282"/>
    </row>
    <row r="36" spans="1:27" ht="12.6" customHeight="1">
      <c r="A36" s="563" t="s">
        <v>414</v>
      </c>
      <c r="B36" s="536">
        <v>361757</v>
      </c>
      <c r="C36" s="536">
        <v>38689</v>
      </c>
      <c r="D36" s="536">
        <v>196451</v>
      </c>
      <c r="E36" s="536">
        <v>125562</v>
      </c>
      <c r="F36" s="536">
        <v>1055</v>
      </c>
      <c r="G36" s="1263">
        <v>363862</v>
      </c>
      <c r="H36" s="1264">
        <v>39453</v>
      </c>
      <c r="I36" s="1264">
        <v>198698</v>
      </c>
      <c r="J36" s="1264">
        <v>124656</v>
      </c>
      <c r="K36" s="1265">
        <v>1055</v>
      </c>
      <c r="L36" s="1266"/>
      <c r="M36" s="1267">
        <v>-2105</v>
      </c>
      <c r="N36" s="1285">
        <v>-764</v>
      </c>
      <c r="O36" s="1285">
        <v>-2247</v>
      </c>
      <c r="P36" s="1285">
        <v>906</v>
      </c>
      <c r="Q36" s="1268" t="s">
        <v>383</v>
      </c>
      <c r="R36" s="1269">
        <v>-0.6</v>
      </c>
      <c r="S36" s="1270">
        <v>-1.9</v>
      </c>
      <c r="T36" s="1270">
        <v>-1.1000000000000001</v>
      </c>
      <c r="U36" s="1271">
        <v>0.7</v>
      </c>
      <c r="V36" s="1272" t="s">
        <v>388</v>
      </c>
      <c r="W36" s="1270">
        <v>10.7</v>
      </c>
      <c r="X36" s="1270">
        <v>54.5</v>
      </c>
      <c r="Y36" s="1270">
        <v>34.799999999999997</v>
      </c>
      <c r="Z36" s="1273">
        <v>50.76</v>
      </c>
      <c r="AA36" s="1271">
        <v>324.5</v>
      </c>
    </row>
    <row r="37" spans="1:27" ht="12.6" customHeight="1">
      <c r="A37" s="543" t="s">
        <v>415</v>
      </c>
      <c r="B37" s="544">
        <v>200623</v>
      </c>
      <c r="C37" s="544">
        <v>21625</v>
      </c>
      <c r="D37" s="544">
        <v>109424</v>
      </c>
      <c r="E37" s="544">
        <v>69082</v>
      </c>
      <c r="F37" s="544">
        <v>492</v>
      </c>
      <c r="G37" s="1286">
        <v>202058</v>
      </c>
      <c r="H37" s="1287">
        <v>22124</v>
      </c>
      <c r="I37" s="1287">
        <v>111076</v>
      </c>
      <c r="J37" s="1287">
        <v>68366</v>
      </c>
      <c r="K37" s="1288">
        <v>492</v>
      </c>
      <c r="L37" s="1289"/>
      <c r="M37" s="1278">
        <v>-1435</v>
      </c>
      <c r="N37" s="1279">
        <v>-499</v>
      </c>
      <c r="O37" s="1279">
        <v>-1652</v>
      </c>
      <c r="P37" s="1279">
        <v>716</v>
      </c>
      <c r="Q37" s="1268" t="s">
        <v>383</v>
      </c>
      <c r="R37" s="1280">
        <v>-0.7</v>
      </c>
      <c r="S37" s="1281">
        <v>-2.2999999999999998</v>
      </c>
      <c r="T37" s="1281">
        <v>-1.5</v>
      </c>
      <c r="U37" s="1282">
        <v>1</v>
      </c>
      <c r="V37" s="1283" t="s">
        <v>388</v>
      </c>
      <c r="W37" s="1281">
        <v>10.8</v>
      </c>
      <c r="X37" s="1281">
        <v>54.7</v>
      </c>
      <c r="Y37" s="1281">
        <v>34.5</v>
      </c>
      <c r="Z37" s="1290">
        <v>50.31</v>
      </c>
      <c r="AA37" s="1282">
        <v>319.5</v>
      </c>
    </row>
    <row r="38" spans="1:27" ht="12.6" customHeight="1">
      <c r="A38" s="543" t="s">
        <v>416</v>
      </c>
      <c r="B38" s="544">
        <v>91004</v>
      </c>
      <c r="C38" s="544">
        <v>9867</v>
      </c>
      <c r="D38" s="544">
        <v>50024</v>
      </c>
      <c r="E38" s="544">
        <v>30963</v>
      </c>
      <c r="F38" s="544">
        <v>150</v>
      </c>
      <c r="G38" s="1286">
        <v>91116</v>
      </c>
      <c r="H38" s="1287">
        <v>9996</v>
      </c>
      <c r="I38" s="1287">
        <v>50122</v>
      </c>
      <c r="J38" s="1287">
        <v>30848</v>
      </c>
      <c r="K38" s="1288">
        <v>150</v>
      </c>
      <c r="L38" s="1289"/>
      <c r="M38" s="1278">
        <v>-112</v>
      </c>
      <c r="N38" s="1279">
        <v>-129</v>
      </c>
      <c r="O38" s="1279">
        <v>-98</v>
      </c>
      <c r="P38" s="1279">
        <v>115</v>
      </c>
      <c r="Q38" s="1268" t="s">
        <v>383</v>
      </c>
      <c r="R38" s="1280">
        <v>-0.1</v>
      </c>
      <c r="S38" s="1281">
        <v>-1.3</v>
      </c>
      <c r="T38" s="1281">
        <v>-0.2</v>
      </c>
      <c r="U38" s="1282">
        <v>0.4</v>
      </c>
      <c r="V38" s="1283" t="s">
        <v>388</v>
      </c>
      <c r="W38" s="1281">
        <v>10.9</v>
      </c>
      <c r="X38" s="1281">
        <v>55.1</v>
      </c>
      <c r="Y38" s="1281">
        <v>34.1</v>
      </c>
      <c r="Z38" s="1290">
        <v>50.77</v>
      </c>
      <c r="AA38" s="1282">
        <v>313.8</v>
      </c>
    </row>
    <row r="39" spans="1:27" ht="12.6" customHeight="1">
      <c r="A39" s="543" t="s">
        <v>417</v>
      </c>
      <c r="B39" s="544">
        <v>30558</v>
      </c>
      <c r="C39" s="544">
        <v>3316</v>
      </c>
      <c r="D39" s="544">
        <v>16660</v>
      </c>
      <c r="E39" s="544">
        <v>10482</v>
      </c>
      <c r="F39" s="544">
        <v>100</v>
      </c>
      <c r="G39" s="1286">
        <v>30692</v>
      </c>
      <c r="H39" s="1287">
        <v>3317</v>
      </c>
      <c r="I39" s="1287">
        <v>16765</v>
      </c>
      <c r="J39" s="1287">
        <v>10510</v>
      </c>
      <c r="K39" s="1288">
        <v>100</v>
      </c>
      <c r="L39" s="1289"/>
      <c r="M39" s="1278">
        <v>-134</v>
      </c>
      <c r="N39" s="1279">
        <v>-1</v>
      </c>
      <c r="O39" s="1279">
        <v>-105</v>
      </c>
      <c r="P39" s="1279">
        <v>-28</v>
      </c>
      <c r="Q39" s="1268" t="s">
        <v>383</v>
      </c>
      <c r="R39" s="1280">
        <v>-0.4</v>
      </c>
      <c r="S39" s="1281">
        <v>0</v>
      </c>
      <c r="T39" s="1281">
        <v>-0.6</v>
      </c>
      <c r="U39" s="1282">
        <v>-0.3</v>
      </c>
      <c r="V39" s="1283" t="s">
        <v>388</v>
      </c>
      <c r="W39" s="1281">
        <v>10.9</v>
      </c>
      <c r="X39" s="1281">
        <v>54.7</v>
      </c>
      <c r="Y39" s="1281">
        <v>34.4</v>
      </c>
      <c r="Z39" s="1290">
        <v>50.99</v>
      </c>
      <c r="AA39" s="1282">
        <v>316.10000000000002</v>
      </c>
    </row>
    <row r="40" spans="1:27" ht="12.6" customHeight="1">
      <c r="A40" s="543" t="s">
        <v>418</v>
      </c>
      <c r="B40" s="544">
        <v>22723</v>
      </c>
      <c r="C40" s="544">
        <v>1910</v>
      </c>
      <c r="D40" s="544">
        <v>11472</v>
      </c>
      <c r="E40" s="544">
        <v>9333</v>
      </c>
      <c r="F40" s="544">
        <v>8</v>
      </c>
      <c r="G40" s="1286">
        <v>23071</v>
      </c>
      <c r="H40" s="1287">
        <v>2019</v>
      </c>
      <c r="I40" s="1287">
        <v>11815</v>
      </c>
      <c r="J40" s="1287">
        <v>9229</v>
      </c>
      <c r="K40" s="1288">
        <v>8</v>
      </c>
      <c r="L40" s="1289"/>
      <c r="M40" s="1278">
        <v>-348</v>
      </c>
      <c r="N40" s="1279">
        <v>-109</v>
      </c>
      <c r="O40" s="1279">
        <v>-343</v>
      </c>
      <c r="P40" s="1279">
        <v>104</v>
      </c>
      <c r="Q40" s="1268" t="s">
        <v>383</v>
      </c>
      <c r="R40" s="1280">
        <v>-1.5</v>
      </c>
      <c r="S40" s="1281">
        <v>-5.4</v>
      </c>
      <c r="T40" s="1281">
        <v>-2.9</v>
      </c>
      <c r="U40" s="1282">
        <v>1.1000000000000001</v>
      </c>
      <c r="V40" s="1283" t="s">
        <v>388</v>
      </c>
      <c r="W40" s="1281">
        <v>8.4</v>
      </c>
      <c r="X40" s="1281">
        <v>50.5</v>
      </c>
      <c r="Y40" s="1281">
        <v>41.1</v>
      </c>
      <c r="Z40" s="1290">
        <v>54.38</v>
      </c>
      <c r="AA40" s="1282">
        <v>488.6</v>
      </c>
    </row>
    <row r="41" spans="1:27" ht="12.6" customHeight="1">
      <c r="A41" s="543" t="s">
        <v>419</v>
      </c>
      <c r="B41" s="544">
        <v>16849</v>
      </c>
      <c r="C41" s="544">
        <v>1971</v>
      </c>
      <c r="D41" s="544">
        <v>8871</v>
      </c>
      <c r="E41" s="544">
        <v>5702</v>
      </c>
      <c r="F41" s="544">
        <v>305</v>
      </c>
      <c r="G41" s="1286">
        <v>16925</v>
      </c>
      <c r="H41" s="1287">
        <v>1997</v>
      </c>
      <c r="I41" s="1287">
        <v>8920</v>
      </c>
      <c r="J41" s="1287">
        <v>5703</v>
      </c>
      <c r="K41" s="1288">
        <v>305</v>
      </c>
      <c r="L41" s="1289"/>
      <c r="M41" s="1278">
        <v>-76</v>
      </c>
      <c r="N41" s="1279">
        <v>-26</v>
      </c>
      <c r="O41" s="1279">
        <v>-49</v>
      </c>
      <c r="P41" s="1279">
        <v>-1</v>
      </c>
      <c r="Q41" s="1268" t="s">
        <v>383</v>
      </c>
      <c r="R41" s="1280">
        <v>-0.4</v>
      </c>
      <c r="S41" s="1281">
        <v>-1.3</v>
      </c>
      <c r="T41" s="1281">
        <v>-0.5</v>
      </c>
      <c r="U41" s="1282">
        <v>0</v>
      </c>
      <c r="V41" s="1283" t="s">
        <v>388</v>
      </c>
      <c r="W41" s="1281">
        <v>11.9</v>
      </c>
      <c r="X41" s="1281">
        <v>53.6</v>
      </c>
      <c r="Y41" s="1281">
        <v>34.5</v>
      </c>
      <c r="Z41" s="1290">
        <v>50.74</v>
      </c>
      <c r="AA41" s="1282">
        <v>289.3</v>
      </c>
    </row>
    <row r="42" spans="1:27" ht="9" customHeight="1">
      <c r="A42" s="543"/>
      <c r="B42" s="544"/>
      <c r="C42" s="544"/>
      <c r="D42" s="544"/>
      <c r="E42" s="544"/>
      <c r="F42" s="544"/>
      <c r="G42" s="1274"/>
      <c r="H42" s="1275"/>
      <c r="I42" s="1275"/>
      <c r="J42" s="1275"/>
      <c r="K42" s="1276"/>
      <c r="L42" s="1277"/>
      <c r="M42" s="1278"/>
      <c r="N42" s="1279"/>
      <c r="O42" s="1279"/>
      <c r="P42" s="1279"/>
      <c r="Q42" s="1268"/>
      <c r="R42" s="1280"/>
      <c r="S42" s="1281"/>
      <c r="T42" s="1281"/>
      <c r="U42" s="1282"/>
      <c r="V42" s="1283"/>
      <c r="W42" s="1281"/>
      <c r="X42" s="1281"/>
      <c r="Y42" s="1281"/>
      <c r="Z42" s="1290"/>
      <c r="AA42" s="1282"/>
    </row>
    <row r="43" spans="1:27" ht="12.6" customHeight="1">
      <c r="A43" s="563" t="s">
        <v>420</v>
      </c>
      <c r="B43" s="536">
        <v>779829</v>
      </c>
      <c r="C43" s="536">
        <v>93939</v>
      </c>
      <c r="D43" s="536">
        <v>466847</v>
      </c>
      <c r="E43" s="536">
        <v>213802</v>
      </c>
      <c r="F43" s="536">
        <v>5241</v>
      </c>
      <c r="G43" s="1263">
        <v>778019</v>
      </c>
      <c r="H43" s="1264">
        <v>95187</v>
      </c>
      <c r="I43" s="1264">
        <v>469274</v>
      </c>
      <c r="J43" s="1264">
        <v>208317</v>
      </c>
      <c r="K43" s="1265">
        <v>5241</v>
      </c>
      <c r="L43" s="1266"/>
      <c r="M43" s="1267">
        <v>1810</v>
      </c>
      <c r="N43" s="1285">
        <v>-1248</v>
      </c>
      <c r="O43" s="1285">
        <v>-2427</v>
      </c>
      <c r="P43" s="1285">
        <v>5485</v>
      </c>
      <c r="Q43" s="1268" t="s">
        <v>383</v>
      </c>
      <c r="R43" s="1269">
        <v>0.2</v>
      </c>
      <c r="S43" s="1270">
        <v>-1.3</v>
      </c>
      <c r="T43" s="1270">
        <v>-0.5</v>
      </c>
      <c r="U43" s="1271">
        <v>2.6</v>
      </c>
      <c r="V43" s="1272" t="s">
        <v>388</v>
      </c>
      <c r="W43" s="1270">
        <v>12.1</v>
      </c>
      <c r="X43" s="1270">
        <v>60.3</v>
      </c>
      <c r="Y43" s="1270">
        <v>27.6</v>
      </c>
      <c r="Z43" s="1273">
        <v>46.6</v>
      </c>
      <c r="AA43" s="1271">
        <v>227.6</v>
      </c>
    </row>
    <row r="44" spans="1:27" ht="12.6" customHeight="1">
      <c r="A44" s="543" t="s">
        <v>421</v>
      </c>
      <c r="B44" s="544">
        <v>360933</v>
      </c>
      <c r="C44" s="544">
        <v>42131</v>
      </c>
      <c r="D44" s="544">
        <v>216646</v>
      </c>
      <c r="E44" s="544">
        <v>99442</v>
      </c>
      <c r="F44" s="544">
        <v>2714</v>
      </c>
      <c r="G44" s="1286">
        <v>360244</v>
      </c>
      <c r="H44" s="1287">
        <v>42609</v>
      </c>
      <c r="I44" s="1287">
        <v>218072</v>
      </c>
      <c r="J44" s="1287">
        <v>96849</v>
      </c>
      <c r="K44" s="1288">
        <v>2714</v>
      </c>
      <c r="L44" s="1289"/>
      <c r="M44" s="1278">
        <v>689</v>
      </c>
      <c r="N44" s="1279">
        <v>-478</v>
      </c>
      <c r="O44" s="1279">
        <v>-1426</v>
      </c>
      <c r="P44" s="1279">
        <v>2593</v>
      </c>
      <c r="Q44" s="1268" t="s">
        <v>383</v>
      </c>
      <c r="R44" s="1280">
        <v>0.2</v>
      </c>
      <c r="S44" s="1281">
        <v>-1.1000000000000001</v>
      </c>
      <c r="T44" s="1281">
        <v>-0.7</v>
      </c>
      <c r="U44" s="1282">
        <v>2.7</v>
      </c>
      <c r="V44" s="1283" t="s">
        <v>388</v>
      </c>
      <c r="W44" s="1281">
        <v>11.8</v>
      </c>
      <c r="X44" s="1281">
        <v>60.5</v>
      </c>
      <c r="Y44" s="1281">
        <v>27.8</v>
      </c>
      <c r="Z44" s="1290">
        <v>46.74</v>
      </c>
      <c r="AA44" s="1282">
        <v>236</v>
      </c>
    </row>
    <row r="45" spans="1:27" ht="12.6" customHeight="1">
      <c r="A45" s="553" t="s">
        <v>400</v>
      </c>
      <c r="B45" s="544">
        <v>85488</v>
      </c>
      <c r="C45" s="544">
        <v>10079</v>
      </c>
      <c r="D45" s="544">
        <v>50266</v>
      </c>
      <c r="E45" s="544">
        <v>24651</v>
      </c>
      <c r="F45" s="544">
        <v>492</v>
      </c>
      <c r="G45" s="1298">
        <v>85896</v>
      </c>
      <c r="H45" s="1299">
        <v>10323</v>
      </c>
      <c r="I45" s="1299">
        <v>51198</v>
      </c>
      <c r="J45" s="1299">
        <v>23883</v>
      </c>
      <c r="K45" s="1300">
        <v>492</v>
      </c>
      <c r="L45" s="1301"/>
      <c r="M45" s="1278">
        <v>-408</v>
      </c>
      <c r="N45" s="1279">
        <v>-244</v>
      </c>
      <c r="O45" s="1279">
        <v>-932</v>
      </c>
      <c r="P45" s="1279">
        <v>768</v>
      </c>
      <c r="Q45" s="1268" t="s">
        <v>188</v>
      </c>
      <c r="R45" s="1280">
        <v>-0.5</v>
      </c>
      <c r="S45" s="1281">
        <v>-2.4</v>
      </c>
      <c r="T45" s="1281">
        <v>-1.8</v>
      </c>
      <c r="U45" s="1282">
        <v>3.2</v>
      </c>
      <c r="V45" s="1283" t="s">
        <v>388</v>
      </c>
      <c r="W45" s="1281">
        <v>11.9</v>
      </c>
      <c r="X45" s="1281">
        <v>59.1</v>
      </c>
      <c r="Y45" s="1281">
        <v>29</v>
      </c>
      <c r="Z45" s="1290">
        <v>47.38</v>
      </c>
      <c r="AA45" s="1282">
        <v>244.6</v>
      </c>
    </row>
    <row r="46" spans="1:27" ht="12.6" customHeight="1">
      <c r="A46" s="553" t="s">
        <v>422</v>
      </c>
      <c r="B46" s="544">
        <v>135071</v>
      </c>
      <c r="C46" s="544">
        <v>16422</v>
      </c>
      <c r="D46" s="544">
        <v>82016</v>
      </c>
      <c r="E46" s="544">
        <v>35412</v>
      </c>
      <c r="F46" s="544">
        <v>1221</v>
      </c>
      <c r="G46" s="1298">
        <v>134621</v>
      </c>
      <c r="H46" s="1299">
        <v>16607</v>
      </c>
      <c r="I46" s="1299">
        <v>82394</v>
      </c>
      <c r="J46" s="1299">
        <v>34399</v>
      </c>
      <c r="K46" s="1300">
        <v>1221</v>
      </c>
      <c r="L46" s="1301"/>
      <c r="M46" s="1278">
        <v>450</v>
      </c>
      <c r="N46" s="1279">
        <v>-185</v>
      </c>
      <c r="O46" s="1279">
        <v>-378</v>
      </c>
      <c r="P46" s="1279">
        <v>1013</v>
      </c>
      <c r="Q46" s="1268" t="s">
        <v>188</v>
      </c>
      <c r="R46" s="1280">
        <v>0.3</v>
      </c>
      <c r="S46" s="1281">
        <v>-1.1000000000000001</v>
      </c>
      <c r="T46" s="1281">
        <v>-0.5</v>
      </c>
      <c r="U46" s="1282">
        <v>2.9</v>
      </c>
      <c r="V46" s="1283" t="s">
        <v>388</v>
      </c>
      <c r="W46" s="1281">
        <v>12.3</v>
      </c>
      <c r="X46" s="1281">
        <v>61.3</v>
      </c>
      <c r="Y46" s="1281">
        <v>26.5</v>
      </c>
      <c r="Z46" s="1290">
        <v>45.95</v>
      </c>
      <c r="AA46" s="1282">
        <v>215.6</v>
      </c>
    </row>
    <row r="47" spans="1:27" ht="12.6" customHeight="1">
      <c r="A47" s="553" t="s">
        <v>392</v>
      </c>
      <c r="B47" s="544">
        <v>140374</v>
      </c>
      <c r="C47" s="544">
        <v>15630</v>
      </c>
      <c r="D47" s="544">
        <v>84364</v>
      </c>
      <c r="E47" s="544">
        <v>39379</v>
      </c>
      <c r="F47" s="544">
        <v>1001</v>
      </c>
      <c r="G47" s="1298">
        <v>139727</v>
      </c>
      <c r="H47" s="1299">
        <v>15679</v>
      </c>
      <c r="I47" s="1299">
        <v>84480</v>
      </c>
      <c r="J47" s="1299">
        <v>38567</v>
      </c>
      <c r="K47" s="1300">
        <v>1001</v>
      </c>
      <c r="L47" s="1301"/>
      <c r="M47" s="1278">
        <v>647</v>
      </c>
      <c r="N47" s="1279">
        <v>-49</v>
      </c>
      <c r="O47" s="1279">
        <v>-116</v>
      </c>
      <c r="P47" s="1279">
        <v>812</v>
      </c>
      <c r="Q47" s="1268" t="s">
        <v>188</v>
      </c>
      <c r="R47" s="1280">
        <v>0.5</v>
      </c>
      <c r="S47" s="1281">
        <v>-0.3</v>
      </c>
      <c r="T47" s="1281">
        <v>-0.1</v>
      </c>
      <c r="U47" s="1282">
        <v>2.1</v>
      </c>
      <c r="V47" s="1283" t="s">
        <v>388</v>
      </c>
      <c r="W47" s="1281">
        <v>11.2</v>
      </c>
      <c r="X47" s="1281">
        <v>60.5</v>
      </c>
      <c r="Y47" s="1281">
        <v>28.3</v>
      </c>
      <c r="Z47" s="1290">
        <v>47.11</v>
      </c>
      <c r="AA47" s="1282">
        <v>251.9</v>
      </c>
    </row>
    <row r="48" spans="1:27" ht="12.6" customHeight="1">
      <c r="A48" s="543" t="s">
        <v>423</v>
      </c>
      <c r="B48" s="544">
        <v>109081</v>
      </c>
      <c r="C48" s="544">
        <v>13574</v>
      </c>
      <c r="D48" s="544">
        <v>65246</v>
      </c>
      <c r="E48" s="544">
        <v>29748</v>
      </c>
      <c r="F48" s="544">
        <v>513</v>
      </c>
      <c r="G48" s="1286">
        <v>109061</v>
      </c>
      <c r="H48" s="1287">
        <v>13837</v>
      </c>
      <c r="I48" s="1287">
        <v>65943</v>
      </c>
      <c r="J48" s="1287">
        <v>28768</v>
      </c>
      <c r="K48" s="1288">
        <v>513</v>
      </c>
      <c r="L48" s="1289"/>
      <c r="M48" s="1278">
        <v>20</v>
      </c>
      <c r="N48" s="1279">
        <v>-263</v>
      </c>
      <c r="O48" s="1279">
        <v>-697</v>
      </c>
      <c r="P48" s="1279">
        <v>980</v>
      </c>
      <c r="Q48" s="1268" t="s">
        <v>383</v>
      </c>
      <c r="R48" s="1280">
        <v>0</v>
      </c>
      <c r="S48" s="1281">
        <v>-1.9</v>
      </c>
      <c r="T48" s="1281">
        <v>-1.1000000000000001</v>
      </c>
      <c r="U48" s="1282">
        <v>3.4</v>
      </c>
      <c r="V48" s="1283" t="s">
        <v>388</v>
      </c>
      <c r="W48" s="1281">
        <v>12.5</v>
      </c>
      <c r="X48" s="1281">
        <v>60.1</v>
      </c>
      <c r="Y48" s="1281">
        <v>27.4</v>
      </c>
      <c r="Z48" s="1290">
        <v>46.33</v>
      </c>
      <c r="AA48" s="1282">
        <v>219.2</v>
      </c>
    </row>
    <row r="49" spans="1:27" ht="12.6" customHeight="1">
      <c r="A49" s="543" t="s">
        <v>424</v>
      </c>
      <c r="B49" s="544">
        <v>117696</v>
      </c>
      <c r="C49" s="544">
        <v>14474</v>
      </c>
      <c r="D49" s="544">
        <v>71724</v>
      </c>
      <c r="E49" s="544">
        <v>30926</v>
      </c>
      <c r="F49" s="544">
        <v>572</v>
      </c>
      <c r="G49" s="1286">
        <v>116963</v>
      </c>
      <c r="H49" s="1287">
        <v>14556</v>
      </c>
      <c r="I49" s="1287">
        <v>71490</v>
      </c>
      <c r="J49" s="1287">
        <v>30345</v>
      </c>
      <c r="K49" s="1288">
        <v>572</v>
      </c>
      <c r="L49" s="1289"/>
      <c r="M49" s="1278">
        <v>733</v>
      </c>
      <c r="N49" s="1279">
        <v>-82</v>
      </c>
      <c r="O49" s="1279">
        <v>234</v>
      </c>
      <c r="P49" s="1279">
        <v>581</v>
      </c>
      <c r="Q49" s="1268" t="s">
        <v>383</v>
      </c>
      <c r="R49" s="1280">
        <v>0.6</v>
      </c>
      <c r="S49" s="1281">
        <v>-0.6</v>
      </c>
      <c r="T49" s="1281">
        <v>0.3</v>
      </c>
      <c r="U49" s="1282">
        <v>1.9</v>
      </c>
      <c r="V49" s="1283" t="s">
        <v>388</v>
      </c>
      <c r="W49" s="1281">
        <v>12.4</v>
      </c>
      <c r="X49" s="1281">
        <v>61.2</v>
      </c>
      <c r="Y49" s="1281">
        <v>26.4</v>
      </c>
      <c r="Z49" s="1290">
        <v>46.04</v>
      </c>
      <c r="AA49" s="1282">
        <v>213.7</v>
      </c>
    </row>
    <row r="50" spans="1:27" ht="12.6" customHeight="1">
      <c r="A50" s="543" t="s">
        <v>425</v>
      </c>
      <c r="B50" s="544">
        <v>65275</v>
      </c>
      <c r="C50" s="544">
        <v>8533</v>
      </c>
      <c r="D50" s="544">
        <v>39112</v>
      </c>
      <c r="E50" s="544">
        <v>17451</v>
      </c>
      <c r="F50" s="544">
        <v>179</v>
      </c>
      <c r="G50" s="1286">
        <v>64977</v>
      </c>
      <c r="H50" s="1287">
        <v>8627</v>
      </c>
      <c r="I50" s="1287">
        <v>39214</v>
      </c>
      <c r="J50" s="1287">
        <v>16957</v>
      </c>
      <c r="K50" s="1288">
        <v>179</v>
      </c>
      <c r="L50" s="1289"/>
      <c r="M50" s="1278">
        <v>298</v>
      </c>
      <c r="N50" s="1279">
        <v>-94</v>
      </c>
      <c r="O50" s="1279">
        <v>-102</v>
      </c>
      <c r="P50" s="1279">
        <v>494</v>
      </c>
      <c r="Q50" s="1268" t="s">
        <v>383</v>
      </c>
      <c r="R50" s="1280">
        <v>0.5</v>
      </c>
      <c r="S50" s="1281">
        <v>-1.1000000000000001</v>
      </c>
      <c r="T50" s="1281">
        <v>-0.3</v>
      </c>
      <c r="U50" s="1282">
        <v>2.9</v>
      </c>
      <c r="V50" s="1283" t="s">
        <v>388</v>
      </c>
      <c r="W50" s="1281">
        <v>13.1</v>
      </c>
      <c r="X50" s="1281">
        <v>60.1</v>
      </c>
      <c r="Y50" s="1281">
        <v>26.8</v>
      </c>
      <c r="Z50" s="1290">
        <v>46.05</v>
      </c>
      <c r="AA50" s="1282">
        <v>204.5</v>
      </c>
    </row>
    <row r="51" spans="1:27" ht="12.6" customHeight="1">
      <c r="A51" s="543" t="s">
        <v>426</v>
      </c>
      <c r="B51" s="544">
        <v>64759</v>
      </c>
      <c r="C51" s="544">
        <v>7433</v>
      </c>
      <c r="D51" s="544">
        <v>39093</v>
      </c>
      <c r="E51" s="544">
        <v>17497</v>
      </c>
      <c r="F51" s="544">
        <v>736</v>
      </c>
      <c r="G51" s="1286">
        <v>64464</v>
      </c>
      <c r="H51" s="1287">
        <v>7486</v>
      </c>
      <c r="I51" s="1287">
        <v>39191</v>
      </c>
      <c r="J51" s="1287">
        <v>17051</v>
      </c>
      <c r="K51" s="1288">
        <v>736</v>
      </c>
      <c r="L51" s="1289"/>
      <c r="M51" s="1278">
        <v>295</v>
      </c>
      <c r="N51" s="1279">
        <v>-53</v>
      </c>
      <c r="O51" s="1279">
        <v>-98</v>
      </c>
      <c r="P51" s="1279">
        <v>446</v>
      </c>
      <c r="Q51" s="1268" t="s">
        <v>383</v>
      </c>
      <c r="R51" s="1280">
        <v>0.5</v>
      </c>
      <c r="S51" s="1281">
        <v>-0.7</v>
      </c>
      <c r="T51" s="1281">
        <v>-0.3</v>
      </c>
      <c r="U51" s="1282">
        <v>2.6</v>
      </c>
      <c r="V51" s="1283" t="s">
        <v>388</v>
      </c>
      <c r="W51" s="1281">
        <v>11.6</v>
      </c>
      <c r="X51" s="1281">
        <v>61.1</v>
      </c>
      <c r="Y51" s="1281">
        <v>27.3</v>
      </c>
      <c r="Z51" s="1290">
        <v>46.89</v>
      </c>
      <c r="AA51" s="1282">
        <v>235.4</v>
      </c>
    </row>
    <row r="52" spans="1:27" ht="12.6" customHeight="1">
      <c r="A52" s="543" t="s">
        <v>427</v>
      </c>
      <c r="B52" s="544">
        <v>41400</v>
      </c>
      <c r="C52" s="544">
        <v>5527</v>
      </c>
      <c r="D52" s="544">
        <v>23442</v>
      </c>
      <c r="E52" s="544">
        <v>12266</v>
      </c>
      <c r="F52" s="544">
        <v>165</v>
      </c>
      <c r="G52" s="1286">
        <v>41529</v>
      </c>
      <c r="H52" s="1287">
        <v>5756</v>
      </c>
      <c r="I52" s="1287">
        <v>23530</v>
      </c>
      <c r="J52" s="1287">
        <v>12078</v>
      </c>
      <c r="K52" s="1288">
        <v>165</v>
      </c>
      <c r="L52" s="1289"/>
      <c r="M52" s="1278">
        <v>-129</v>
      </c>
      <c r="N52" s="1279">
        <v>-229</v>
      </c>
      <c r="O52" s="1279">
        <v>-88</v>
      </c>
      <c r="P52" s="1279">
        <v>188</v>
      </c>
      <c r="Q52" s="1268" t="s">
        <v>383</v>
      </c>
      <c r="R52" s="1280">
        <v>-0.3</v>
      </c>
      <c r="S52" s="1281">
        <v>-4</v>
      </c>
      <c r="T52" s="1281">
        <v>-0.4</v>
      </c>
      <c r="U52" s="1282">
        <v>1.6</v>
      </c>
      <c r="V52" s="1283" t="s">
        <v>388</v>
      </c>
      <c r="W52" s="1281">
        <v>13.4</v>
      </c>
      <c r="X52" s="1281">
        <v>56.8</v>
      </c>
      <c r="Y52" s="1281">
        <v>29.7</v>
      </c>
      <c r="Z52" s="1290">
        <v>46.89</v>
      </c>
      <c r="AA52" s="1282">
        <v>221.9</v>
      </c>
    </row>
    <row r="53" spans="1:27" ht="12.6" customHeight="1">
      <c r="A53" s="543" t="s">
        <v>428</v>
      </c>
      <c r="B53" s="544">
        <v>19160</v>
      </c>
      <c r="C53" s="544">
        <v>2115</v>
      </c>
      <c r="D53" s="544">
        <v>10800</v>
      </c>
      <c r="E53" s="544">
        <v>5884</v>
      </c>
      <c r="F53" s="544">
        <v>361</v>
      </c>
      <c r="G53" s="1286">
        <v>19226</v>
      </c>
      <c r="H53" s="1287">
        <v>2164</v>
      </c>
      <c r="I53" s="1287">
        <v>11010</v>
      </c>
      <c r="J53" s="1287">
        <v>5691</v>
      </c>
      <c r="K53" s="1288">
        <v>361</v>
      </c>
      <c r="L53" s="1289"/>
      <c r="M53" s="1278">
        <v>-66</v>
      </c>
      <c r="N53" s="1279">
        <v>-49</v>
      </c>
      <c r="O53" s="1279">
        <v>-210</v>
      </c>
      <c r="P53" s="1279">
        <v>193</v>
      </c>
      <c r="Q53" s="1268" t="s">
        <v>383</v>
      </c>
      <c r="R53" s="1280">
        <v>-0.3</v>
      </c>
      <c r="S53" s="1281">
        <v>-2.2999999999999998</v>
      </c>
      <c r="T53" s="1281">
        <v>-1.9</v>
      </c>
      <c r="U53" s="1282">
        <v>3.4</v>
      </c>
      <c r="V53" s="1283" t="s">
        <v>388</v>
      </c>
      <c r="W53" s="1281">
        <v>11.3</v>
      </c>
      <c r="X53" s="1281">
        <v>57.4</v>
      </c>
      <c r="Y53" s="1281">
        <v>31.3</v>
      </c>
      <c r="Z53" s="1290">
        <v>48.7</v>
      </c>
      <c r="AA53" s="1282">
        <v>278.2</v>
      </c>
    </row>
    <row r="54" spans="1:27" ht="12.6" customHeight="1">
      <c r="A54" s="543" t="s">
        <v>429</v>
      </c>
      <c r="B54" s="544">
        <v>1525</v>
      </c>
      <c r="C54" s="544">
        <v>152</v>
      </c>
      <c r="D54" s="544">
        <v>784</v>
      </c>
      <c r="E54" s="544">
        <v>588</v>
      </c>
      <c r="F54" s="544">
        <v>1</v>
      </c>
      <c r="G54" s="1286">
        <v>1555</v>
      </c>
      <c r="H54" s="1287">
        <v>152</v>
      </c>
      <c r="I54" s="1287">
        <v>824</v>
      </c>
      <c r="J54" s="1287">
        <v>578</v>
      </c>
      <c r="K54" s="1288">
        <v>1</v>
      </c>
      <c r="L54" s="1289"/>
      <c r="M54" s="1278">
        <v>-30</v>
      </c>
      <c r="N54" s="1279">
        <v>0</v>
      </c>
      <c r="O54" s="1279">
        <v>-40</v>
      </c>
      <c r="P54" s="1279">
        <v>10</v>
      </c>
      <c r="Q54" s="1268" t="s">
        <v>383</v>
      </c>
      <c r="R54" s="1280">
        <v>-1.9</v>
      </c>
      <c r="S54" s="1281">
        <v>0</v>
      </c>
      <c r="T54" s="1281">
        <v>-4.9000000000000004</v>
      </c>
      <c r="U54" s="1282">
        <v>1.7</v>
      </c>
      <c r="V54" s="1283" t="s">
        <v>388</v>
      </c>
      <c r="W54" s="1281">
        <v>10</v>
      </c>
      <c r="X54" s="1281">
        <v>51.4</v>
      </c>
      <c r="Y54" s="1281">
        <v>38.6</v>
      </c>
      <c r="Z54" s="1290">
        <v>53.36</v>
      </c>
      <c r="AA54" s="1282">
        <v>386.8</v>
      </c>
    </row>
    <row r="55" spans="1:27" ht="9" customHeight="1">
      <c r="A55" s="543"/>
      <c r="B55" s="544"/>
      <c r="C55" s="544"/>
      <c r="D55" s="544"/>
      <c r="E55" s="544"/>
      <c r="F55" s="544"/>
      <c r="G55" s="1274"/>
      <c r="H55" s="1275"/>
      <c r="I55" s="1275"/>
      <c r="J55" s="1275"/>
      <c r="K55" s="1276"/>
      <c r="L55" s="1277"/>
      <c r="M55" s="1278"/>
      <c r="N55" s="1279"/>
      <c r="O55" s="1279"/>
      <c r="P55" s="1279"/>
      <c r="Q55" s="1268"/>
      <c r="R55" s="1280"/>
      <c r="S55" s="1281"/>
      <c r="T55" s="1281"/>
      <c r="U55" s="1282"/>
      <c r="V55" s="1283"/>
      <c r="W55" s="1281"/>
      <c r="X55" s="1281"/>
      <c r="Y55" s="1281"/>
      <c r="Z55" s="1290"/>
      <c r="AA55" s="1282"/>
    </row>
    <row r="56" spans="1:27" ht="12.6" customHeight="1">
      <c r="A56" s="563" t="s">
        <v>430</v>
      </c>
      <c r="B56" s="536">
        <v>655343</v>
      </c>
      <c r="C56" s="536">
        <v>80619</v>
      </c>
      <c r="D56" s="536">
        <v>383703</v>
      </c>
      <c r="E56" s="536">
        <v>189209</v>
      </c>
      <c r="F56" s="536">
        <v>1812</v>
      </c>
      <c r="G56" s="1263">
        <v>653554</v>
      </c>
      <c r="H56" s="1264">
        <v>81230</v>
      </c>
      <c r="I56" s="1264">
        <v>385453</v>
      </c>
      <c r="J56" s="1264">
        <v>185059</v>
      </c>
      <c r="K56" s="1265">
        <v>1812</v>
      </c>
      <c r="L56" s="1266"/>
      <c r="M56" s="1267">
        <v>1789</v>
      </c>
      <c r="N56" s="1285">
        <v>-611</v>
      </c>
      <c r="O56" s="1285">
        <v>-1750</v>
      </c>
      <c r="P56" s="1285">
        <v>4150</v>
      </c>
      <c r="Q56" s="1268" t="s">
        <v>383</v>
      </c>
      <c r="R56" s="1269">
        <v>0.3</v>
      </c>
      <c r="S56" s="1270">
        <v>-0.8</v>
      </c>
      <c r="T56" s="1270">
        <v>-0.5</v>
      </c>
      <c r="U56" s="1271">
        <v>2.2000000000000002</v>
      </c>
      <c r="V56" s="1272" t="s">
        <v>388</v>
      </c>
      <c r="W56" s="1270">
        <v>12.3</v>
      </c>
      <c r="X56" s="1270">
        <v>58.7</v>
      </c>
      <c r="Y56" s="1270">
        <v>29</v>
      </c>
      <c r="Z56" s="1273">
        <v>47.43</v>
      </c>
      <c r="AA56" s="1271">
        <v>234.7</v>
      </c>
    </row>
    <row r="57" spans="1:27" ht="12.6" customHeight="1">
      <c r="A57" s="543" t="s">
        <v>431</v>
      </c>
      <c r="B57" s="544">
        <v>128839</v>
      </c>
      <c r="C57" s="544">
        <v>15077</v>
      </c>
      <c r="D57" s="544">
        <v>74586</v>
      </c>
      <c r="E57" s="544">
        <v>38524</v>
      </c>
      <c r="F57" s="544">
        <v>652</v>
      </c>
      <c r="G57" s="1286">
        <v>128674</v>
      </c>
      <c r="H57" s="1287">
        <v>15164</v>
      </c>
      <c r="I57" s="1287">
        <v>75112</v>
      </c>
      <c r="J57" s="1287">
        <v>37746</v>
      </c>
      <c r="K57" s="1288">
        <v>652</v>
      </c>
      <c r="L57" s="1289"/>
      <c r="M57" s="1278">
        <v>165</v>
      </c>
      <c r="N57" s="1279">
        <v>-87</v>
      </c>
      <c r="O57" s="1279">
        <v>-526</v>
      </c>
      <c r="P57" s="1279">
        <v>778</v>
      </c>
      <c r="Q57" s="1268" t="s">
        <v>383</v>
      </c>
      <c r="R57" s="1280">
        <v>0.1</v>
      </c>
      <c r="S57" s="1281">
        <v>-0.6</v>
      </c>
      <c r="T57" s="1281">
        <v>-0.7</v>
      </c>
      <c r="U57" s="1282">
        <v>2.1</v>
      </c>
      <c r="V57" s="1283" t="s">
        <v>388</v>
      </c>
      <c r="W57" s="1281">
        <v>11.8</v>
      </c>
      <c r="X57" s="1281">
        <v>58.2</v>
      </c>
      <c r="Y57" s="1281">
        <v>30.1</v>
      </c>
      <c r="Z57" s="1290">
        <v>48.12</v>
      </c>
      <c r="AA57" s="1282">
        <v>255.5</v>
      </c>
    </row>
    <row r="58" spans="1:27" ht="12.6" customHeight="1">
      <c r="A58" s="543" t="s">
        <v>432</v>
      </c>
      <c r="B58" s="544">
        <v>216988</v>
      </c>
      <c r="C58" s="544">
        <v>28166</v>
      </c>
      <c r="D58" s="544">
        <v>130228</v>
      </c>
      <c r="E58" s="544">
        <v>58560</v>
      </c>
      <c r="F58" s="544">
        <v>34</v>
      </c>
      <c r="G58" s="1286">
        <v>215687</v>
      </c>
      <c r="H58" s="1287">
        <v>28217</v>
      </c>
      <c r="I58" s="1287">
        <v>130139</v>
      </c>
      <c r="J58" s="1287">
        <v>57297</v>
      </c>
      <c r="K58" s="1288">
        <v>34</v>
      </c>
      <c r="L58" s="1289"/>
      <c r="M58" s="1278">
        <v>1301</v>
      </c>
      <c r="N58" s="1279">
        <v>-51</v>
      </c>
      <c r="O58" s="1279">
        <v>89</v>
      </c>
      <c r="P58" s="1279">
        <v>1263</v>
      </c>
      <c r="Q58" s="1268" t="s">
        <v>383</v>
      </c>
      <c r="R58" s="1280">
        <v>0.6</v>
      </c>
      <c r="S58" s="1281">
        <v>-0.2</v>
      </c>
      <c r="T58" s="1281">
        <v>0.1</v>
      </c>
      <c r="U58" s="1282">
        <v>2.2000000000000002</v>
      </c>
      <c r="V58" s="1283" t="s">
        <v>388</v>
      </c>
      <c r="W58" s="1281">
        <v>13</v>
      </c>
      <c r="X58" s="1281">
        <v>60</v>
      </c>
      <c r="Y58" s="1281">
        <v>27</v>
      </c>
      <c r="Z58" s="1290">
        <v>46.42</v>
      </c>
      <c r="AA58" s="1282">
        <v>207.9</v>
      </c>
    </row>
    <row r="59" spans="1:27" ht="12.6" customHeight="1">
      <c r="A59" s="543" t="s">
        <v>433</v>
      </c>
      <c r="B59" s="544">
        <v>123530</v>
      </c>
      <c r="C59" s="544">
        <v>15766</v>
      </c>
      <c r="D59" s="544">
        <v>72534</v>
      </c>
      <c r="E59" s="544">
        <v>34972</v>
      </c>
      <c r="F59" s="544">
        <v>258</v>
      </c>
      <c r="G59" s="1286">
        <v>123082</v>
      </c>
      <c r="H59" s="1287">
        <v>15876</v>
      </c>
      <c r="I59" s="1287">
        <v>72681</v>
      </c>
      <c r="J59" s="1287">
        <v>34267</v>
      </c>
      <c r="K59" s="1288">
        <v>258</v>
      </c>
      <c r="L59" s="1289"/>
      <c r="M59" s="1278">
        <v>448</v>
      </c>
      <c r="N59" s="1279">
        <v>-110</v>
      </c>
      <c r="O59" s="1279">
        <v>-147</v>
      </c>
      <c r="P59" s="1279">
        <v>705</v>
      </c>
      <c r="Q59" s="1268" t="s">
        <v>383</v>
      </c>
      <c r="R59" s="1280">
        <v>0.4</v>
      </c>
      <c r="S59" s="1281">
        <v>-0.7</v>
      </c>
      <c r="T59" s="1281">
        <v>-0.2</v>
      </c>
      <c r="U59" s="1282">
        <v>2.1</v>
      </c>
      <c r="V59" s="1283" t="s">
        <v>388</v>
      </c>
      <c r="W59" s="1281">
        <v>12.8</v>
      </c>
      <c r="X59" s="1281">
        <v>58.8</v>
      </c>
      <c r="Y59" s="1281">
        <v>28.4</v>
      </c>
      <c r="Z59" s="1290">
        <v>47.19</v>
      </c>
      <c r="AA59" s="1282">
        <v>221.8</v>
      </c>
    </row>
    <row r="60" spans="1:27" ht="12.6" customHeight="1">
      <c r="A60" s="543" t="s">
        <v>434</v>
      </c>
      <c r="B60" s="544">
        <v>81132</v>
      </c>
      <c r="C60" s="544">
        <v>9283</v>
      </c>
      <c r="D60" s="544">
        <v>46345</v>
      </c>
      <c r="E60" s="544">
        <v>25270</v>
      </c>
      <c r="F60" s="544">
        <v>234</v>
      </c>
      <c r="G60" s="1286">
        <v>81402</v>
      </c>
      <c r="H60" s="1287">
        <v>9516</v>
      </c>
      <c r="I60" s="1287">
        <v>47046</v>
      </c>
      <c r="J60" s="1287">
        <v>24606</v>
      </c>
      <c r="K60" s="1288">
        <v>234</v>
      </c>
      <c r="L60" s="1289"/>
      <c r="M60" s="1278">
        <v>-270</v>
      </c>
      <c r="N60" s="1279">
        <v>-233</v>
      </c>
      <c r="O60" s="1279">
        <v>-701</v>
      </c>
      <c r="P60" s="1279">
        <v>664</v>
      </c>
      <c r="Q60" s="1268" t="s">
        <v>383</v>
      </c>
      <c r="R60" s="1280">
        <v>-0.3</v>
      </c>
      <c r="S60" s="1281">
        <v>-2.4</v>
      </c>
      <c r="T60" s="1281">
        <v>-1.5</v>
      </c>
      <c r="U60" s="1282">
        <v>2.7</v>
      </c>
      <c r="V60" s="1283" t="s">
        <v>388</v>
      </c>
      <c r="W60" s="1281">
        <v>11.5</v>
      </c>
      <c r="X60" s="1281">
        <v>57.3</v>
      </c>
      <c r="Y60" s="1281">
        <v>31.2</v>
      </c>
      <c r="Z60" s="1290">
        <v>48.46</v>
      </c>
      <c r="AA60" s="1282">
        <v>272.2</v>
      </c>
    </row>
    <row r="61" spans="1:27" ht="12.6" customHeight="1">
      <c r="A61" s="543" t="s">
        <v>435</v>
      </c>
      <c r="B61" s="544">
        <v>50453</v>
      </c>
      <c r="C61" s="544">
        <v>6039</v>
      </c>
      <c r="D61" s="544">
        <v>30092</v>
      </c>
      <c r="E61" s="544">
        <v>14008</v>
      </c>
      <c r="F61" s="544">
        <v>314</v>
      </c>
      <c r="G61" s="1286">
        <v>50258</v>
      </c>
      <c r="H61" s="1287">
        <v>6081</v>
      </c>
      <c r="I61" s="1287">
        <v>30186</v>
      </c>
      <c r="J61" s="1287">
        <v>13677</v>
      </c>
      <c r="K61" s="1288">
        <v>314</v>
      </c>
      <c r="L61" s="1289"/>
      <c r="M61" s="1278">
        <v>195</v>
      </c>
      <c r="N61" s="1279">
        <v>-42</v>
      </c>
      <c r="O61" s="1279">
        <v>-94</v>
      </c>
      <c r="P61" s="1279">
        <v>331</v>
      </c>
      <c r="Q61" s="1268" t="s">
        <v>383</v>
      </c>
      <c r="R61" s="1280">
        <v>0.4</v>
      </c>
      <c r="S61" s="1281">
        <v>-0.7</v>
      </c>
      <c r="T61" s="1281">
        <v>-0.3</v>
      </c>
      <c r="U61" s="1282">
        <v>2.4</v>
      </c>
      <c r="V61" s="1283" t="s">
        <v>388</v>
      </c>
      <c r="W61" s="1281">
        <v>12</v>
      </c>
      <c r="X61" s="1281">
        <v>60</v>
      </c>
      <c r="Y61" s="1281">
        <v>27.9</v>
      </c>
      <c r="Z61" s="1290">
        <v>46.72</v>
      </c>
      <c r="AA61" s="1282">
        <v>232</v>
      </c>
    </row>
    <row r="62" spans="1:27" ht="12.6" customHeight="1">
      <c r="A62" s="543" t="s">
        <v>436</v>
      </c>
      <c r="B62" s="544">
        <v>23756</v>
      </c>
      <c r="C62" s="544">
        <v>3084</v>
      </c>
      <c r="D62" s="544">
        <v>13760</v>
      </c>
      <c r="E62" s="544">
        <v>6879</v>
      </c>
      <c r="F62" s="544">
        <v>33</v>
      </c>
      <c r="G62" s="1286">
        <v>23682</v>
      </c>
      <c r="H62" s="1287">
        <v>3119</v>
      </c>
      <c r="I62" s="1287">
        <v>13904</v>
      </c>
      <c r="J62" s="1287">
        <v>6626</v>
      </c>
      <c r="K62" s="1288">
        <v>33</v>
      </c>
      <c r="L62" s="1289"/>
      <c r="M62" s="1278">
        <v>74</v>
      </c>
      <c r="N62" s="1279">
        <v>-35</v>
      </c>
      <c r="O62" s="1279">
        <v>-144</v>
      </c>
      <c r="P62" s="1279">
        <v>253</v>
      </c>
      <c r="Q62" s="1268" t="s">
        <v>383</v>
      </c>
      <c r="R62" s="1280">
        <v>0.3</v>
      </c>
      <c r="S62" s="1281">
        <v>-1.1000000000000001</v>
      </c>
      <c r="T62" s="1281">
        <v>-1</v>
      </c>
      <c r="U62" s="1282">
        <v>3.8</v>
      </c>
      <c r="V62" s="1283" t="s">
        <v>388</v>
      </c>
      <c r="W62" s="1281">
        <v>13</v>
      </c>
      <c r="X62" s="1281">
        <v>58</v>
      </c>
      <c r="Y62" s="1281">
        <v>29</v>
      </c>
      <c r="Z62" s="1290">
        <v>47</v>
      </c>
      <c r="AA62" s="1282">
        <v>223.1</v>
      </c>
    </row>
    <row r="63" spans="1:27" ht="12.6" customHeight="1">
      <c r="A63" s="543" t="s">
        <v>437</v>
      </c>
      <c r="B63" s="544">
        <v>16135</v>
      </c>
      <c r="C63" s="544">
        <v>1739</v>
      </c>
      <c r="D63" s="544">
        <v>8382</v>
      </c>
      <c r="E63" s="544">
        <v>5728</v>
      </c>
      <c r="F63" s="544">
        <v>286</v>
      </c>
      <c r="G63" s="1286">
        <v>16130</v>
      </c>
      <c r="H63" s="1287">
        <v>1751</v>
      </c>
      <c r="I63" s="1287">
        <v>8491</v>
      </c>
      <c r="J63" s="1287">
        <v>5602</v>
      </c>
      <c r="K63" s="1288">
        <v>286</v>
      </c>
      <c r="L63" s="1289"/>
      <c r="M63" s="1278">
        <v>5</v>
      </c>
      <c r="N63" s="1279">
        <v>-12</v>
      </c>
      <c r="O63" s="1279">
        <v>-109</v>
      </c>
      <c r="P63" s="1279">
        <v>126</v>
      </c>
      <c r="Q63" s="1268" t="s">
        <v>383</v>
      </c>
      <c r="R63" s="1280">
        <v>0</v>
      </c>
      <c r="S63" s="1281">
        <v>-0.7</v>
      </c>
      <c r="T63" s="1281">
        <v>-1.3</v>
      </c>
      <c r="U63" s="1282">
        <v>2.2000000000000002</v>
      </c>
      <c r="V63" s="1283" t="s">
        <v>388</v>
      </c>
      <c r="W63" s="1281">
        <v>11</v>
      </c>
      <c r="X63" s="1281">
        <v>52.9</v>
      </c>
      <c r="Y63" s="1281">
        <v>36.1</v>
      </c>
      <c r="Z63" s="1290">
        <v>51.26</v>
      </c>
      <c r="AA63" s="1282">
        <v>329.4</v>
      </c>
    </row>
    <row r="64" spans="1:27" ht="12.6" customHeight="1">
      <c r="A64" s="543" t="s">
        <v>438</v>
      </c>
      <c r="B64" s="544">
        <v>14510</v>
      </c>
      <c r="C64" s="544">
        <v>1465</v>
      </c>
      <c r="D64" s="544">
        <v>7776</v>
      </c>
      <c r="E64" s="544">
        <v>5268</v>
      </c>
      <c r="F64" s="544">
        <v>1</v>
      </c>
      <c r="G64" s="1286">
        <v>14639</v>
      </c>
      <c r="H64" s="1287">
        <v>1506</v>
      </c>
      <c r="I64" s="1287">
        <v>7894</v>
      </c>
      <c r="J64" s="1287">
        <v>5238</v>
      </c>
      <c r="K64" s="1288">
        <v>1</v>
      </c>
      <c r="L64" s="1289"/>
      <c r="M64" s="1278">
        <v>-129</v>
      </c>
      <c r="N64" s="1279">
        <v>-41</v>
      </c>
      <c r="O64" s="1279">
        <v>-118</v>
      </c>
      <c r="P64" s="1279">
        <v>30</v>
      </c>
      <c r="Q64" s="1268" t="s">
        <v>383</v>
      </c>
      <c r="R64" s="1280">
        <v>-0.9</v>
      </c>
      <c r="S64" s="1281">
        <v>-2.7</v>
      </c>
      <c r="T64" s="1281">
        <v>-1.5</v>
      </c>
      <c r="U64" s="1282">
        <v>0.6</v>
      </c>
      <c r="V64" s="1283" t="s">
        <v>388</v>
      </c>
      <c r="W64" s="1281">
        <v>10.1</v>
      </c>
      <c r="X64" s="1281">
        <v>53.6</v>
      </c>
      <c r="Y64" s="1281">
        <v>36.299999999999997</v>
      </c>
      <c r="Z64" s="1290">
        <v>51.53</v>
      </c>
      <c r="AA64" s="1282">
        <v>359.6</v>
      </c>
    </row>
    <row r="65" spans="1:27" ht="9" customHeight="1">
      <c r="A65" s="543"/>
      <c r="B65" s="544"/>
      <c r="C65" s="544"/>
      <c r="D65" s="544"/>
      <c r="E65" s="544"/>
      <c r="F65" s="544"/>
      <c r="G65" s="1274"/>
      <c r="H65" s="1275"/>
      <c r="I65" s="1275"/>
      <c r="J65" s="1275"/>
      <c r="K65" s="1276"/>
      <c r="L65" s="1277"/>
      <c r="M65" s="1278"/>
      <c r="N65" s="1279"/>
      <c r="O65" s="1279"/>
      <c r="P65" s="1279"/>
      <c r="Q65" s="1268"/>
      <c r="R65" s="1280"/>
      <c r="S65" s="1281"/>
      <c r="T65" s="1281"/>
      <c r="U65" s="1282"/>
      <c r="V65" s="1283"/>
      <c r="W65" s="1281"/>
      <c r="X65" s="1281"/>
      <c r="Y65" s="1281"/>
      <c r="Z65" s="1290"/>
      <c r="AA65" s="1282"/>
    </row>
    <row r="66" spans="1:27" ht="12.6" customHeight="1">
      <c r="A66" s="563" t="s">
        <v>439</v>
      </c>
      <c r="B66" s="536">
        <v>175953</v>
      </c>
      <c r="C66" s="536">
        <v>18483</v>
      </c>
      <c r="D66" s="536">
        <v>96947</v>
      </c>
      <c r="E66" s="536">
        <v>59745</v>
      </c>
      <c r="F66" s="536">
        <v>778</v>
      </c>
      <c r="G66" s="1263">
        <v>176949</v>
      </c>
      <c r="H66" s="1264">
        <v>19019</v>
      </c>
      <c r="I66" s="1264">
        <v>98183</v>
      </c>
      <c r="J66" s="1264">
        <v>58969</v>
      </c>
      <c r="K66" s="1265">
        <v>778</v>
      </c>
      <c r="L66" s="1266"/>
      <c r="M66" s="1267">
        <v>-996</v>
      </c>
      <c r="N66" s="1285">
        <v>-536</v>
      </c>
      <c r="O66" s="1285">
        <v>-1236</v>
      </c>
      <c r="P66" s="1285">
        <v>776</v>
      </c>
      <c r="Q66" s="1268" t="s">
        <v>383</v>
      </c>
      <c r="R66" s="1269">
        <v>-0.6</v>
      </c>
      <c r="S66" s="1270">
        <v>-2.8</v>
      </c>
      <c r="T66" s="1270">
        <v>-1.3</v>
      </c>
      <c r="U66" s="1271">
        <v>1.3</v>
      </c>
      <c r="V66" s="1272" t="s">
        <v>388</v>
      </c>
      <c r="W66" s="1270">
        <v>10.6</v>
      </c>
      <c r="X66" s="1270">
        <v>55.3</v>
      </c>
      <c r="Y66" s="1270">
        <v>34.1</v>
      </c>
      <c r="Z66" s="1273">
        <v>50.38</v>
      </c>
      <c r="AA66" s="1271">
        <v>323.2</v>
      </c>
    </row>
    <row r="67" spans="1:27" ht="12.6" customHeight="1">
      <c r="A67" s="543" t="s">
        <v>440</v>
      </c>
      <c r="B67" s="544">
        <v>98522</v>
      </c>
      <c r="C67" s="544">
        <v>10627</v>
      </c>
      <c r="D67" s="544">
        <v>55880</v>
      </c>
      <c r="E67" s="544">
        <v>31474</v>
      </c>
      <c r="F67" s="544">
        <v>541</v>
      </c>
      <c r="G67" s="1286">
        <v>99086</v>
      </c>
      <c r="H67" s="1287">
        <v>10877</v>
      </c>
      <c r="I67" s="1287">
        <v>56587</v>
      </c>
      <c r="J67" s="1287">
        <v>31081</v>
      </c>
      <c r="K67" s="1288">
        <v>541</v>
      </c>
      <c r="L67" s="1289"/>
      <c r="M67" s="1278">
        <v>-564</v>
      </c>
      <c r="N67" s="1279">
        <v>-250</v>
      </c>
      <c r="O67" s="1279">
        <v>-707</v>
      </c>
      <c r="P67" s="1279">
        <v>393</v>
      </c>
      <c r="Q67" s="1268" t="s">
        <v>383</v>
      </c>
      <c r="R67" s="1280">
        <v>-0.6</v>
      </c>
      <c r="S67" s="1281">
        <v>-2.2999999999999998</v>
      </c>
      <c r="T67" s="1281">
        <v>-1.2</v>
      </c>
      <c r="U67" s="1282">
        <v>1.3</v>
      </c>
      <c r="V67" s="1283" t="s">
        <v>388</v>
      </c>
      <c r="W67" s="1281">
        <v>10.8</v>
      </c>
      <c r="X67" s="1281">
        <v>57</v>
      </c>
      <c r="Y67" s="1281">
        <v>32.1</v>
      </c>
      <c r="Z67" s="1290">
        <v>49.46</v>
      </c>
      <c r="AA67" s="1282">
        <v>296.2</v>
      </c>
    </row>
    <row r="68" spans="1:27" ht="12.6" customHeight="1">
      <c r="A68" s="543" t="s">
        <v>441</v>
      </c>
      <c r="B68" s="544">
        <v>21623</v>
      </c>
      <c r="C68" s="544">
        <v>2425</v>
      </c>
      <c r="D68" s="544">
        <v>11748</v>
      </c>
      <c r="E68" s="544">
        <v>7425</v>
      </c>
      <c r="F68" s="544">
        <v>25</v>
      </c>
      <c r="G68" s="1286">
        <v>21752</v>
      </c>
      <c r="H68" s="1287">
        <v>2514</v>
      </c>
      <c r="I68" s="1287">
        <v>11953</v>
      </c>
      <c r="J68" s="1287">
        <v>7260</v>
      </c>
      <c r="K68" s="1288">
        <v>25</v>
      </c>
      <c r="L68" s="1289"/>
      <c r="M68" s="1278">
        <v>-129</v>
      </c>
      <c r="N68" s="1279">
        <v>-89</v>
      </c>
      <c r="O68" s="1279">
        <v>-205</v>
      </c>
      <c r="P68" s="1279">
        <v>165</v>
      </c>
      <c r="Q68" s="1268" t="s">
        <v>383</v>
      </c>
      <c r="R68" s="1280">
        <v>-0.6</v>
      </c>
      <c r="S68" s="1281">
        <v>-3.5</v>
      </c>
      <c r="T68" s="1281">
        <v>-1.7</v>
      </c>
      <c r="U68" s="1282">
        <v>2.2999999999999998</v>
      </c>
      <c r="V68" s="1283" t="s">
        <v>388</v>
      </c>
      <c r="W68" s="1281">
        <v>11.2</v>
      </c>
      <c r="X68" s="1281">
        <v>54.4</v>
      </c>
      <c r="Y68" s="1281">
        <v>34.4</v>
      </c>
      <c r="Z68" s="1290">
        <v>50.08</v>
      </c>
      <c r="AA68" s="1282">
        <v>306.2</v>
      </c>
    </row>
    <row r="69" spans="1:27" ht="12.6" customHeight="1">
      <c r="A69" s="543" t="s">
        <v>442</v>
      </c>
      <c r="B69" s="544">
        <v>4735</v>
      </c>
      <c r="C69" s="544">
        <v>487</v>
      </c>
      <c r="D69" s="544">
        <v>2509</v>
      </c>
      <c r="E69" s="544">
        <v>1739</v>
      </c>
      <c r="F69" s="544">
        <v>0</v>
      </c>
      <c r="G69" s="1286">
        <v>4792</v>
      </c>
      <c r="H69" s="1287">
        <v>490</v>
      </c>
      <c r="I69" s="1287">
        <v>2595</v>
      </c>
      <c r="J69" s="1287">
        <v>1707</v>
      </c>
      <c r="K69" s="1288">
        <v>0</v>
      </c>
      <c r="L69" s="1289"/>
      <c r="M69" s="1278">
        <v>-57</v>
      </c>
      <c r="N69" s="1279">
        <v>-3</v>
      </c>
      <c r="O69" s="1279">
        <v>-86</v>
      </c>
      <c r="P69" s="1279">
        <v>32</v>
      </c>
      <c r="Q69" s="1268" t="s">
        <v>383</v>
      </c>
      <c r="R69" s="1280">
        <v>-1.2</v>
      </c>
      <c r="S69" s="1281">
        <v>-0.6</v>
      </c>
      <c r="T69" s="1281">
        <v>-3.3</v>
      </c>
      <c r="U69" s="1282">
        <v>1.9</v>
      </c>
      <c r="V69" s="1283" t="s">
        <v>388</v>
      </c>
      <c r="W69" s="1281">
        <v>10.3</v>
      </c>
      <c r="X69" s="1281">
        <v>53</v>
      </c>
      <c r="Y69" s="1281">
        <v>36.700000000000003</v>
      </c>
      <c r="Z69" s="1290">
        <v>51.81</v>
      </c>
      <c r="AA69" s="1282">
        <v>357.1</v>
      </c>
    </row>
    <row r="70" spans="1:27" ht="12.6" customHeight="1">
      <c r="A70" s="543" t="s">
        <v>443</v>
      </c>
      <c r="B70" s="544">
        <v>8521</v>
      </c>
      <c r="C70" s="544">
        <v>1058</v>
      </c>
      <c r="D70" s="544">
        <v>4881</v>
      </c>
      <c r="E70" s="544">
        <v>2572</v>
      </c>
      <c r="F70" s="544">
        <v>10</v>
      </c>
      <c r="G70" s="1286">
        <v>8499</v>
      </c>
      <c r="H70" s="1287">
        <v>1108</v>
      </c>
      <c r="I70" s="1287">
        <v>4876</v>
      </c>
      <c r="J70" s="1287">
        <v>2505</v>
      </c>
      <c r="K70" s="1288">
        <v>10</v>
      </c>
      <c r="L70" s="1289"/>
      <c r="M70" s="1278">
        <v>22</v>
      </c>
      <c r="N70" s="1279">
        <v>-50</v>
      </c>
      <c r="O70" s="1279">
        <v>5</v>
      </c>
      <c r="P70" s="1279">
        <v>67</v>
      </c>
      <c r="Q70" s="1268" t="s">
        <v>383</v>
      </c>
      <c r="R70" s="1280">
        <v>0.3</v>
      </c>
      <c r="S70" s="1281">
        <v>-4.5</v>
      </c>
      <c r="T70" s="1281">
        <v>0.1</v>
      </c>
      <c r="U70" s="1282">
        <v>2.7</v>
      </c>
      <c r="V70" s="1283" t="s">
        <v>388</v>
      </c>
      <c r="W70" s="1281">
        <v>12.4</v>
      </c>
      <c r="X70" s="1281">
        <v>57.3</v>
      </c>
      <c r="Y70" s="1281">
        <v>30.2</v>
      </c>
      <c r="Z70" s="1290">
        <v>47.78</v>
      </c>
      <c r="AA70" s="1282">
        <v>243.1</v>
      </c>
    </row>
    <row r="71" spans="1:27" ht="12.6" customHeight="1">
      <c r="A71" s="543" t="s">
        <v>444</v>
      </c>
      <c r="B71" s="544">
        <v>5547</v>
      </c>
      <c r="C71" s="544">
        <v>495</v>
      </c>
      <c r="D71" s="544">
        <v>3021</v>
      </c>
      <c r="E71" s="544">
        <v>2029</v>
      </c>
      <c r="F71" s="544">
        <v>2</v>
      </c>
      <c r="G71" s="1286">
        <v>5583</v>
      </c>
      <c r="H71" s="1287">
        <v>516</v>
      </c>
      <c r="I71" s="1287">
        <v>3056</v>
      </c>
      <c r="J71" s="1287">
        <v>2009</v>
      </c>
      <c r="K71" s="1288">
        <v>2</v>
      </c>
      <c r="L71" s="1289"/>
      <c r="M71" s="1278">
        <v>-36</v>
      </c>
      <c r="N71" s="1279">
        <v>-21</v>
      </c>
      <c r="O71" s="1279">
        <v>-35</v>
      </c>
      <c r="P71" s="1279">
        <v>20</v>
      </c>
      <c r="Q71" s="1268" t="s">
        <v>383</v>
      </c>
      <c r="R71" s="1280">
        <v>-0.6</v>
      </c>
      <c r="S71" s="1281">
        <v>-4.0999999999999996</v>
      </c>
      <c r="T71" s="1281">
        <v>-1.1000000000000001</v>
      </c>
      <c r="U71" s="1282">
        <v>1</v>
      </c>
      <c r="V71" s="1283" t="s">
        <v>388</v>
      </c>
      <c r="W71" s="1281">
        <v>8.9</v>
      </c>
      <c r="X71" s="1281">
        <v>54.5</v>
      </c>
      <c r="Y71" s="1281">
        <v>36.6</v>
      </c>
      <c r="Z71" s="1290">
        <v>51.98</v>
      </c>
      <c r="AA71" s="1282">
        <v>409.9</v>
      </c>
    </row>
    <row r="72" spans="1:27" ht="12.6" customHeight="1">
      <c r="A72" s="543" t="s">
        <v>445</v>
      </c>
      <c r="B72" s="544">
        <v>5155</v>
      </c>
      <c r="C72" s="544">
        <v>446</v>
      </c>
      <c r="D72" s="544">
        <v>2610</v>
      </c>
      <c r="E72" s="544">
        <v>2099</v>
      </c>
      <c r="F72" s="544">
        <v>0</v>
      </c>
      <c r="G72" s="1286">
        <v>5302</v>
      </c>
      <c r="H72" s="1287">
        <v>463</v>
      </c>
      <c r="I72" s="1287">
        <v>2750</v>
      </c>
      <c r="J72" s="1287">
        <v>2089</v>
      </c>
      <c r="K72" s="1288">
        <v>0</v>
      </c>
      <c r="L72" s="1289"/>
      <c r="M72" s="1278">
        <v>-147</v>
      </c>
      <c r="N72" s="1279">
        <v>-17</v>
      </c>
      <c r="O72" s="1279">
        <v>-140</v>
      </c>
      <c r="P72" s="1279">
        <v>10</v>
      </c>
      <c r="Q72" s="1268" t="s">
        <v>383</v>
      </c>
      <c r="R72" s="1280">
        <v>-2.8</v>
      </c>
      <c r="S72" s="1281">
        <v>-3.7</v>
      </c>
      <c r="T72" s="1281">
        <v>-5.0999999999999996</v>
      </c>
      <c r="U72" s="1282">
        <v>0.5</v>
      </c>
      <c r="V72" s="1283" t="s">
        <v>388</v>
      </c>
      <c r="W72" s="1281">
        <v>8.6999999999999993</v>
      </c>
      <c r="X72" s="1281">
        <v>50.6</v>
      </c>
      <c r="Y72" s="1281">
        <v>40.700000000000003</v>
      </c>
      <c r="Z72" s="1290">
        <v>54.36</v>
      </c>
      <c r="AA72" s="1282">
        <v>470.6</v>
      </c>
    </row>
    <row r="73" spans="1:27" ht="12.6" customHeight="1">
      <c r="A73" s="543" t="s">
        <v>446</v>
      </c>
      <c r="B73" s="544">
        <v>8978</v>
      </c>
      <c r="C73" s="544">
        <v>1303</v>
      </c>
      <c r="D73" s="544">
        <v>5106</v>
      </c>
      <c r="E73" s="544">
        <v>2553</v>
      </c>
      <c r="F73" s="544">
        <v>16</v>
      </c>
      <c r="G73" s="1286">
        <v>8875</v>
      </c>
      <c r="H73" s="1287">
        <v>1325</v>
      </c>
      <c r="I73" s="1287">
        <v>5050</v>
      </c>
      <c r="J73" s="1287">
        <v>2484</v>
      </c>
      <c r="K73" s="1288">
        <v>16</v>
      </c>
      <c r="L73" s="1289"/>
      <c r="M73" s="1278">
        <v>103</v>
      </c>
      <c r="N73" s="1279">
        <v>-22</v>
      </c>
      <c r="O73" s="1279">
        <v>56</v>
      </c>
      <c r="P73" s="1279">
        <v>69</v>
      </c>
      <c r="Q73" s="1268" t="s">
        <v>383</v>
      </c>
      <c r="R73" s="1280">
        <v>1.2</v>
      </c>
      <c r="S73" s="1281">
        <v>-1.7</v>
      </c>
      <c r="T73" s="1281">
        <v>1.1000000000000001</v>
      </c>
      <c r="U73" s="1282">
        <v>2.8</v>
      </c>
      <c r="V73" s="1283" t="s">
        <v>388</v>
      </c>
      <c r="W73" s="1281">
        <v>14.5</v>
      </c>
      <c r="X73" s="1281">
        <v>57</v>
      </c>
      <c r="Y73" s="1281">
        <v>28.5</v>
      </c>
      <c r="Z73" s="1290">
        <v>46.71</v>
      </c>
      <c r="AA73" s="1282">
        <v>195.9</v>
      </c>
    </row>
    <row r="74" spans="1:27" ht="12.6" customHeight="1">
      <c r="A74" s="543" t="s">
        <v>447</v>
      </c>
      <c r="B74" s="544">
        <v>6053</v>
      </c>
      <c r="C74" s="544">
        <v>414</v>
      </c>
      <c r="D74" s="544">
        <v>3199</v>
      </c>
      <c r="E74" s="544">
        <v>2325</v>
      </c>
      <c r="F74" s="544">
        <v>115</v>
      </c>
      <c r="G74" s="1286">
        <v>6096</v>
      </c>
      <c r="H74" s="1287">
        <v>426</v>
      </c>
      <c r="I74" s="1287">
        <v>3169</v>
      </c>
      <c r="J74" s="1287">
        <v>2386</v>
      </c>
      <c r="K74" s="1288">
        <v>115</v>
      </c>
      <c r="L74" s="1289"/>
      <c r="M74" s="1278">
        <v>-43</v>
      </c>
      <c r="N74" s="1279">
        <v>-12</v>
      </c>
      <c r="O74" s="1279">
        <v>30</v>
      </c>
      <c r="P74" s="1279">
        <v>-61</v>
      </c>
      <c r="Q74" s="1268" t="s">
        <v>383</v>
      </c>
      <c r="R74" s="1280">
        <v>-0.7</v>
      </c>
      <c r="S74" s="1281">
        <v>-2.8</v>
      </c>
      <c r="T74" s="1281">
        <v>0.9</v>
      </c>
      <c r="U74" s="1282">
        <v>-2.6</v>
      </c>
      <c r="V74" s="1283" t="s">
        <v>388</v>
      </c>
      <c r="W74" s="1281">
        <v>7</v>
      </c>
      <c r="X74" s="1281">
        <v>53.9</v>
      </c>
      <c r="Y74" s="1281">
        <v>39.200000000000003</v>
      </c>
      <c r="Z74" s="1290">
        <v>52.72</v>
      </c>
      <c r="AA74" s="1282">
        <v>561.6</v>
      </c>
    </row>
    <row r="75" spans="1:27" ht="12.6" customHeight="1">
      <c r="A75" s="543" t="s">
        <v>448</v>
      </c>
      <c r="B75" s="544">
        <v>3750</v>
      </c>
      <c r="C75" s="544">
        <v>249</v>
      </c>
      <c r="D75" s="544">
        <v>1876</v>
      </c>
      <c r="E75" s="544">
        <v>1624</v>
      </c>
      <c r="F75" s="544">
        <v>1</v>
      </c>
      <c r="G75" s="1286">
        <v>3790</v>
      </c>
      <c r="H75" s="1287">
        <v>264</v>
      </c>
      <c r="I75" s="1287">
        <v>1908</v>
      </c>
      <c r="J75" s="1287">
        <v>1617</v>
      </c>
      <c r="K75" s="1288">
        <v>1</v>
      </c>
      <c r="L75" s="1289"/>
      <c r="M75" s="1278">
        <v>-40</v>
      </c>
      <c r="N75" s="1279">
        <v>-15</v>
      </c>
      <c r="O75" s="1279">
        <v>-32</v>
      </c>
      <c r="P75" s="1279">
        <v>7</v>
      </c>
      <c r="Q75" s="1268" t="s">
        <v>383</v>
      </c>
      <c r="R75" s="1280">
        <v>-1.1000000000000001</v>
      </c>
      <c r="S75" s="1281">
        <v>-5.7</v>
      </c>
      <c r="T75" s="1281">
        <v>-1.7</v>
      </c>
      <c r="U75" s="1282">
        <v>0.4</v>
      </c>
      <c r="V75" s="1283" t="s">
        <v>388</v>
      </c>
      <c r="W75" s="1281">
        <v>6.6</v>
      </c>
      <c r="X75" s="1281">
        <v>50</v>
      </c>
      <c r="Y75" s="1281">
        <v>43.3</v>
      </c>
      <c r="Z75" s="1290">
        <v>56.15</v>
      </c>
      <c r="AA75" s="1282">
        <v>652.20000000000005</v>
      </c>
    </row>
    <row r="76" spans="1:27" ht="12.6" customHeight="1">
      <c r="A76" s="543" t="s">
        <v>449</v>
      </c>
      <c r="B76" s="544">
        <v>13069</v>
      </c>
      <c r="C76" s="544">
        <v>979</v>
      </c>
      <c r="D76" s="544">
        <v>6117</v>
      </c>
      <c r="E76" s="544">
        <v>5905</v>
      </c>
      <c r="F76" s="544">
        <v>68</v>
      </c>
      <c r="G76" s="1286">
        <v>13174</v>
      </c>
      <c r="H76" s="1287">
        <v>1036</v>
      </c>
      <c r="I76" s="1287">
        <v>6239</v>
      </c>
      <c r="J76" s="1287">
        <v>5831</v>
      </c>
      <c r="K76" s="1288">
        <v>68</v>
      </c>
      <c r="L76" s="1289"/>
      <c r="M76" s="1278">
        <v>-105</v>
      </c>
      <c r="N76" s="1279">
        <v>-57</v>
      </c>
      <c r="O76" s="1279">
        <v>-122</v>
      </c>
      <c r="P76" s="1279">
        <v>74</v>
      </c>
      <c r="Q76" s="1268" t="s">
        <v>383</v>
      </c>
      <c r="R76" s="1280">
        <v>-0.8</v>
      </c>
      <c r="S76" s="1281">
        <v>-5.5</v>
      </c>
      <c r="T76" s="1281">
        <v>-2</v>
      </c>
      <c r="U76" s="1282">
        <v>1.3</v>
      </c>
      <c r="V76" s="1283" t="s">
        <v>388</v>
      </c>
      <c r="W76" s="1281">
        <v>7.5</v>
      </c>
      <c r="X76" s="1281">
        <v>47.1</v>
      </c>
      <c r="Y76" s="1281">
        <v>45.4</v>
      </c>
      <c r="Z76" s="1290">
        <v>56.54</v>
      </c>
      <c r="AA76" s="1282">
        <v>603.20000000000005</v>
      </c>
    </row>
    <row r="77" spans="1:27" ht="9" customHeight="1">
      <c r="A77" s="543"/>
      <c r="B77" s="544"/>
      <c r="C77" s="544"/>
      <c r="D77" s="544"/>
      <c r="E77" s="544"/>
      <c r="F77" s="544"/>
      <c r="G77" s="578"/>
      <c r="H77" s="579"/>
      <c r="I77" s="579"/>
      <c r="J77" s="579"/>
      <c r="K77" s="1166"/>
      <c r="L77" s="1172"/>
      <c r="M77" s="1170"/>
      <c r="N77" s="580"/>
      <c r="O77" s="580"/>
      <c r="P77" s="580"/>
      <c r="Q77" s="536"/>
      <c r="R77" s="581"/>
      <c r="S77" s="582"/>
      <c r="T77" s="582"/>
      <c r="U77" s="583"/>
      <c r="V77" s="582"/>
      <c r="W77" s="582"/>
      <c r="X77" s="582"/>
      <c r="Y77" s="582"/>
      <c r="Z77" s="587"/>
      <c r="AA77" s="583"/>
    </row>
    <row r="78" spans="1:27" ht="12.6" customHeight="1">
      <c r="A78" s="543"/>
      <c r="B78" s="544"/>
      <c r="C78" s="544"/>
      <c r="D78" s="544"/>
      <c r="E78" s="544"/>
      <c r="F78" s="544"/>
      <c r="G78" s="585"/>
      <c r="H78" s="586" t="s">
        <v>471</v>
      </c>
      <c r="I78" s="586"/>
      <c r="J78" s="586"/>
      <c r="K78" s="1167"/>
      <c r="L78" s="1173"/>
      <c r="M78" s="1170"/>
      <c r="N78" s="580"/>
      <c r="O78" s="580"/>
      <c r="P78" s="580"/>
      <c r="Q78" s="536"/>
      <c r="R78" s="581"/>
      <c r="S78" s="582"/>
      <c r="T78" s="582"/>
      <c r="U78" s="583"/>
      <c r="V78" s="582"/>
      <c r="W78" s="582"/>
      <c r="X78" s="582"/>
      <c r="Y78" s="582"/>
      <c r="Z78" s="587"/>
      <c r="AA78" s="583"/>
    </row>
    <row r="79" spans="1:27" ht="12.6" customHeight="1">
      <c r="A79" s="543"/>
      <c r="B79" s="544"/>
      <c r="C79" s="544"/>
      <c r="D79" s="544"/>
      <c r="E79" s="544"/>
      <c r="F79" s="544"/>
      <c r="G79" s="585"/>
      <c r="H79" s="586"/>
      <c r="I79" s="586"/>
      <c r="J79" s="586"/>
      <c r="K79" s="1167"/>
      <c r="L79" s="1173"/>
      <c r="M79" s="1170"/>
      <c r="N79" s="580"/>
      <c r="O79" s="580"/>
      <c r="P79" s="580"/>
      <c r="Q79" s="536"/>
      <c r="R79" s="581"/>
      <c r="S79" s="582"/>
      <c r="T79" s="582"/>
      <c r="U79" s="583"/>
      <c r="V79" s="582"/>
      <c r="W79" s="582"/>
      <c r="X79" s="582"/>
      <c r="Y79" s="582"/>
      <c r="Z79" s="587"/>
      <c r="AA79" s="583"/>
    </row>
    <row r="80" spans="1:27" ht="12.6" customHeight="1" thickBot="1">
      <c r="A80" s="565"/>
      <c r="B80" s="566"/>
      <c r="C80" s="566"/>
      <c r="D80" s="566"/>
      <c r="E80" s="566"/>
      <c r="F80" s="566"/>
      <c r="G80" s="588"/>
      <c r="H80" s="589"/>
      <c r="I80" s="589"/>
      <c r="J80" s="589"/>
      <c r="K80" s="1168"/>
      <c r="L80" s="1174"/>
      <c r="M80" s="1171"/>
      <c r="N80" s="590"/>
      <c r="O80" s="590"/>
      <c r="P80" s="590"/>
      <c r="Q80" s="569"/>
      <c r="R80" s="591"/>
      <c r="S80" s="592"/>
      <c r="T80" s="592"/>
      <c r="U80" s="593"/>
      <c r="V80" s="592"/>
      <c r="W80" s="592"/>
      <c r="X80" s="592"/>
      <c r="Y80" s="592"/>
      <c r="Z80" s="594"/>
      <c r="AA80" s="593"/>
    </row>
    <row r="81" spans="1:27" ht="15.95" customHeight="1" thickTop="1">
      <c r="A81" s="574" t="s">
        <v>451</v>
      </c>
      <c r="B81" s="575"/>
      <c r="C81" s="575"/>
      <c r="D81" s="575"/>
      <c r="E81" s="575"/>
      <c r="F81" s="575"/>
      <c r="G81" s="575"/>
      <c r="H81" s="575"/>
      <c r="I81" s="575"/>
      <c r="J81" s="575"/>
      <c r="K81" s="575"/>
      <c r="L81" s="575"/>
      <c r="M81" s="575"/>
      <c r="N81" s="575"/>
      <c r="O81" s="575"/>
      <c r="P81" s="575"/>
      <c r="Q81" s="575"/>
      <c r="R81" s="576"/>
      <c r="S81" s="576"/>
      <c r="T81" s="576"/>
      <c r="U81" s="576"/>
      <c r="V81" s="576"/>
      <c r="W81" s="576"/>
      <c r="X81" s="576"/>
      <c r="Y81" s="576"/>
      <c r="Z81" s="577"/>
      <c r="AA81" s="577"/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78740157480314965" header="0" footer="0"/>
  <pageSetup paperSize="9" scale="81" firstPageNumber="20" fitToWidth="0" orientation="portrait" blackAndWhite="1" useFirstPageNumber="1" r:id="rId1"/>
  <headerFooter>
    <oddFooter>&amp;C&amp;"ＭＳ ゴシック,太字"-&amp;P--</oddFooter>
    <evenFooter>&amp;C－21－</evenFooter>
  </headerFooter>
  <colBreaks count="1" manualBreakCount="1">
    <brk id="12" max="1048575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64"/>
  <sheetViews>
    <sheetView zoomScaleNormal="100" zoomScaleSheetLayoutView="80" workbookViewId="0"/>
  </sheetViews>
  <sheetFormatPr defaultRowHeight="11.25"/>
  <cols>
    <col min="1" max="1" width="3.875" style="597" customWidth="1"/>
    <col min="2" max="2" width="10.375" style="597" customWidth="1"/>
    <col min="3" max="3" width="0.75" style="597" customWidth="1"/>
    <col min="4" max="4" width="10.125" style="597" customWidth="1"/>
    <col min="5" max="5" width="3.625" style="597" customWidth="1"/>
    <col min="6" max="6" width="9.625" style="597" customWidth="1"/>
    <col min="7" max="7" width="8.875" style="597" customWidth="1"/>
    <col min="8" max="8" width="7.125" style="597" customWidth="1"/>
    <col min="9" max="9" width="7.625" style="597" customWidth="1"/>
    <col min="10" max="10" width="9.375" style="597" customWidth="1"/>
    <col min="11" max="12" width="8.125" style="597" customWidth="1"/>
    <col min="13" max="16384" width="9" style="597"/>
  </cols>
  <sheetData>
    <row r="1" spans="1:15" ht="17.25">
      <c r="A1" s="595" t="s">
        <v>472</v>
      </c>
      <c r="B1" s="596"/>
      <c r="C1" s="596"/>
      <c r="D1" s="596"/>
      <c r="E1" s="596"/>
    </row>
    <row r="3" spans="1:15" ht="21" customHeight="1" thickBot="1">
      <c r="A3" s="1061" t="s">
        <v>473</v>
      </c>
      <c r="B3" s="598"/>
      <c r="C3" s="598"/>
      <c r="D3" s="599"/>
      <c r="E3" s="599"/>
      <c r="F3" s="599"/>
    </row>
    <row r="4" spans="1:15" ht="12" customHeight="1" thickTop="1">
      <c r="A4" s="600"/>
      <c r="B4" s="600"/>
      <c r="C4" s="600"/>
      <c r="D4" s="601"/>
      <c r="E4" s="600"/>
      <c r="F4" s="600"/>
      <c r="G4" s="600"/>
      <c r="H4" s="600"/>
      <c r="I4" s="600"/>
      <c r="J4" s="600"/>
      <c r="K4" s="600"/>
      <c r="L4" s="600"/>
      <c r="O4" s="602"/>
    </row>
    <row r="5" spans="1:15" ht="12" customHeight="1">
      <c r="A5" s="603" t="s">
        <v>474</v>
      </c>
      <c r="B5" s="604"/>
      <c r="C5" s="604"/>
      <c r="D5" s="1428" t="s">
        <v>296</v>
      </c>
      <c r="E5" s="605" t="s">
        <v>475</v>
      </c>
      <c r="F5" s="605"/>
      <c r="G5" s="606"/>
      <c r="H5" s="607"/>
      <c r="I5" s="608"/>
      <c r="J5" s="606"/>
      <c r="K5" s="607"/>
      <c r="L5" s="607"/>
    </row>
    <row r="6" spans="1:15" ht="12" customHeight="1">
      <c r="A6" s="605" t="s">
        <v>476</v>
      </c>
      <c r="B6" s="609"/>
      <c r="C6" s="609"/>
      <c r="D6" s="1429"/>
      <c r="E6" s="610"/>
      <c r="F6" s="605"/>
      <c r="G6" s="611" t="s">
        <v>477</v>
      </c>
      <c r="H6" s="612" t="s">
        <v>478</v>
      </c>
      <c r="I6" s="612" t="s">
        <v>479</v>
      </c>
      <c r="J6" s="613" t="s">
        <v>480</v>
      </c>
      <c r="K6" s="614" t="s">
        <v>481</v>
      </c>
      <c r="L6" s="614" t="s">
        <v>482</v>
      </c>
    </row>
    <row r="7" spans="1:15" ht="12" customHeight="1">
      <c r="A7" s="615"/>
      <c r="B7" s="615"/>
      <c r="C7" s="615"/>
      <c r="D7" s="616"/>
      <c r="E7" s="605" t="s">
        <v>483</v>
      </c>
      <c r="F7" s="615"/>
      <c r="G7" s="617" t="s">
        <v>484</v>
      </c>
      <c r="H7" s="611" t="s">
        <v>485</v>
      </c>
      <c r="I7" s="618" t="s">
        <v>486</v>
      </c>
      <c r="J7" s="613" t="s">
        <v>487</v>
      </c>
      <c r="K7" s="613" t="s">
        <v>488</v>
      </c>
      <c r="L7" s="611" t="s">
        <v>489</v>
      </c>
    </row>
    <row r="8" spans="1:15" ht="12" customHeight="1">
      <c r="A8" s="608"/>
      <c r="B8" s="619" t="s">
        <v>237</v>
      </c>
      <c r="C8" s="619"/>
      <c r="D8" s="620"/>
      <c r="E8" s="620"/>
      <c r="F8" s="621" t="s">
        <v>236</v>
      </c>
      <c r="G8" s="622" t="s">
        <v>236</v>
      </c>
      <c r="H8" s="623" t="s">
        <v>236</v>
      </c>
      <c r="I8" s="624" t="s">
        <v>236</v>
      </c>
      <c r="J8" s="624" t="s">
        <v>236</v>
      </c>
      <c r="K8" s="621" t="s">
        <v>236</v>
      </c>
      <c r="L8" s="622" t="s">
        <v>236</v>
      </c>
    </row>
    <row r="9" spans="1:15" ht="12" customHeight="1">
      <c r="A9" s="625"/>
      <c r="B9" s="626">
        <v>9163279</v>
      </c>
      <c r="C9" s="627"/>
      <c r="D9" s="628" t="s">
        <v>238</v>
      </c>
      <c r="E9" s="628"/>
      <c r="F9" s="629">
        <v>15879</v>
      </c>
      <c r="G9" s="629">
        <v>-11083</v>
      </c>
      <c r="H9" s="629">
        <v>69902</v>
      </c>
      <c r="I9" s="629">
        <v>80985</v>
      </c>
      <c r="J9" s="629">
        <v>26962</v>
      </c>
      <c r="K9" s="629">
        <v>496793</v>
      </c>
      <c r="L9" s="630">
        <v>469831</v>
      </c>
    </row>
    <row r="10" spans="1:15" ht="12" customHeight="1">
      <c r="A10" s="631"/>
      <c r="B10" s="632"/>
      <c r="C10" s="633"/>
      <c r="D10" s="634"/>
      <c r="E10" s="635"/>
      <c r="F10" s="636"/>
      <c r="G10" s="637"/>
      <c r="H10" s="637"/>
      <c r="I10" s="637"/>
      <c r="J10" s="637"/>
      <c r="K10" s="637"/>
      <c r="L10" s="632"/>
    </row>
    <row r="11" spans="1:15" ht="12" customHeight="1">
      <c r="A11" s="638"/>
      <c r="B11" s="1070">
        <v>356698</v>
      </c>
      <c r="C11" s="1071"/>
      <c r="D11" s="639" t="s">
        <v>490</v>
      </c>
      <c r="E11" s="639"/>
      <c r="F11" s="1071">
        <v>68894</v>
      </c>
      <c r="G11" s="1070">
        <v>69695</v>
      </c>
      <c r="H11" s="1070">
        <v>69902</v>
      </c>
      <c r="I11" s="1070">
        <v>207</v>
      </c>
      <c r="J11" s="1070">
        <v>-801</v>
      </c>
      <c r="K11" s="1070">
        <v>27516</v>
      </c>
      <c r="L11" s="1070">
        <v>28317</v>
      </c>
    </row>
    <row r="12" spans="1:15" ht="12" customHeight="1">
      <c r="A12" s="640" t="s">
        <v>243</v>
      </c>
      <c r="B12" s="1070">
        <v>375134</v>
      </c>
      <c r="C12" s="1071"/>
      <c r="D12" s="639" t="s">
        <v>491</v>
      </c>
      <c r="E12" s="641" t="s">
        <v>243</v>
      </c>
      <c r="F12" s="1071">
        <v>-519</v>
      </c>
      <c r="G12" s="1070">
        <v>-25</v>
      </c>
      <c r="H12" s="1077" t="s">
        <v>188</v>
      </c>
      <c r="I12" s="1070">
        <v>25</v>
      </c>
      <c r="J12" s="1070">
        <v>-494</v>
      </c>
      <c r="K12" s="1070">
        <v>13503</v>
      </c>
      <c r="L12" s="1070">
        <v>13997</v>
      </c>
    </row>
    <row r="13" spans="1:15" ht="12" customHeight="1">
      <c r="A13" s="638"/>
      <c r="B13" s="1070">
        <v>385207</v>
      </c>
      <c r="C13" s="1071"/>
      <c r="D13" s="639" t="s">
        <v>492</v>
      </c>
      <c r="E13" s="642"/>
      <c r="F13" s="1071">
        <v>550</v>
      </c>
      <c r="G13" s="1070">
        <v>-27</v>
      </c>
      <c r="H13" s="1077" t="s">
        <v>188</v>
      </c>
      <c r="I13" s="1070">
        <v>27</v>
      </c>
      <c r="J13" s="1070">
        <v>577</v>
      </c>
      <c r="K13" s="1070">
        <v>7822</v>
      </c>
      <c r="L13" s="1070">
        <v>7245</v>
      </c>
    </row>
    <row r="14" spans="1:15" ht="12" customHeight="1">
      <c r="A14" s="640" t="s">
        <v>245</v>
      </c>
      <c r="B14" s="1070">
        <v>421093</v>
      </c>
      <c r="C14" s="1071"/>
      <c r="D14" s="639" t="s">
        <v>493</v>
      </c>
      <c r="E14" s="641" t="s">
        <v>245</v>
      </c>
      <c r="F14" s="1071">
        <v>6579</v>
      </c>
      <c r="G14" s="1070">
        <v>-58</v>
      </c>
      <c r="H14" s="1077" t="s">
        <v>188</v>
      </c>
      <c r="I14" s="1070">
        <v>58</v>
      </c>
      <c r="J14" s="1070">
        <v>6637</v>
      </c>
      <c r="K14" s="1070">
        <v>20769</v>
      </c>
      <c r="L14" s="1070">
        <v>14132</v>
      </c>
    </row>
    <row r="15" spans="1:15" ht="12" customHeight="1">
      <c r="A15" s="638"/>
      <c r="B15" s="1072">
        <v>504286</v>
      </c>
      <c r="C15" s="1073"/>
      <c r="D15" s="643" t="s">
        <v>494</v>
      </c>
      <c r="E15" s="642"/>
      <c r="F15" s="1073">
        <v>13899</v>
      </c>
      <c r="G15" s="1072">
        <v>-144</v>
      </c>
      <c r="H15" s="1078" t="s">
        <v>188</v>
      </c>
      <c r="I15" s="1072">
        <v>144</v>
      </c>
      <c r="J15" s="1072">
        <v>14043</v>
      </c>
      <c r="K15" s="1072">
        <v>78301</v>
      </c>
      <c r="L15" s="1072">
        <v>64258</v>
      </c>
    </row>
    <row r="16" spans="1:15" ht="12" customHeight="1">
      <c r="A16" s="644">
        <v>30</v>
      </c>
      <c r="B16" s="1070">
        <v>480103</v>
      </c>
      <c r="C16" s="1071"/>
      <c r="D16" s="639" t="s">
        <v>495</v>
      </c>
      <c r="E16" s="645">
        <v>29</v>
      </c>
      <c r="F16" s="1071">
        <v>3876</v>
      </c>
      <c r="G16" s="1070">
        <v>-166</v>
      </c>
      <c r="H16" s="1077" t="s">
        <v>188</v>
      </c>
      <c r="I16" s="1070">
        <v>166</v>
      </c>
      <c r="J16" s="1070">
        <v>4042</v>
      </c>
      <c r="K16" s="1070">
        <v>97413</v>
      </c>
      <c r="L16" s="1070">
        <v>93371</v>
      </c>
    </row>
    <row r="17" spans="1:19" ht="12" customHeight="1">
      <c r="A17" s="638"/>
      <c r="B17" s="1070">
        <v>532740</v>
      </c>
      <c r="C17" s="1071"/>
      <c r="D17" s="639" t="s">
        <v>496</v>
      </c>
      <c r="E17" s="642"/>
      <c r="F17" s="1071">
        <v>920</v>
      </c>
      <c r="G17" s="1070">
        <v>-207</v>
      </c>
      <c r="H17" s="1077" t="s">
        <v>188</v>
      </c>
      <c r="I17" s="1070">
        <v>207</v>
      </c>
      <c r="J17" s="1070">
        <v>1127</v>
      </c>
      <c r="K17" s="1070">
        <v>73625</v>
      </c>
      <c r="L17" s="1070">
        <v>72498</v>
      </c>
    </row>
    <row r="18" spans="1:19" ht="12" customHeight="1">
      <c r="A18" s="640" t="s">
        <v>248</v>
      </c>
      <c r="B18" s="1070">
        <v>596951</v>
      </c>
      <c r="C18" s="1071"/>
      <c r="D18" s="639" t="s">
        <v>497</v>
      </c>
      <c r="E18" s="641" t="s">
        <v>248</v>
      </c>
      <c r="F18" s="1071">
        <v>-38</v>
      </c>
      <c r="G18" s="1070">
        <v>-325</v>
      </c>
      <c r="H18" s="1077" t="s">
        <v>188</v>
      </c>
      <c r="I18" s="1070">
        <v>325</v>
      </c>
      <c r="J18" s="1070">
        <v>287</v>
      </c>
      <c r="K18" s="1070">
        <v>47917</v>
      </c>
      <c r="L18" s="1070">
        <v>47630</v>
      </c>
    </row>
    <row r="19" spans="1:19" ht="12" customHeight="1">
      <c r="A19" s="638"/>
      <c r="B19" s="1070">
        <v>723364</v>
      </c>
      <c r="C19" s="1071"/>
      <c r="D19" s="639" t="s">
        <v>498</v>
      </c>
      <c r="E19" s="642"/>
      <c r="F19" s="1071">
        <v>-445</v>
      </c>
      <c r="G19" s="1070">
        <v>-599</v>
      </c>
      <c r="H19" s="1077" t="s">
        <v>188</v>
      </c>
      <c r="I19" s="1070">
        <v>599</v>
      </c>
      <c r="J19" s="1070">
        <v>154</v>
      </c>
      <c r="K19" s="1070">
        <v>33647</v>
      </c>
      <c r="L19" s="1070">
        <v>33493</v>
      </c>
    </row>
    <row r="20" spans="1:19" ht="12" customHeight="1">
      <c r="A20" s="640">
        <v>1</v>
      </c>
      <c r="B20" s="1072">
        <v>771885</v>
      </c>
      <c r="C20" s="1073"/>
      <c r="D20" s="643" t="s">
        <v>499</v>
      </c>
      <c r="E20" s="641" t="s">
        <v>500</v>
      </c>
      <c r="F20" s="1073">
        <v>-639</v>
      </c>
      <c r="G20" s="1072">
        <v>-1055</v>
      </c>
      <c r="H20" s="1078" t="s">
        <v>188</v>
      </c>
      <c r="I20" s="1072">
        <v>1055</v>
      </c>
      <c r="J20" s="1072">
        <v>416</v>
      </c>
      <c r="K20" s="1072">
        <v>25567</v>
      </c>
      <c r="L20" s="1072">
        <v>25151</v>
      </c>
    </row>
    <row r="21" spans="1:19" ht="12" customHeight="1">
      <c r="A21" s="638"/>
      <c r="B21" s="1070">
        <v>653677</v>
      </c>
      <c r="C21" s="1071"/>
      <c r="D21" s="639" t="s">
        <v>501</v>
      </c>
      <c r="E21" s="639"/>
      <c r="F21" s="1071">
        <v>-1261</v>
      </c>
      <c r="G21" s="1070">
        <v>-1439</v>
      </c>
      <c r="H21" s="1077" t="s">
        <v>188</v>
      </c>
      <c r="I21" s="1070">
        <v>1439</v>
      </c>
      <c r="J21" s="1070">
        <v>178</v>
      </c>
      <c r="K21" s="1070">
        <v>18077</v>
      </c>
      <c r="L21" s="1070">
        <v>17899</v>
      </c>
    </row>
    <row r="22" spans="1:19" ht="12" customHeight="1">
      <c r="A22" s="640" t="s">
        <v>251</v>
      </c>
      <c r="B22" s="1070">
        <v>532925</v>
      </c>
      <c r="C22" s="1071"/>
      <c r="D22" s="639" t="s">
        <v>502</v>
      </c>
      <c r="E22" s="639"/>
      <c r="F22" s="1071">
        <v>-2029</v>
      </c>
      <c r="G22" s="1070">
        <v>-1867</v>
      </c>
      <c r="H22" s="1077" t="s">
        <v>188</v>
      </c>
      <c r="I22" s="1070">
        <v>1867</v>
      </c>
      <c r="J22" s="1070">
        <v>-162</v>
      </c>
      <c r="K22" s="1070">
        <v>12478</v>
      </c>
      <c r="L22" s="1070">
        <v>12640</v>
      </c>
    </row>
    <row r="23" spans="1:19" ht="12" customHeight="1">
      <c r="A23" s="640"/>
      <c r="B23" s="1070">
        <v>486546</v>
      </c>
      <c r="C23" s="1071"/>
      <c r="D23" s="639" t="s">
        <v>503</v>
      </c>
      <c r="E23" s="639"/>
      <c r="F23" s="1071">
        <v>-2925</v>
      </c>
      <c r="G23" s="1070">
        <v>-2594</v>
      </c>
      <c r="H23" s="1077" t="s">
        <v>188</v>
      </c>
      <c r="I23" s="1070">
        <v>2594</v>
      </c>
      <c r="J23" s="1070">
        <v>-331</v>
      </c>
      <c r="K23" s="1070">
        <v>9270</v>
      </c>
      <c r="L23" s="1070">
        <v>9601</v>
      </c>
    </row>
    <row r="24" spans="1:19" ht="12" customHeight="1">
      <c r="A24" s="640">
        <v>1</v>
      </c>
      <c r="B24" s="1070">
        <v>626754</v>
      </c>
      <c r="C24" s="1071"/>
      <c r="D24" s="639" t="s">
        <v>504</v>
      </c>
      <c r="E24" s="639"/>
      <c r="F24" s="1071">
        <v>-6046</v>
      </c>
      <c r="G24" s="1070">
        <v>-5636</v>
      </c>
      <c r="H24" s="1077" t="s">
        <v>188</v>
      </c>
      <c r="I24" s="1070">
        <v>5636</v>
      </c>
      <c r="J24" s="1070">
        <v>-410</v>
      </c>
      <c r="K24" s="1070">
        <v>8621</v>
      </c>
      <c r="L24" s="1070">
        <v>9031</v>
      </c>
    </row>
    <row r="25" spans="1:19" ht="12" customHeight="1">
      <c r="A25" s="638"/>
      <c r="B25" s="1072">
        <v>535473</v>
      </c>
      <c r="C25" s="1073"/>
      <c r="D25" s="643" t="s">
        <v>505</v>
      </c>
      <c r="E25" s="639"/>
      <c r="F25" s="1073">
        <v>-7434</v>
      </c>
      <c r="G25" s="1072">
        <v>-7404</v>
      </c>
      <c r="H25" s="1078" t="s">
        <v>188</v>
      </c>
      <c r="I25" s="1072">
        <v>7404</v>
      </c>
      <c r="J25" s="1072">
        <v>-30</v>
      </c>
      <c r="K25" s="1072">
        <v>6034</v>
      </c>
      <c r="L25" s="1072">
        <v>6064</v>
      </c>
    </row>
    <row r="26" spans="1:19" ht="12" customHeight="1">
      <c r="A26" s="640" t="s">
        <v>254</v>
      </c>
      <c r="B26" s="1070">
        <v>456390</v>
      </c>
      <c r="C26" s="1071"/>
      <c r="D26" s="639" t="s">
        <v>506</v>
      </c>
      <c r="E26" s="639"/>
      <c r="F26" s="1071">
        <v>-9973</v>
      </c>
      <c r="G26" s="1070">
        <v>-10275</v>
      </c>
      <c r="H26" s="1077" t="s">
        <v>188</v>
      </c>
      <c r="I26" s="1070">
        <v>10275</v>
      </c>
      <c r="J26" s="1070">
        <v>302</v>
      </c>
      <c r="K26" s="1070">
        <v>5019</v>
      </c>
      <c r="L26" s="1070">
        <v>4717</v>
      </c>
    </row>
    <row r="27" spans="1:19" ht="12" customHeight="1">
      <c r="A27" s="638"/>
      <c r="B27" s="1070">
        <v>333210</v>
      </c>
      <c r="C27" s="1071"/>
      <c r="D27" s="639" t="s">
        <v>507</v>
      </c>
      <c r="E27" s="639"/>
      <c r="F27" s="1071">
        <v>-13346</v>
      </c>
      <c r="G27" s="1070">
        <v>-13885</v>
      </c>
      <c r="H27" s="1077" t="s">
        <v>188</v>
      </c>
      <c r="I27" s="1070">
        <v>13885</v>
      </c>
      <c r="J27" s="1070">
        <v>539</v>
      </c>
      <c r="K27" s="1070">
        <v>4776</v>
      </c>
      <c r="L27" s="1070">
        <v>4237</v>
      </c>
    </row>
    <row r="28" spans="1:19" ht="12" customHeight="1">
      <c r="A28" s="640" t="s">
        <v>256</v>
      </c>
      <c r="B28" s="1070">
        <v>194978</v>
      </c>
      <c r="C28" s="1071"/>
      <c r="D28" s="639" t="s">
        <v>508</v>
      </c>
      <c r="E28" s="639"/>
      <c r="F28" s="1071">
        <v>-14645</v>
      </c>
      <c r="G28" s="1070">
        <v>-15116</v>
      </c>
      <c r="H28" s="1077" t="s">
        <v>188</v>
      </c>
      <c r="I28" s="1070">
        <v>15116</v>
      </c>
      <c r="J28" s="1070">
        <v>471</v>
      </c>
      <c r="K28" s="1070">
        <v>3842</v>
      </c>
      <c r="L28" s="1070">
        <v>3371</v>
      </c>
    </row>
    <row r="29" spans="1:19" ht="12" customHeight="1">
      <c r="A29" s="638"/>
      <c r="B29" s="1070">
        <v>86164</v>
      </c>
      <c r="C29" s="1071"/>
      <c r="D29" s="639" t="s">
        <v>509</v>
      </c>
      <c r="E29" s="639"/>
      <c r="F29" s="1071">
        <v>-12009</v>
      </c>
      <c r="G29" s="1070">
        <v>-12320</v>
      </c>
      <c r="H29" s="1077" t="s">
        <v>188</v>
      </c>
      <c r="I29" s="1070">
        <v>12320</v>
      </c>
      <c r="J29" s="1070">
        <v>311</v>
      </c>
      <c r="K29" s="1070">
        <v>1977</v>
      </c>
      <c r="L29" s="1070">
        <v>1666</v>
      </c>
    </row>
    <row r="30" spans="1:19" ht="12" customHeight="1">
      <c r="A30" s="640" t="s">
        <v>258</v>
      </c>
      <c r="B30" s="1072">
        <v>22604</v>
      </c>
      <c r="C30" s="1073"/>
      <c r="D30" s="643" t="s">
        <v>510</v>
      </c>
      <c r="E30" s="639"/>
      <c r="F30" s="1073">
        <v>-5783</v>
      </c>
      <c r="G30" s="1072">
        <v>-5886</v>
      </c>
      <c r="H30" s="1078" t="s">
        <v>188</v>
      </c>
      <c r="I30" s="1072">
        <v>5886</v>
      </c>
      <c r="J30" s="1072">
        <v>103</v>
      </c>
      <c r="K30" s="1072">
        <v>550</v>
      </c>
      <c r="L30" s="1072">
        <v>447</v>
      </c>
      <c r="S30" s="646"/>
    </row>
    <row r="31" spans="1:19" ht="12" customHeight="1">
      <c r="A31" s="638"/>
      <c r="B31" s="1074">
        <v>4171</v>
      </c>
      <c r="C31" s="1073"/>
      <c r="D31" s="643" t="s">
        <v>511</v>
      </c>
      <c r="E31" s="639"/>
      <c r="F31" s="1073">
        <v>-1747</v>
      </c>
      <c r="G31" s="1072">
        <v>-1750</v>
      </c>
      <c r="H31" s="1078" t="s">
        <v>188</v>
      </c>
      <c r="I31" s="1072">
        <v>1750</v>
      </c>
      <c r="J31" s="1072">
        <v>3</v>
      </c>
      <c r="K31" s="1072">
        <v>69</v>
      </c>
      <c r="L31" s="1072">
        <v>66</v>
      </c>
    </row>
    <row r="32" spans="1:19" ht="12" customHeight="1">
      <c r="A32" s="638"/>
      <c r="B32" s="1075">
        <v>82926</v>
      </c>
      <c r="C32" s="1076"/>
      <c r="D32" s="616" t="s">
        <v>154</v>
      </c>
      <c r="E32" s="616"/>
      <c r="F32" s="1079" t="s">
        <v>188</v>
      </c>
      <c r="G32" s="1077" t="s">
        <v>188</v>
      </c>
      <c r="H32" s="1077" t="s">
        <v>188</v>
      </c>
      <c r="I32" s="1077" t="s">
        <v>188</v>
      </c>
      <c r="J32" s="1077" t="s">
        <v>188</v>
      </c>
      <c r="K32" s="1077" t="s">
        <v>188</v>
      </c>
      <c r="L32" s="1077" t="s">
        <v>188</v>
      </c>
    </row>
    <row r="33" spans="1:14" ht="12" customHeight="1">
      <c r="A33" s="638"/>
      <c r="B33" s="647">
        <v>1117039</v>
      </c>
      <c r="C33" s="648"/>
      <c r="D33" s="649" t="s">
        <v>512</v>
      </c>
      <c r="E33" s="650"/>
      <c r="F33" s="651">
        <v>68925</v>
      </c>
      <c r="G33" s="651">
        <v>69643</v>
      </c>
      <c r="H33" s="651">
        <v>69902</v>
      </c>
      <c r="I33" s="651">
        <v>259</v>
      </c>
      <c r="J33" s="651">
        <v>-718</v>
      </c>
      <c r="K33" s="651">
        <v>48841</v>
      </c>
      <c r="L33" s="652">
        <v>49559</v>
      </c>
    </row>
    <row r="34" spans="1:14" ht="12" customHeight="1">
      <c r="A34" s="638"/>
      <c r="B34" s="647">
        <v>5703570</v>
      </c>
      <c r="C34" s="648"/>
      <c r="D34" s="650" t="s">
        <v>513</v>
      </c>
      <c r="E34" s="650"/>
      <c r="F34" s="653">
        <v>17937</v>
      </c>
      <c r="G34" s="653">
        <v>-8454</v>
      </c>
      <c r="H34" s="654" t="s">
        <v>188</v>
      </c>
      <c r="I34" s="653">
        <v>8454</v>
      </c>
      <c r="J34" s="653">
        <v>26391</v>
      </c>
      <c r="K34" s="653">
        <v>417064</v>
      </c>
      <c r="L34" s="647">
        <v>390673</v>
      </c>
    </row>
    <row r="35" spans="1:14" ht="12" customHeight="1" thickBot="1">
      <c r="A35" s="638"/>
      <c r="B35" s="647">
        <v>2259744</v>
      </c>
      <c r="C35" s="648"/>
      <c r="D35" s="650" t="s">
        <v>514</v>
      </c>
      <c r="E35" s="650"/>
      <c r="F35" s="653">
        <v>-70983</v>
      </c>
      <c r="G35" s="653">
        <v>-72272</v>
      </c>
      <c r="H35" s="654" t="s">
        <v>188</v>
      </c>
      <c r="I35" s="653">
        <v>72272</v>
      </c>
      <c r="J35" s="653">
        <v>1289</v>
      </c>
      <c r="K35" s="653">
        <v>30888</v>
      </c>
      <c r="L35" s="647">
        <v>29599</v>
      </c>
    </row>
    <row r="36" spans="1:14" ht="12" customHeight="1" thickTop="1">
      <c r="A36" s="655"/>
      <c r="B36" s="1421">
        <v>9147400</v>
      </c>
      <c r="C36" s="656"/>
      <c r="D36" s="1423" t="s">
        <v>238</v>
      </c>
      <c r="E36" s="657"/>
      <c r="F36" s="1424">
        <v>19363</v>
      </c>
      <c r="G36" s="1424">
        <v>-5354</v>
      </c>
      <c r="H36" s="1424">
        <v>72795</v>
      </c>
      <c r="I36" s="1424">
        <v>78149</v>
      </c>
      <c r="J36" s="1424">
        <v>24717</v>
      </c>
      <c r="K36" s="1424">
        <v>486889</v>
      </c>
      <c r="L36" s="1426">
        <v>462172</v>
      </c>
    </row>
    <row r="37" spans="1:14" ht="12" customHeight="1">
      <c r="A37" s="631"/>
      <c r="B37" s="1422"/>
      <c r="C37" s="658"/>
      <c r="D37" s="1406"/>
      <c r="E37" s="635"/>
      <c r="F37" s="1425"/>
      <c r="G37" s="1425"/>
      <c r="H37" s="1425"/>
      <c r="I37" s="1425"/>
      <c r="J37" s="1425"/>
      <c r="K37" s="1425"/>
      <c r="L37" s="1427"/>
    </row>
    <row r="38" spans="1:14" ht="12" customHeight="1">
      <c r="A38" s="638"/>
      <c r="B38" s="659">
        <v>361465</v>
      </c>
      <c r="C38" s="660"/>
      <c r="D38" s="661" t="s">
        <v>271</v>
      </c>
      <c r="E38" s="639"/>
      <c r="F38" s="654">
        <v>72117</v>
      </c>
      <c r="G38" s="654">
        <v>72591</v>
      </c>
      <c r="H38" s="654">
        <v>72795</v>
      </c>
      <c r="I38" s="654">
        <v>204</v>
      </c>
      <c r="J38" s="654">
        <v>-474</v>
      </c>
      <c r="K38" s="654">
        <v>28472</v>
      </c>
      <c r="L38" s="662">
        <v>28946</v>
      </c>
    </row>
    <row r="39" spans="1:14" ht="12" customHeight="1">
      <c r="A39" s="640" t="s">
        <v>309</v>
      </c>
      <c r="B39" s="663">
        <v>378404</v>
      </c>
      <c r="C39" s="660"/>
      <c r="D39" s="639" t="s">
        <v>272</v>
      </c>
      <c r="E39" s="641" t="s">
        <v>243</v>
      </c>
      <c r="F39" s="654">
        <v>-620</v>
      </c>
      <c r="G39" s="654">
        <v>-27</v>
      </c>
      <c r="H39" s="654" t="s">
        <v>188</v>
      </c>
      <c r="I39" s="654">
        <v>27</v>
      </c>
      <c r="J39" s="654">
        <v>-593</v>
      </c>
      <c r="K39" s="654">
        <v>13682</v>
      </c>
      <c r="L39" s="662">
        <v>14275</v>
      </c>
    </row>
    <row r="40" spans="1:14" ht="12" customHeight="1">
      <c r="A40" s="638"/>
      <c r="B40" s="663">
        <v>388557</v>
      </c>
      <c r="C40" s="660"/>
      <c r="D40" s="639" t="s">
        <v>273</v>
      </c>
      <c r="E40" s="642"/>
      <c r="F40" s="654">
        <v>364</v>
      </c>
      <c r="G40" s="654">
        <v>-33</v>
      </c>
      <c r="H40" s="654" t="s">
        <v>188</v>
      </c>
      <c r="I40" s="654">
        <v>33</v>
      </c>
      <c r="J40" s="654">
        <v>397</v>
      </c>
      <c r="K40" s="654">
        <v>8018</v>
      </c>
      <c r="L40" s="662">
        <v>7621</v>
      </c>
    </row>
    <row r="41" spans="1:14" ht="12" customHeight="1">
      <c r="A41" s="640" t="s">
        <v>311</v>
      </c>
      <c r="B41" s="663">
        <v>424844</v>
      </c>
      <c r="C41" s="660"/>
      <c r="D41" s="639" t="s">
        <v>274</v>
      </c>
      <c r="E41" s="641" t="s">
        <v>245</v>
      </c>
      <c r="F41" s="654">
        <v>6870</v>
      </c>
      <c r="G41" s="654">
        <v>-105</v>
      </c>
      <c r="H41" s="654" t="s">
        <v>188</v>
      </c>
      <c r="I41" s="654">
        <v>105</v>
      </c>
      <c r="J41" s="654">
        <v>6975</v>
      </c>
      <c r="K41" s="654">
        <v>20319</v>
      </c>
      <c r="L41" s="662">
        <v>13344</v>
      </c>
    </row>
    <row r="42" spans="1:14" ht="12" customHeight="1">
      <c r="A42" s="638"/>
      <c r="B42" s="664">
        <v>494660</v>
      </c>
      <c r="C42" s="633"/>
      <c r="D42" s="643" t="s">
        <v>275</v>
      </c>
      <c r="E42" s="642"/>
      <c r="F42" s="665">
        <v>13331</v>
      </c>
      <c r="G42" s="665">
        <v>-153</v>
      </c>
      <c r="H42" s="665" t="s">
        <v>188</v>
      </c>
      <c r="I42" s="665">
        <v>153</v>
      </c>
      <c r="J42" s="665">
        <v>13484</v>
      </c>
      <c r="K42" s="665">
        <v>73674</v>
      </c>
      <c r="L42" s="666">
        <v>60190</v>
      </c>
    </row>
    <row r="43" spans="1:14" ht="12" customHeight="1">
      <c r="A43" s="640">
        <v>29</v>
      </c>
      <c r="B43" s="659">
        <v>480992</v>
      </c>
      <c r="C43" s="660"/>
      <c r="D43" s="639" t="s">
        <v>276</v>
      </c>
      <c r="E43" s="641">
        <v>28</v>
      </c>
      <c r="F43" s="654">
        <v>3753</v>
      </c>
      <c r="G43" s="654">
        <v>-163</v>
      </c>
      <c r="H43" s="654" t="s">
        <v>188</v>
      </c>
      <c r="I43" s="654">
        <v>163</v>
      </c>
      <c r="J43" s="654">
        <v>3916</v>
      </c>
      <c r="K43" s="654">
        <v>93931</v>
      </c>
      <c r="L43" s="662">
        <v>90015</v>
      </c>
    </row>
    <row r="44" spans="1:14" ht="12" customHeight="1">
      <c r="A44" s="638"/>
      <c r="B44" s="663">
        <v>544794</v>
      </c>
      <c r="C44" s="660"/>
      <c r="D44" s="639" t="s">
        <v>277</v>
      </c>
      <c r="E44" s="642"/>
      <c r="F44" s="654">
        <v>533</v>
      </c>
      <c r="G44" s="654">
        <v>-217</v>
      </c>
      <c r="H44" s="654" t="s">
        <v>188</v>
      </c>
      <c r="I44" s="654">
        <v>217</v>
      </c>
      <c r="J44" s="654">
        <v>750</v>
      </c>
      <c r="K44" s="654">
        <v>74183</v>
      </c>
      <c r="L44" s="662">
        <v>73433</v>
      </c>
      <c r="N44" s="667"/>
    </row>
    <row r="45" spans="1:14" ht="12" customHeight="1">
      <c r="A45" s="640" t="s">
        <v>172</v>
      </c>
      <c r="B45" s="663">
        <v>616242</v>
      </c>
      <c r="C45" s="660"/>
      <c r="D45" s="639" t="s">
        <v>278</v>
      </c>
      <c r="E45" s="641" t="s">
        <v>248</v>
      </c>
      <c r="F45" s="654">
        <v>-624</v>
      </c>
      <c r="G45" s="654">
        <v>-349</v>
      </c>
      <c r="H45" s="654" t="s">
        <v>188</v>
      </c>
      <c r="I45" s="654">
        <v>349</v>
      </c>
      <c r="J45" s="654">
        <v>-275</v>
      </c>
      <c r="K45" s="654">
        <v>48103</v>
      </c>
      <c r="L45" s="662">
        <v>48378</v>
      </c>
    </row>
    <row r="46" spans="1:14" ht="12" customHeight="1">
      <c r="A46" s="638"/>
      <c r="B46" s="663">
        <v>750326</v>
      </c>
      <c r="C46" s="660"/>
      <c r="D46" s="639" t="s">
        <v>279</v>
      </c>
      <c r="E46" s="642"/>
      <c r="F46" s="654">
        <v>-833</v>
      </c>
      <c r="G46" s="654">
        <v>-644</v>
      </c>
      <c r="H46" s="654" t="s">
        <v>188</v>
      </c>
      <c r="I46" s="654">
        <v>644</v>
      </c>
      <c r="J46" s="654">
        <v>-189</v>
      </c>
      <c r="K46" s="654">
        <v>34429</v>
      </c>
      <c r="L46" s="662">
        <v>34618</v>
      </c>
    </row>
    <row r="47" spans="1:14" ht="12" customHeight="1">
      <c r="A47" s="640">
        <v>1</v>
      </c>
      <c r="B47" s="664">
        <v>767851</v>
      </c>
      <c r="C47" s="633"/>
      <c r="D47" s="643" t="s">
        <v>280</v>
      </c>
      <c r="E47" s="641" t="s">
        <v>500</v>
      </c>
      <c r="F47" s="665">
        <v>-804</v>
      </c>
      <c r="G47" s="665">
        <v>-1073</v>
      </c>
      <c r="H47" s="665" t="s">
        <v>188</v>
      </c>
      <c r="I47" s="665">
        <v>1073</v>
      </c>
      <c r="J47" s="665">
        <v>269</v>
      </c>
      <c r="K47" s="665">
        <v>25058</v>
      </c>
      <c r="L47" s="668">
        <v>24789</v>
      </c>
    </row>
    <row r="48" spans="1:14" ht="12" customHeight="1">
      <c r="A48" s="638"/>
      <c r="B48" s="659">
        <v>615632</v>
      </c>
      <c r="C48" s="660"/>
      <c r="D48" s="639" t="s">
        <v>281</v>
      </c>
      <c r="E48" s="639"/>
      <c r="F48" s="654">
        <v>-1121</v>
      </c>
      <c r="G48" s="654">
        <v>-1436</v>
      </c>
      <c r="H48" s="654" t="s">
        <v>188</v>
      </c>
      <c r="I48" s="654">
        <v>1436</v>
      </c>
      <c r="J48" s="654">
        <v>315</v>
      </c>
      <c r="K48" s="654">
        <v>16855</v>
      </c>
      <c r="L48" s="662">
        <v>16540</v>
      </c>
    </row>
    <row r="49" spans="1:12" ht="12" customHeight="1">
      <c r="A49" s="640" t="s">
        <v>316</v>
      </c>
      <c r="B49" s="663">
        <v>514383</v>
      </c>
      <c r="C49" s="660"/>
      <c r="D49" s="639" t="s">
        <v>282</v>
      </c>
      <c r="E49" s="639"/>
      <c r="F49" s="654">
        <v>-2044</v>
      </c>
      <c r="G49" s="654">
        <v>-1846</v>
      </c>
      <c r="H49" s="654" t="s">
        <v>188</v>
      </c>
      <c r="I49" s="654">
        <v>1846</v>
      </c>
      <c r="J49" s="654">
        <v>-198</v>
      </c>
      <c r="K49" s="654">
        <v>11707</v>
      </c>
      <c r="L49" s="662">
        <v>11905</v>
      </c>
    </row>
    <row r="50" spans="1:12" ht="12" customHeight="1">
      <c r="A50" s="640"/>
      <c r="B50" s="663">
        <v>506076</v>
      </c>
      <c r="C50" s="660"/>
      <c r="D50" s="639" t="s">
        <v>283</v>
      </c>
      <c r="E50" s="639"/>
      <c r="F50" s="654">
        <v>-3466</v>
      </c>
      <c r="G50" s="654">
        <v>-2812</v>
      </c>
      <c r="H50" s="654" t="s">
        <v>188</v>
      </c>
      <c r="I50" s="654">
        <v>2812</v>
      </c>
      <c r="J50" s="654">
        <v>-654</v>
      </c>
      <c r="K50" s="654">
        <v>9082</v>
      </c>
      <c r="L50" s="662">
        <v>9736</v>
      </c>
    </row>
    <row r="51" spans="1:12" ht="12" customHeight="1">
      <c r="A51" s="640">
        <v>1</v>
      </c>
      <c r="B51" s="663">
        <v>661567</v>
      </c>
      <c r="C51" s="660"/>
      <c r="D51" s="639" t="s">
        <v>284</v>
      </c>
      <c r="E51" s="639"/>
      <c r="F51" s="654">
        <v>-6464</v>
      </c>
      <c r="G51" s="654">
        <v>-5886</v>
      </c>
      <c r="H51" s="654" t="s">
        <v>188</v>
      </c>
      <c r="I51" s="654">
        <v>5886</v>
      </c>
      <c r="J51" s="654">
        <v>-578</v>
      </c>
      <c r="K51" s="654">
        <v>8732</v>
      </c>
      <c r="L51" s="662">
        <v>9310</v>
      </c>
    </row>
    <row r="52" spans="1:12" ht="12" customHeight="1">
      <c r="A52" s="638"/>
      <c r="B52" s="664">
        <v>510577</v>
      </c>
      <c r="C52" s="633"/>
      <c r="D52" s="643" t="s">
        <v>285</v>
      </c>
      <c r="E52" s="639"/>
      <c r="F52" s="665">
        <v>-7105</v>
      </c>
      <c r="G52" s="665">
        <v>-7122</v>
      </c>
      <c r="H52" s="665" t="s">
        <v>188</v>
      </c>
      <c r="I52" s="665">
        <v>7122</v>
      </c>
      <c r="J52" s="665">
        <v>17</v>
      </c>
      <c r="K52" s="665">
        <v>5654</v>
      </c>
      <c r="L52" s="666">
        <v>5637</v>
      </c>
    </row>
    <row r="53" spans="1:12" ht="12" customHeight="1">
      <c r="A53" s="640" t="s">
        <v>319</v>
      </c>
      <c r="B53" s="659">
        <v>440766</v>
      </c>
      <c r="C53" s="660"/>
      <c r="D53" s="639" t="s">
        <v>286</v>
      </c>
      <c r="E53" s="639"/>
      <c r="F53" s="654">
        <v>-9650</v>
      </c>
      <c r="G53" s="654">
        <v>-9876</v>
      </c>
      <c r="H53" s="654" t="s">
        <v>188</v>
      </c>
      <c r="I53" s="654">
        <v>9876</v>
      </c>
      <c r="J53" s="654">
        <v>226</v>
      </c>
      <c r="K53" s="654">
        <v>4778</v>
      </c>
      <c r="L53" s="662">
        <v>4552</v>
      </c>
    </row>
    <row r="54" spans="1:12" ht="12" customHeight="1">
      <c r="A54" s="638"/>
      <c r="B54" s="663">
        <v>318298</v>
      </c>
      <c r="C54" s="660"/>
      <c r="D54" s="639" t="s">
        <v>287</v>
      </c>
      <c r="E54" s="639"/>
      <c r="F54" s="654">
        <v>-12727</v>
      </c>
      <c r="G54" s="654">
        <v>-13159</v>
      </c>
      <c r="H54" s="654" t="s">
        <v>188</v>
      </c>
      <c r="I54" s="654">
        <v>13159</v>
      </c>
      <c r="J54" s="654">
        <v>432</v>
      </c>
      <c r="K54" s="654">
        <v>4391</v>
      </c>
      <c r="L54" s="662">
        <v>3959</v>
      </c>
    </row>
    <row r="55" spans="1:12" ht="12" customHeight="1">
      <c r="A55" s="640" t="s">
        <v>321</v>
      </c>
      <c r="B55" s="663">
        <v>183869</v>
      </c>
      <c r="C55" s="660"/>
      <c r="D55" s="639" t="s">
        <v>288</v>
      </c>
      <c r="E55" s="639"/>
      <c r="F55" s="654">
        <v>-14003</v>
      </c>
      <c r="G55" s="654">
        <v>-14544</v>
      </c>
      <c r="H55" s="654" t="s">
        <v>188</v>
      </c>
      <c r="I55" s="654">
        <v>14544</v>
      </c>
      <c r="J55" s="654">
        <v>541</v>
      </c>
      <c r="K55" s="654">
        <v>3532</v>
      </c>
      <c r="L55" s="662">
        <v>2991</v>
      </c>
    </row>
    <row r="56" spans="1:12" ht="12" customHeight="1">
      <c r="A56" s="638"/>
      <c r="B56" s="663">
        <v>80061</v>
      </c>
      <c r="C56" s="660"/>
      <c r="D56" s="639" t="s">
        <v>289</v>
      </c>
      <c r="E56" s="639"/>
      <c r="F56" s="654">
        <v>-11166</v>
      </c>
      <c r="G56" s="654">
        <v>-11461</v>
      </c>
      <c r="H56" s="654" t="s">
        <v>188</v>
      </c>
      <c r="I56" s="654">
        <v>11461</v>
      </c>
      <c r="J56" s="654">
        <v>295</v>
      </c>
      <c r="K56" s="654">
        <v>1784</v>
      </c>
      <c r="L56" s="662">
        <v>1489</v>
      </c>
    </row>
    <row r="57" spans="1:12" ht="12" customHeight="1">
      <c r="A57" s="640" t="s">
        <v>323</v>
      </c>
      <c r="B57" s="664">
        <v>21244</v>
      </c>
      <c r="C57" s="633"/>
      <c r="D57" s="643" t="s">
        <v>290</v>
      </c>
      <c r="E57" s="639"/>
      <c r="F57" s="665">
        <v>-5377</v>
      </c>
      <c r="G57" s="665">
        <v>-5423</v>
      </c>
      <c r="H57" s="665" t="s">
        <v>188</v>
      </c>
      <c r="I57" s="665">
        <v>5423</v>
      </c>
      <c r="J57" s="665">
        <v>46</v>
      </c>
      <c r="K57" s="665">
        <v>444</v>
      </c>
      <c r="L57" s="666">
        <v>398</v>
      </c>
    </row>
    <row r="58" spans="1:12" ht="12" customHeight="1">
      <c r="A58" s="638"/>
      <c r="B58" s="669">
        <v>3866</v>
      </c>
      <c r="C58" s="670"/>
      <c r="D58" s="671" t="s">
        <v>515</v>
      </c>
      <c r="E58" s="639"/>
      <c r="F58" s="672">
        <v>-1601</v>
      </c>
      <c r="G58" s="672">
        <v>-1616</v>
      </c>
      <c r="H58" s="672" t="s">
        <v>188</v>
      </c>
      <c r="I58" s="672">
        <v>1616</v>
      </c>
      <c r="J58" s="672">
        <v>15</v>
      </c>
      <c r="K58" s="672">
        <v>61</v>
      </c>
      <c r="L58" s="673">
        <v>46</v>
      </c>
    </row>
    <row r="59" spans="1:12" ht="12" customHeight="1">
      <c r="A59" s="638"/>
      <c r="B59" s="674">
        <v>82926</v>
      </c>
      <c r="C59" s="675"/>
      <c r="D59" s="676" t="s">
        <v>154</v>
      </c>
      <c r="E59" s="616"/>
      <c r="F59" s="677" t="s">
        <v>188</v>
      </c>
      <c r="G59" s="677" t="s">
        <v>188</v>
      </c>
      <c r="H59" s="677" t="s">
        <v>188</v>
      </c>
      <c r="I59" s="677" t="s">
        <v>188</v>
      </c>
      <c r="J59" s="677" t="s">
        <v>188</v>
      </c>
      <c r="K59" s="677" t="s">
        <v>188</v>
      </c>
      <c r="L59" s="678" t="s">
        <v>188</v>
      </c>
    </row>
    <row r="60" spans="1:12" ht="12" customHeight="1">
      <c r="A60" s="638"/>
      <c r="B60" s="679">
        <v>1128426</v>
      </c>
      <c r="C60" s="660"/>
      <c r="D60" s="680" t="s">
        <v>516</v>
      </c>
      <c r="E60" s="639"/>
      <c r="F60" s="654">
        <v>71861</v>
      </c>
      <c r="G60" s="654">
        <v>72531</v>
      </c>
      <c r="H60" s="654">
        <v>72795</v>
      </c>
      <c r="I60" s="681">
        <v>264</v>
      </c>
      <c r="J60" s="654">
        <v>-670</v>
      </c>
      <c r="K60" s="654">
        <v>50172</v>
      </c>
      <c r="L60" s="662">
        <v>50842</v>
      </c>
    </row>
    <row r="61" spans="1:12" ht="12" customHeight="1">
      <c r="A61" s="638"/>
      <c r="B61" s="663">
        <v>5715800</v>
      </c>
      <c r="C61" s="660"/>
      <c r="D61" s="680" t="s">
        <v>517</v>
      </c>
      <c r="E61" s="639"/>
      <c r="F61" s="654">
        <v>15595</v>
      </c>
      <c r="G61" s="654">
        <v>-8798</v>
      </c>
      <c r="H61" s="654" t="s">
        <v>188</v>
      </c>
      <c r="I61" s="654">
        <v>8798</v>
      </c>
      <c r="J61" s="654">
        <v>24393</v>
      </c>
      <c r="K61" s="654">
        <v>407341</v>
      </c>
      <c r="L61" s="662">
        <v>382948</v>
      </c>
    </row>
    <row r="62" spans="1:12" ht="12" customHeight="1" thickBot="1">
      <c r="A62" s="682"/>
      <c r="B62" s="683">
        <v>2220248</v>
      </c>
      <c r="C62" s="684"/>
      <c r="D62" s="685" t="s">
        <v>518</v>
      </c>
      <c r="E62" s="686"/>
      <c r="F62" s="687">
        <v>-68093</v>
      </c>
      <c r="G62" s="687">
        <v>-69087</v>
      </c>
      <c r="H62" s="687" t="s">
        <v>188</v>
      </c>
      <c r="I62" s="687">
        <v>69087</v>
      </c>
      <c r="J62" s="687">
        <v>994</v>
      </c>
      <c r="K62" s="687">
        <v>29376</v>
      </c>
      <c r="L62" s="688">
        <v>28382</v>
      </c>
    </row>
    <row r="63" spans="1:12" ht="14.25" customHeight="1" thickTop="1">
      <c r="A63" s="689" t="s">
        <v>519</v>
      </c>
      <c r="B63" s="690" t="s">
        <v>520</v>
      </c>
      <c r="C63" s="690"/>
      <c r="D63" s="690"/>
      <c r="E63" s="690"/>
      <c r="F63" s="691"/>
      <c r="G63" s="691"/>
      <c r="H63" s="691"/>
      <c r="I63" s="691"/>
      <c r="J63" s="692"/>
      <c r="K63" s="692"/>
      <c r="L63" s="692"/>
    </row>
    <row r="64" spans="1:12" ht="12" customHeight="1">
      <c r="B64" s="690" t="s">
        <v>521</v>
      </c>
      <c r="C64" s="690"/>
      <c r="D64" s="690"/>
      <c r="E64" s="690"/>
      <c r="F64" s="690"/>
    </row>
  </sheetData>
  <mergeCells count="10">
    <mergeCell ref="I36:I37"/>
    <mergeCell ref="J36:J37"/>
    <mergeCell ref="K36:K37"/>
    <mergeCell ref="L36:L37"/>
    <mergeCell ref="D5:D6"/>
    <mergeCell ref="B36:B37"/>
    <mergeCell ref="D36:D37"/>
    <mergeCell ref="F36:F37"/>
    <mergeCell ref="G36:G37"/>
    <mergeCell ref="H36:H37"/>
  </mergeCells>
  <phoneticPr fontId="3"/>
  <printOptions gridLinesSet="0"/>
  <pageMargins left="0.78740157480314965" right="0.70866141732283472" top="0.59055118110236227" bottom="0.59055118110236227" header="0" footer="0.19685039370078741"/>
  <pageSetup paperSize="9" firstPageNumber="22" fitToWidth="0" orientation="portrait" blackAndWhite="1" useFirstPageNumber="1" horizontalDpi="300" verticalDpi="300" r:id="rId1"/>
  <headerFooter>
    <oddFooter>&amp;C&amp;"ＭＳ ゴシック,太字"&amp;9-&amp;P-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80"/>
  <sheetViews>
    <sheetView zoomScale="75" zoomScaleNormal="75" zoomScaleSheetLayoutView="80" workbookViewId="0"/>
  </sheetViews>
  <sheetFormatPr defaultRowHeight="11.25"/>
  <cols>
    <col min="1" max="1" width="5.375" style="597" customWidth="1"/>
    <col min="2" max="2" width="13.625" style="597" customWidth="1"/>
    <col min="3" max="3" width="10.625" style="597" customWidth="1"/>
    <col min="4" max="4" width="5.375" style="597" customWidth="1"/>
    <col min="5" max="6" width="11.625" style="597" customWidth="1"/>
    <col min="7" max="8" width="9.875" style="597" customWidth="1"/>
    <col min="9" max="9" width="11.625" style="597" customWidth="1"/>
    <col min="10" max="11" width="9.875" style="597" customWidth="1"/>
    <col min="12" max="16384" width="9" style="597"/>
  </cols>
  <sheetData>
    <row r="1" spans="1:11" ht="16.5" customHeight="1" thickBot="1">
      <c r="A1" s="693" t="s">
        <v>522</v>
      </c>
      <c r="C1" s="599"/>
      <c r="D1" s="599"/>
      <c r="E1" s="599"/>
    </row>
    <row r="2" spans="1:11" ht="9" customHeight="1" thickTop="1">
      <c r="A2" s="694"/>
      <c r="B2" s="695"/>
      <c r="C2" s="696"/>
      <c r="D2" s="694"/>
      <c r="E2" s="694"/>
      <c r="F2" s="694"/>
      <c r="G2" s="694"/>
      <c r="H2" s="694"/>
      <c r="I2" s="694"/>
      <c r="J2" s="694"/>
      <c r="K2" s="694"/>
    </row>
    <row r="3" spans="1:11" ht="13.5" customHeight="1">
      <c r="A3" s="697" t="s">
        <v>523</v>
      </c>
      <c r="B3" s="698"/>
      <c r="C3" s="1432" t="s">
        <v>296</v>
      </c>
      <c r="D3" s="699" t="s">
        <v>524</v>
      </c>
      <c r="E3" s="699"/>
      <c r="F3" s="700"/>
      <c r="G3" s="701"/>
      <c r="H3" s="702"/>
      <c r="I3" s="700"/>
      <c r="J3" s="701"/>
      <c r="K3" s="701"/>
    </row>
    <row r="4" spans="1:11" ht="13.5" customHeight="1">
      <c r="A4" s="697"/>
      <c r="B4" s="698" t="s">
        <v>525</v>
      </c>
      <c r="C4" s="1432"/>
      <c r="D4" s="697"/>
      <c r="E4" s="699"/>
      <c r="F4" s="703" t="s">
        <v>477</v>
      </c>
      <c r="G4" s="704" t="s">
        <v>478</v>
      </c>
      <c r="H4" s="704" t="s">
        <v>479</v>
      </c>
      <c r="I4" s="705" t="s">
        <v>480</v>
      </c>
      <c r="J4" s="706" t="s">
        <v>481</v>
      </c>
      <c r="K4" s="706" t="s">
        <v>482</v>
      </c>
    </row>
    <row r="5" spans="1:11" ht="13.5" customHeight="1">
      <c r="A5" s="697"/>
      <c r="B5" s="698"/>
      <c r="C5" s="707"/>
      <c r="D5" s="699" t="s">
        <v>526</v>
      </c>
      <c r="E5" s="708"/>
      <c r="F5" s="703" t="s">
        <v>484</v>
      </c>
      <c r="G5" s="703" t="s">
        <v>485</v>
      </c>
      <c r="H5" s="709" t="s">
        <v>486</v>
      </c>
      <c r="I5" s="705" t="s">
        <v>487</v>
      </c>
      <c r="J5" s="705" t="s">
        <v>488</v>
      </c>
      <c r="K5" s="703" t="s">
        <v>489</v>
      </c>
    </row>
    <row r="6" spans="1:11" ht="13.5" customHeight="1">
      <c r="A6" s="710"/>
      <c r="B6" s="711" t="s">
        <v>236</v>
      </c>
      <c r="C6" s="712"/>
      <c r="D6" s="713"/>
      <c r="E6" s="714" t="s">
        <v>236</v>
      </c>
      <c r="F6" s="714" t="s">
        <v>236</v>
      </c>
      <c r="G6" s="715" t="s">
        <v>236</v>
      </c>
      <c r="H6" s="716" t="s">
        <v>236</v>
      </c>
      <c r="I6" s="716" t="s">
        <v>236</v>
      </c>
      <c r="J6" s="717" t="s">
        <v>236</v>
      </c>
      <c r="K6" s="714" t="s">
        <v>236</v>
      </c>
    </row>
    <row r="7" spans="1:11" ht="13.5" customHeight="1">
      <c r="A7" s="718"/>
      <c r="B7" s="719">
        <v>9163279</v>
      </c>
      <c r="C7" s="720" t="s">
        <v>238</v>
      </c>
      <c r="D7" s="721"/>
      <c r="E7" s="722">
        <v>15879</v>
      </c>
      <c r="F7" s="722">
        <v>-11083</v>
      </c>
      <c r="G7" s="722">
        <v>69902</v>
      </c>
      <c r="H7" s="722">
        <v>80985</v>
      </c>
      <c r="I7" s="722">
        <v>26962</v>
      </c>
      <c r="J7" s="722">
        <v>496793</v>
      </c>
      <c r="K7" s="722">
        <v>469831</v>
      </c>
    </row>
    <row r="8" spans="1:11" ht="12">
      <c r="A8" s="723" t="s">
        <v>309</v>
      </c>
      <c r="B8" s="724"/>
      <c r="C8" s="725"/>
      <c r="D8" s="723" t="s">
        <v>309</v>
      </c>
      <c r="E8" s="726"/>
      <c r="F8" s="727"/>
      <c r="G8" s="728"/>
      <c r="H8" s="729"/>
      <c r="I8" s="729"/>
      <c r="J8" s="728"/>
      <c r="K8" s="727"/>
    </row>
    <row r="9" spans="1:11" ht="13.5" customHeight="1">
      <c r="A9" s="723" t="s">
        <v>311</v>
      </c>
      <c r="B9" s="789">
        <v>731832</v>
      </c>
      <c r="C9" s="730" t="s">
        <v>527</v>
      </c>
      <c r="D9" s="731" t="s">
        <v>311</v>
      </c>
      <c r="E9" s="732">
        <v>68375</v>
      </c>
      <c r="F9" s="733">
        <v>69670</v>
      </c>
      <c r="G9" s="733">
        <v>69902</v>
      </c>
      <c r="H9" s="732">
        <v>232</v>
      </c>
      <c r="I9" s="732">
        <v>-1295</v>
      </c>
      <c r="J9" s="732">
        <v>41019</v>
      </c>
      <c r="K9" s="1081">
        <v>42314</v>
      </c>
    </row>
    <row r="10" spans="1:11" ht="13.5" customHeight="1">
      <c r="A10" s="734">
        <v>30</v>
      </c>
      <c r="B10" s="1080">
        <v>806300</v>
      </c>
      <c r="C10" s="735" t="s">
        <v>312</v>
      </c>
      <c r="D10" s="734">
        <v>29</v>
      </c>
      <c r="E10" s="736">
        <v>7129</v>
      </c>
      <c r="F10" s="733">
        <v>-85</v>
      </c>
      <c r="G10" s="737" t="s">
        <v>528</v>
      </c>
      <c r="H10" s="736">
        <v>85</v>
      </c>
      <c r="I10" s="736">
        <v>7214</v>
      </c>
      <c r="J10" s="736">
        <v>28591</v>
      </c>
      <c r="K10" s="733">
        <v>21377</v>
      </c>
    </row>
    <row r="11" spans="1:11" ht="13.5" customHeight="1">
      <c r="A11" s="723" t="s">
        <v>172</v>
      </c>
      <c r="B11" s="1080">
        <v>984389</v>
      </c>
      <c r="C11" s="735" t="s">
        <v>313</v>
      </c>
      <c r="D11" s="731" t="s">
        <v>172</v>
      </c>
      <c r="E11" s="736">
        <v>17775</v>
      </c>
      <c r="F11" s="733">
        <v>-310</v>
      </c>
      <c r="G11" s="737" t="s">
        <v>383</v>
      </c>
      <c r="H11" s="736">
        <v>310</v>
      </c>
      <c r="I11" s="736">
        <v>18085</v>
      </c>
      <c r="J11" s="736">
        <v>175714</v>
      </c>
      <c r="K11" s="733">
        <v>157629</v>
      </c>
    </row>
    <row r="12" spans="1:11" ht="13.5" customHeight="1">
      <c r="A12" s="738" t="s">
        <v>529</v>
      </c>
      <c r="B12" s="1080">
        <v>1129691</v>
      </c>
      <c r="C12" s="735" t="s">
        <v>314</v>
      </c>
      <c r="D12" s="731" t="s">
        <v>530</v>
      </c>
      <c r="E12" s="736">
        <v>882</v>
      </c>
      <c r="F12" s="733">
        <v>-532</v>
      </c>
      <c r="G12" s="737" t="s">
        <v>383</v>
      </c>
      <c r="H12" s="736">
        <v>532</v>
      </c>
      <c r="I12" s="736">
        <v>1414</v>
      </c>
      <c r="J12" s="736">
        <v>121542</v>
      </c>
      <c r="K12" s="733">
        <v>120128</v>
      </c>
    </row>
    <row r="13" spans="1:11" ht="13.5" customHeight="1">
      <c r="A13" s="723" t="s">
        <v>316</v>
      </c>
      <c r="B13" s="787">
        <v>1495249</v>
      </c>
      <c r="C13" s="739" t="s">
        <v>315</v>
      </c>
      <c r="D13" s="731"/>
      <c r="E13" s="740">
        <v>-1084</v>
      </c>
      <c r="F13" s="740">
        <v>-1654</v>
      </c>
      <c r="G13" s="741" t="s">
        <v>528</v>
      </c>
      <c r="H13" s="736">
        <v>1654</v>
      </c>
      <c r="I13" s="740">
        <v>570</v>
      </c>
      <c r="J13" s="740">
        <v>59214</v>
      </c>
      <c r="K13" s="1082">
        <v>58644</v>
      </c>
    </row>
    <row r="14" spans="1:11" ht="13.5" customHeight="1">
      <c r="A14" s="738" t="s">
        <v>531</v>
      </c>
      <c r="B14" s="789">
        <v>1186602</v>
      </c>
      <c r="C14" s="735" t="s">
        <v>317</v>
      </c>
      <c r="D14" s="742"/>
      <c r="E14" s="732">
        <v>-3290</v>
      </c>
      <c r="F14" s="733">
        <v>-3306</v>
      </c>
      <c r="G14" s="737" t="s">
        <v>528</v>
      </c>
      <c r="H14" s="732">
        <v>3306</v>
      </c>
      <c r="I14" s="732">
        <v>16</v>
      </c>
      <c r="J14" s="732">
        <v>30555</v>
      </c>
      <c r="K14" s="1081">
        <v>30539</v>
      </c>
    </row>
    <row r="15" spans="1:11" ht="13.5" customHeight="1">
      <c r="A15" s="723" t="s">
        <v>319</v>
      </c>
      <c r="B15" s="1080">
        <v>1113300</v>
      </c>
      <c r="C15" s="735" t="s">
        <v>318</v>
      </c>
      <c r="D15" s="742"/>
      <c r="E15" s="736">
        <v>-8971</v>
      </c>
      <c r="F15" s="733">
        <v>-8230</v>
      </c>
      <c r="G15" s="737" t="s">
        <v>383</v>
      </c>
      <c r="H15" s="736">
        <v>8230</v>
      </c>
      <c r="I15" s="736">
        <v>-741</v>
      </c>
      <c r="J15" s="736">
        <v>17891</v>
      </c>
      <c r="K15" s="733">
        <v>18632</v>
      </c>
    </row>
    <row r="16" spans="1:11" ht="13.5" customHeight="1">
      <c r="A16" s="723" t="s">
        <v>321</v>
      </c>
      <c r="B16" s="1080">
        <v>991863</v>
      </c>
      <c r="C16" s="735" t="s">
        <v>320</v>
      </c>
      <c r="D16" s="742"/>
      <c r="E16" s="736">
        <v>-17407</v>
      </c>
      <c r="F16" s="733">
        <v>-17679</v>
      </c>
      <c r="G16" s="737" t="s">
        <v>386</v>
      </c>
      <c r="H16" s="736">
        <v>17679</v>
      </c>
      <c r="I16" s="736">
        <v>272</v>
      </c>
      <c r="J16" s="736">
        <v>11053</v>
      </c>
      <c r="K16" s="733">
        <v>10781</v>
      </c>
    </row>
    <row r="17" spans="1:11" ht="13.5" customHeight="1">
      <c r="A17" s="723" t="s">
        <v>323</v>
      </c>
      <c r="B17" s="1080">
        <v>528188</v>
      </c>
      <c r="C17" s="735" t="s">
        <v>322</v>
      </c>
      <c r="D17" s="742"/>
      <c r="E17" s="736">
        <v>-27991</v>
      </c>
      <c r="F17" s="733">
        <v>-29001</v>
      </c>
      <c r="G17" s="737" t="s">
        <v>386</v>
      </c>
      <c r="H17" s="736">
        <v>29001</v>
      </c>
      <c r="I17" s="736">
        <v>1010</v>
      </c>
      <c r="J17" s="736">
        <v>8618</v>
      </c>
      <c r="K17" s="733">
        <v>7608</v>
      </c>
    </row>
    <row r="18" spans="1:11" ht="13.5" customHeight="1">
      <c r="A18" s="743"/>
      <c r="B18" s="1080">
        <v>108768</v>
      </c>
      <c r="C18" s="739" t="s">
        <v>324</v>
      </c>
      <c r="D18" s="744"/>
      <c r="E18" s="740">
        <v>-17792</v>
      </c>
      <c r="F18" s="736">
        <v>-18206</v>
      </c>
      <c r="G18" s="737" t="s">
        <v>386</v>
      </c>
      <c r="H18" s="740">
        <v>18206</v>
      </c>
      <c r="I18" s="740">
        <v>414</v>
      </c>
      <c r="J18" s="740">
        <v>2527</v>
      </c>
      <c r="K18" s="1082">
        <v>2113</v>
      </c>
    </row>
    <row r="19" spans="1:11" ht="13.5" customHeight="1">
      <c r="A19" s="718"/>
      <c r="B19" s="788">
        <v>4171</v>
      </c>
      <c r="C19" s="745" t="s">
        <v>532</v>
      </c>
      <c r="D19" s="744"/>
      <c r="E19" s="732">
        <v>-1747</v>
      </c>
      <c r="F19" s="746">
        <v>-1750</v>
      </c>
      <c r="G19" s="747" t="s">
        <v>386</v>
      </c>
      <c r="H19" s="746">
        <v>1750</v>
      </c>
      <c r="I19" s="732">
        <v>3</v>
      </c>
      <c r="J19" s="732">
        <v>69</v>
      </c>
      <c r="K19" s="1083">
        <v>66</v>
      </c>
    </row>
    <row r="20" spans="1:11" ht="13.5" customHeight="1">
      <c r="A20" s="748"/>
      <c r="B20" s="786">
        <v>82926</v>
      </c>
      <c r="C20" s="749" t="s">
        <v>154</v>
      </c>
      <c r="D20" s="748"/>
      <c r="E20" s="750" t="s">
        <v>188</v>
      </c>
      <c r="F20" s="750" t="s">
        <v>188</v>
      </c>
      <c r="G20" s="751" t="s">
        <v>188</v>
      </c>
      <c r="H20" s="752" t="s">
        <v>188</v>
      </c>
      <c r="I20" s="752" t="s">
        <v>188</v>
      </c>
      <c r="J20" s="751" t="s">
        <v>188</v>
      </c>
      <c r="K20" s="750" t="s">
        <v>188</v>
      </c>
    </row>
    <row r="21" spans="1:11" ht="13.5" customHeight="1">
      <c r="A21" s="718"/>
      <c r="B21" s="1430">
        <v>9147400</v>
      </c>
      <c r="C21" s="1433" t="s">
        <v>238</v>
      </c>
      <c r="D21" s="753"/>
      <c r="E21" s="1435">
        <v>19363</v>
      </c>
      <c r="F21" s="1435">
        <v>-5354</v>
      </c>
      <c r="G21" s="1435">
        <v>72795</v>
      </c>
      <c r="H21" s="1435">
        <v>78149</v>
      </c>
      <c r="I21" s="1435">
        <v>24717</v>
      </c>
      <c r="J21" s="1435">
        <v>486889</v>
      </c>
      <c r="K21" s="1437">
        <v>462172</v>
      </c>
    </row>
    <row r="22" spans="1:11" ht="12" customHeight="1">
      <c r="A22" s="723" t="s">
        <v>309</v>
      </c>
      <c r="B22" s="1431"/>
      <c r="C22" s="1434"/>
      <c r="D22" s="723" t="s">
        <v>309</v>
      </c>
      <c r="E22" s="1436"/>
      <c r="F22" s="1436"/>
      <c r="G22" s="1436"/>
      <c r="H22" s="1436"/>
      <c r="I22" s="1436"/>
      <c r="J22" s="1436"/>
      <c r="K22" s="1438"/>
    </row>
    <row r="23" spans="1:11" ht="13.5" customHeight="1">
      <c r="A23" s="723" t="s">
        <v>311</v>
      </c>
      <c r="B23" s="755">
        <v>739869</v>
      </c>
      <c r="C23" s="756" t="s">
        <v>533</v>
      </c>
      <c r="D23" s="723" t="s">
        <v>311</v>
      </c>
      <c r="E23" s="757">
        <v>71497</v>
      </c>
      <c r="F23" s="758">
        <v>72564</v>
      </c>
      <c r="G23" s="759">
        <v>72795</v>
      </c>
      <c r="H23" s="760">
        <v>231</v>
      </c>
      <c r="I23" s="760">
        <v>-1067</v>
      </c>
      <c r="J23" s="759">
        <v>42154</v>
      </c>
      <c r="K23" s="761">
        <v>43221</v>
      </c>
    </row>
    <row r="24" spans="1:11" ht="13.5" customHeight="1">
      <c r="A24" s="762">
        <v>29</v>
      </c>
      <c r="B24" s="755">
        <v>813401</v>
      </c>
      <c r="C24" s="763" t="s">
        <v>312</v>
      </c>
      <c r="D24" s="762">
        <v>28</v>
      </c>
      <c r="E24" s="764">
        <v>7234</v>
      </c>
      <c r="F24" s="758">
        <v>-138</v>
      </c>
      <c r="G24" s="737" t="s">
        <v>188</v>
      </c>
      <c r="H24" s="760">
        <v>138</v>
      </c>
      <c r="I24" s="760">
        <v>7372</v>
      </c>
      <c r="J24" s="737">
        <v>28337</v>
      </c>
      <c r="K24" s="761">
        <v>20965</v>
      </c>
    </row>
    <row r="25" spans="1:11" ht="13.5" customHeight="1">
      <c r="A25" s="723" t="s">
        <v>172</v>
      </c>
      <c r="B25" s="755">
        <v>975652</v>
      </c>
      <c r="C25" s="763" t="s">
        <v>313</v>
      </c>
      <c r="D25" s="723" t="s">
        <v>172</v>
      </c>
      <c r="E25" s="764">
        <v>17084</v>
      </c>
      <c r="F25" s="758">
        <v>-316</v>
      </c>
      <c r="G25" s="737" t="s">
        <v>188</v>
      </c>
      <c r="H25" s="760">
        <v>316</v>
      </c>
      <c r="I25" s="760">
        <v>17400</v>
      </c>
      <c r="J25" s="737">
        <v>167605</v>
      </c>
      <c r="K25" s="761">
        <v>150205</v>
      </c>
    </row>
    <row r="26" spans="1:11" ht="13.5" customHeight="1">
      <c r="A26" s="738" t="s">
        <v>529</v>
      </c>
      <c r="B26" s="755">
        <v>1161036</v>
      </c>
      <c r="C26" s="763" t="s">
        <v>314</v>
      </c>
      <c r="D26" s="723" t="s">
        <v>530</v>
      </c>
      <c r="E26" s="764">
        <v>-91</v>
      </c>
      <c r="F26" s="758">
        <v>-566</v>
      </c>
      <c r="G26" s="737" t="s">
        <v>188</v>
      </c>
      <c r="H26" s="760">
        <v>566</v>
      </c>
      <c r="I26" s="760">
        <v>475</v>
      </c>
      <c r="J26" s="737">
        <v>122286</v>
      </c>
      <c r="K26" s="761">
        <v>121811</v>
      </c>
    </row>
    <row r="27" spans="1:11" ht="13.5" customHeight="1">
      <c r="A27" s="723" t="s">
        <v>316</v>
      </c>
      <c r="B27" s="765">
        <v>1518177</v>
      </c>
      <c r="C27" s="766" t="s">
        <v>315</v>
      </c>
      <c r="D27" s="723"/>
      <c r="E27" s="767">
        <v>-1637</v>
      </c>
      <c r="F27" s="768">
        <v>-1717</v>
      </c>
      <c r="G27" s="737" t="s">
        <v>188</v>
      </c>
      <c r="H27" s="769">
        <v>1717</v>
      </c>
      <c r="I27" s="769">
        <v>80</v>
      </c>
      <c r="J27" s="737">
        <v>59487</v>
      </c>
      <c r="K27" s="770">
        <v>59407</v>
      </c>
    </row>
    <row r="28" spans="1:11" ht="13.5" customHeight="1">
      <c r="A28" s="738" t="s">
        <v>531</v>
      </c>
      <c r="B28" s="755">
        <v>1130015</v>
      </c>
      <c r="C28" s="763" t="s">
        <v>317</v>
      </c>
      <c r="D28" s="723"/>
      <c r="E28" s="764">
        <v>-3165</v>
      </c>
      <c r="F28" s="758">
        <v>-3282</v>
      </c>
      <c r="G28" s="759" t="s">
        <v>188</v>
      </c>
      <c r="H28" s="760">
        <v>3282</v>
      </c>
      <c r="I28" s="760">
        <v>117</v>
      </c>
      <c r="J28" s="759">
        <v>28562</v>
      </c>
      <c r="K28" s="761">
        <v>28445</v>
      </c>
    </row>
    <row r="29" spans="1:11" ht="13.5" customHeight="1">
      <c r="A29" s="723" t="s">
        <v>319</v>
      </c>
      <c r="B29" s="755">
        <v>1167643</v>
      </c>
      <c r="C29" s="763" t="s">
        <v>318</v>
      </c>
      <c r="D29" s="723"/>
      <c r="E29" s="764">
        <v>-9930</v>
      </c>
      <c r="F29" s="758">
        <v>-8698</v>
      </c>
      <c r="G29" s="737" t="s">
        <v>188</v>
      </c>
      <c r="H29" s="760">
        <v>8698</v>
      </c>
      <c r="I29" s="760">
        <v>-1232</v>
      </c>
      <c r="J29" s="737">
        <v>17814</v>
      </c>
      <c r="K29" s="761">
        <v>19046</v>
      </c>
    </row>
    <row r="30" spans="1:11" ht="13.5" customHeight="1">
      <c r="A30" s="723" t="s">
        <v>321</v>
      </c>
      <c r="B30" s="755">
        <v>951343</v>
      </c>
      <c r="C30" s="763" t="s">
        <v>320</v>
      </c>
      <c r="D30" s="771"/>
      <c r="E30" s="764">
        <v>-16755</v>
      </c>
      <c r="F30" s="758">
        <v>-16998</v>
      </c>
      <c r="G30" s="737" t="s">
        <v>188</v>
      </c>
      <c r="H30" s="760">
        <v>16998</v>
      </c>
      <c r="I30" s="760">
        <v>243</v>
      </c>
      <c r="J30" s="737">
        <v>10432</v>
      </c>
      <c r="K30" s="761">
        <v>10189</v>
      </c>
    </row>
    <row r="31" spans="1:11" ht="13.5" customHeight="1">
      <c r="A31" s="723" t="s">
        <v>323</v>
      </c>
      <c r="B31" s="755">
        <v>502167</v>
      </c>
      <c r="C31" s="763" t="s">
        <v>322</v>
      </c>
      <c r="D31" s="723"/>
      <c r="E31" s="764">
        <v>-26730</v>
      </c>
      <c r="F31" s="758">
        <v>-27703</v>
      </c>
      <c r="G31" s="737" t="s">
        <v>188</v>
      </c>
      <c r="H31" s="760">
        <v>27703</v>
      </c>
      <c r="I31" s="760">
        <v>973</v>
      </c>
      <c r="J31" s="737">
        <v>7923</v>
      </c>
      <c r="K31" s="761">
        <v>6950</v>
      </c>
    </row>
    <row r="32" spans="1:11" ht="13.5" customHeight="1">
      <c r="A32" s="718"/>
      <c r="B32" s="765">
        <v>101305</v>
      </c>
      <c r="C32" s="766" t="s">
        <v>324</v>
      </c>
      <c r="D32" s="771"/>
      <c r="E32" s="758">
        <v>-16543</v>
      </c>
      <c r="F32" s="758">
        <v>-16884</v>
      </c>
      <c r="G32" s="737" t="s">
        <v>188</v>
      </c>
      <c r="H32" s="769">
        <v>16884</v>
      </c>
      <c r="I32" s="760">
        <v>341</v>
      </c>
      <c r="J32" s="737">
        <v>2228</v>
      </c>
      <c r="K32" s="770">
        <v>1887</v>
      </c>
    </row>
    <row r="33" spans="1:11" ht="13.5" customHeight="1">
      <c r="A33" s="718"/>
      <c r="B33" s="765">
        <v>3866</v>
      </c>
      <c r="C33" s="772" t="s">
        <v>534</v>
      </c>
      <c r="D33" s="771"/>
      <c r="E33" s="773">
        <v>-1601</v>
      </c>
      <c r="F33" s="774">
        <v>-1616</v>
      </c>
      <c r="G33" s="759" t="s">
        <v>188</v>
      </c>
      <c r="H33" s="775">
        <v>1616</v>
      </c>
      <c r="I33" s="775">
        <v>15</v>
      </c>
      <c r="J33" s="759">
        <v>61</v>
      </c>
      <c r="K33" s="776">
        <v>46</v>
      </c>
    </row>
    <row r="34" spans="1:11" ht="13.5" customHeight="1">
      <c r="A34" s="743"/>
      <c r="B34" s="777">
        <v>82926</v>
      </c>
      <c r="C34" s="720" t="s">
        <v>154</v>
      </c>
      <c r="D34" s="771"/>
      <c r="E34" s="773" t="s">
        <v>188</v>
      </c>
      <c r="F34" s="773" t="s">
        <v>188</v>
      </c>
      <c r="G34" s="757" t="s">
        <v>188</v>
      </c>
      <c r="H34" s="778" t="s">
        <v>188</v>
      </c>
      <c r="I34" s="778" t="s">
        <v>188</v>
      </c>
      <c r="J34" s="757" t="s">
        <v>188</v>
      </c>
      <c r="K34" s="773" t="s">
        <v>188</v>
      </c>
    </row>
    <row r="35" spans="1:11" ht="13.5" customHeight="1">
      <c r="A35" s="779"/>
      <c r="B35" s="1439" t="s">
        <v>188</v>
      </c>
      <c r="C35" s="1433" t="s">
        <v>238</v>
      </c>
      <c r="D35" s="780"/>
      <c r="E35" s="1435" t="s">
        <v>188</v>
      </c>
      <c r="F35" s="1435" t="s">
        <v>188</v>
      </c>
      <c r="G35" s="1435" t="s">
        <v>188</v>
      </c>
      <c r="H35" s="1435" t="s">
        <v>188</v>
      </c>
      <c r="I35" s="1435" t="s">
        <v>188</v>
      </c>
      <c r="J35" s="1435" t="s">
        <v>188</v>
      </c>
      <c r="K35" s="1437" t="s">
        <v>188</v>
      </c>
    </row>
    <row r="36" spans="1:11" ht="12" customHeight="1">
      <c r="A36" s="723" t="s">
        <v>309</v>
      </c>
      <c r="B36" s="1440"/>
      <c r="C36" s="1434"/>
      <c r="D36" s="723" t="s">
        <v>309</v>
      </c>
      <c r="E36" s="1436"/>
      <c r="F36" s="1436"/>
      <c r="G36" s="1436"/>
      <c r="H36" s="1436"/>
      <c r="I36" s="1436"/>
      <c r="J36" s="1436"/>
      <c r="K36" s="1438"/>
    </row>
    <row r="37" spans="1:11" ht="13.5" customHeight="1">
      <c r="A37" s="723" t="s">
        <v>311</v>
      </c>
      <c r="B37" s="781" t="s">
        <v>188</v>
      </c>
      <c r="C37" s="756" t="s">
        <v>533</v>
      </c>
      <c r="D37" s="723" t="s">
        <v>311</v>
      </c>
      <c r="E37" s="757" t="s">
        <v>188</v>
      </c>
      <c r="F37" s="758" t="s">
        <v>188</v>
      </c>
      <c r="G37" s="759" t="s">
        <v>188</v>
      </c>
      <c r="H37" s="760" t="s">
        <v>188</v>
      </c>
      <c r="I37" s="760" t="s">
        <v>188</v>
      </c>
      <c r="J37" s="759" t="s">
        <v>188</v>
      </c>
      <c r="K37" s="761" t="s">
        <v>188</v>
      </c>
    </row>
    <row r="38" spans="1:11" ht="13.5" customHeight="1">
      <c r="A38" s="762">
        <v>28</v>
      </c>
      <c r="B38" s="781" t="s">
        <v>188</v>
      </c>
      <c r="C38" s="763" t="s">
        <v>312</v>
      </c>
      <c r="D38" s="762">
        <v>27</v>
      </c>
      <c r="E38" s="764" t="s">
        <v>188</v>
      </c>
      <c r="F38" s="758" t="s">
        <v>188</v>
      </c>
      <c r="G38" s="737" t="s">
        <v>188</v>
      </c>
      <c r="H38" s="760" t="s">
        <v>188</v>
      </c>
      <c r="I38" s="760" t="s">
        <v>188</v>
      </c>
      <c r="J38" s="737" t="s">
        <v>188</v>
      </c>
      <c r="K38" s="761" t="s">
        <v>188</v>
      </c>
    </row>
    <row r="39" spans="1:11" ht="13.5" customHeight="1">
      <c r="A39" s="723" t="s">
        <v>172</v>
      </c>
      <c r="B39" s="781" t="s">
        <v>188</v>
      </c>
      <c r="C39" s="763" t="s">
        <v>313</v>
      </c>
      <c r="D39" s="723" t="s">
        <v>172</v>
      </c>
      <c r="E39" s="764" t="s">
        <v>188</v>
      </c>
      <c r="F39" s="758" t="s">
        <v>188</v>
      </c>
      <c r="G39" s="737" t="s">
        <v>188</v>
      </c>
      <c r="H39" s="760" t="s">
        <v>188</v>
      </c>
      <c r="I39" s="760" t="s">
        <v>188</v>
      </c>
      <c r="J39" s="737" t="s">
        <v>188</v>
      </c>
      <c r="K39" s="761" t="s">
        <v>188</v>
      </c>
    </row>
    <row r="40" spans="1:11" ht="13.5" customHeight="1">
      <c r="A40" s="738" t="s">
        <v>529</v>
      </c>
      <c r="B40" s="781" t="s">
        <v>188</v>
      </c>
      <c r="C40" s="763" t="s">
        <v>314</v>
      </c>
      <c r="D40" s="723" t="s">
        <v>530</v>
      </c>
      <c r="E40" s="764" t="s">
        <v>188</v>
      </c>
      <c r="F40" s="758" t="s">
        <v>188</v>
      </c>
      <c r="G40" s="737" t="s">
        <v>188</v>
      </c>
      <c r="H40" s="760" t="s">
        <v>188</v>
      </c>
      <c r="I40" s="760" t="s">
        <v>188</v>
      </c>
      <c r="J40" s="737" t="s">
        <v>188</v>
      </c>
      <c r="K40" s="761" t="s">
        <v>188</v>
      </c>
    </row>
    <row r="41" spans="1:11" ht="13.5" customHeight="1">
      <c r="A41" s="723" t="s">
        <v>316</v>
      </c>
      <c r="B41" s="782" t="s">
        <v>188</v>
      </c>
      <c r="C41" s="766" t="s">
        <v>315</v>
      </c>
      <c r="D41" s="723"/>
      <c r="E41" s="767" t="s">
        <v>188</v>
      </c>
      <c r="F41" s="768" t="s">
        <v>188</v>
      </c>
      <c r="G41" s="737" t="s">
        <v>188</v>
      </c>
      <c r="H41" s="769" t="s">
        <v>188</v>
      </c>
      <c r="I41" s="769" t="s">
        <v>188</v>
      </c>
      <c r="J41" s="737" t="s">
        <v>188</v>
      </c>
      <c r="K41" s="770" t="s">
        <v>188</v>
      </c>
    </row>
    <row r="42" spans="1:11" ht="13.5" customHeight="1">
      <c r="A42" s="738" t="s">
        <v>531</v>
      </c>
      <c r="B42" s="781" t="s">
        <v>188</v>
      </c>
      <c r="C42" s="763" t="s">
        <v>317</v>
      </c>
      <c r="D42" s="723"/>
      <c r="E42" s="764" t="s">
        <v>188</v>
      </c>
      <c r="F42" s="758" t="s">
        <v>188</v>
      </c>
      <c r="G42" s="759" t="s">
        <v>188</v>
      </c>
      <c r="H42" s="760" t="s">
        <v>188</v>
      </c>
      <c r="I42" s="760" t="s">
        <v>188</v>
      </c>
      <c r="J42" s="759" t="s">
        <v>188</v>
      </c>
      <c r="K42" s="761" t="s">
        <v>188</v>
      </c>
    </row>
    <row r="43" spans="1:11" ht="13.5" customHeight="1">
      <c r="A43" s="723" t="s">
        <v>319</v>
      </c>
      <c r="B43" s="781" t="s">
        <v>188</v>
      </c>
      <c r="C43" s="763" t="s">
        <v>318</v>
      </c>
      <c r="D43" s="723"/>
      <c r="E43" s="764" t="s">
        <v>188</v>
      </c>
      <c r="F43" s="758" t="s">
        <v>188</v>
      </c>
      <c r="G43" s="737" t="s">
        <v>188</v>
      </c>
      <c r="H43" s="760" t="s">
        <v>188</v>
      </c>
      <c r="I43" s="760" t="s">
        <v>188</v>
      </c>
      <c r="J43" s="737" t="s">
        <v>188</v>
      </c>
      <c r="K43" s="761" t="s">
        <v>188</v>
      </c>
    </row>
    <row r="44" spans="1:11" ht="13.5" customHeight="1">
      <c r="A44" s="723" t="s">
        <v>321</v>
      </c>
      <c r="B44" s="781" t="s">
        <v>188</v>
      </c>
      <c r="C44" s="763" t="s">
        <v>320</v>
      </c>
      <c r="D44" s="771"/>
      <c r="E44" s="764" t="s">
        <v>188</v>
      </c>
      <c r="F44" s="758" t="s">
        <v>188</v>
      </c>
      <c r="G44" s="737" t="s">
        <v>188</v>
      </c>
      <c r="H44" s="760" t="s">
        <v>188</v>
      </c>
      <c r="I44" s="760" t="s">
        <v>188</v>
      </c>
      <c r="J44" s="737" t="s">
        <v>188</v>
      </c>
      <c r="K44" s="761" t="s">
        <v>188</v>
      </c>
    </row>
    <row r="45" spans="1:11" ht="13.5" customHeight="1">
      <c r="A45" s="723" t="s">
        <v>323</v>
      </c>
      <c r="B45" s="781" t="s">
        <v>188</v>
      </c>
      <c r="C45" s="763" t="s">
        <v>322</v>
      </c>
      <c r="D45" s="723"/>
      <c r="E45" s="764" t="s">
        <v>188</v>
      </c>
      <c r="F45" s="758" t="s">
        <v>188</v>
      </c>
      <c r="G45" s="737" t="s">
        <v>188</v>
      </c>
      <c r="H45" s="760" t="s">
        <v>188</v>
      </c>
      <c r="I45" s="760" t="s">
        <v>188</v>
      </c>
      <c r="J45" s="737" t="s">
        <v>188</v>
      </c>
      <c r="K45" s="761" t="s">
        <v>188</v>
      </c>
    </row>
    <row r="46" spans="1:11" ht="13.5" customHeight="1">
      <c r="A46" s="723"/>
      <c r="B46" s="782" t="s">
        <v>188</v>
      </c>
      <c r="C46" s="766" t="s">
        <v>324</v>
      </c>
      <c r="D46" s="771"/>
      <c r="E46" s="758" t="s">
        <v>188</v>
      </c>
      <c r="F46" s="758" t="s">
        <v>188</v>
      </c>
      <c r="G46" s="737" t="s">
        <v>188</v>
      </c>
      <c r="H46" s="769" t="s">
        <v>188</v>
      </c>
      <c r="I46" s="760" t="s">
        <v>188</v>
      </c>
      <c r="J46" s="737" t="s">
        <v>188</v>
      </c>
      <c r="K46" s="770" t="s">
        <v>188</v>
      </c>
    </row>
    <row r="47" spans="1:11" ht="13.5" customHeight="1">
      <c r="A47" s="723"/>
      <c r="B47" s="783" t="s">
        <v>188</v>
      </c>
      <c r="C47" s="772" t="s">
        <v>534</v>
      </c>
      <c r="D47" s="771"/>
      <c r="E47" s="773" t="s">
        <v>188</v>
      </c>
      <c r="F47" s="774" t="s">
        <v>188</v>
      </c>
      <c r="G47" s="759" t="s">
        <v>188</v>
      </c>
      <c r="H47" s="775" t="s">
        <v>188</v>
      </c>
      <c r="I47" s="775" t="s">
        <v>188</v>
      </c>
      <c r="J47" s="759" t="s">
        <v>188</v>
      </c>
      <c r="K47" s="776" t="s">
        <v>188</v>
      </c>
    </row>
    <row r="48" spans="1:11" ht="13.5" customHeight="1">
      <c r="A48" s="784"/>
      <c r="B48" s="785" t="s">
        <v>188</v>
      </c>
      <c r="C48" s="749" t="s">
        <v>154</v>
      </c>
      <c r="D48" s="784"/>
      <c r="E48" s="773" t="s">
        <v>188</v>
      </c>
      <c r="F48" s="773" t="s">
        <v>188</v>
      </c>
      <c r="G48" s="757" t="s">
        <v>188</v>
      </c>
      <c r="H48" s="778" t="s">
        <v>188</v>
      </c>
      <c r="I48" s="778" t="s">
        <v>188</v>
      </c>
      <c r="J48" s="757" t="s">
        <v>188</v>
      </c>
      <c r="K48" s="773" t="s">
        <v>188</v>
      </c>
    </row>
    <row r="49" spans="1:11" ht="13.5" customHeight="1">
      <c r="A49" s="718"/>
      <c r="B49" s="1443">
        <v>9100346</v>
      </c>
      <c r="C49" s="1433" t="s">
        <v>238</v>
      </c>
      <c r="D49" s="753"/>
      <c r="E49" s="1435">
        <v>16507</v>
      </c>
      <c r="F49" s="1435">
        <v>-286</v>
      </c>
      <c r="G49" s="1435">
        <v>74458</v>
      </c>
      <c r="H49" s="1435">
        <v>74744</v>
      </c>
      <c r="I49" s="1435">
        <v>16793</v>
      </c>
      <c r="J49" s="1435">
        <v>478909</v>
      </c>
      <c r="K49" s="1437">
        <v>462116</v>
      </c>
    </row>
    <row r="50" spans="1:11" ht="12" customHeight="1">
      <c r="A50" s="723" t="s">
        <v>309</v>
      </c>
      <c r="B50" s="1444"/>
      <c r="C50" s="1434"/>
      <c r="D50" s="723" t="s">
        <v>309</v>
      </c>
      <c r="E50" s="1436"/>
      <c r="F50" s="1436"/>
      <c r="G50" s="1436"/>
      <c r="H50" s="1436"/>
      <c r="I50" s="1436"/>
      <c r="J50" s="1436"/>
      <c r="K50" s="1438"/>
    </row>
    <row r="51" spans="1:11" ht="13.5" customHeight="1">
      <c r="A51" s="723" t="s">
        <v>311</v>
      </c>
      <c r="B51" s="786">
        <v>760333</v>
      </c>
      <c r="C51" s="756" t="s">
        <v>533</v>
      </c>
      <c r="D51" s="723" t="s">
        <v>311</v>
      </c>
      <c r="E51" s="757">
        <v>72970</v>
      </c>
      <c r="F51" s="758">
        <v>74229</v>
      </c>
      <c r="G51" s="759">
        <v>74458</v>
      </c>
      <c r="H51" s="760">
        <v>229</v>
      </c>
      <c r="I51" s="760">
        <v>-1259</v>
      </c>
      <c r="J51" s="759">
        <v>43106</v>
      </c>
      <c r="K51" s="761">
        <v>44365</v>
      </c>
    </row>
    <row r="52" spans="1:11" ht="13.5" customHeight="1">
      <c r="A52" s="762">
        <v>27</v>
      </c>
      <c r="B52" s="786">
        <v>813748</v>
      </c>
      <c r="C52" s="763" t="s">
        <v>312</v>
      </c>
      <c r="D52" s="762">
        <v>26</v>
      </c>
      <c r="E52" s="764">
        <v>6326</v>
      </c>
      <c r="F52" s="758">
        <v>-104</v>
      </c>
      <c r="G52" s="737" t="s">
        <v>188</v>
      </c>
      <c r="H52" s="760">
        <v>104</v>
      </c>
      <c r="I52" s="760">
        <v>6430</v>
      </c>
      <c r="J52" s="737">
        <v>27686</v>
      </c>
      <c r="K52" s="761">
        <v>21256</v>
      </c>
    </row>
    <row r="53" spans="1:11" ht="13.5" customHeight="1">
      <c r="A53" s="723" t="s">
        <v>172</v>
      </c>
      <c r="B53" s="786">
        <v>997917</v>
      </c>
      <c r="C53" s="763" t="s">
        <v>313</v>
      </c>
      <c r="D53" s="723" t="s">
        <v>172</v>
      </c>
      <c r="E53" s="764">
        <v>13333</v>
      </c>
      <c r="F53" s="758">
        <v>-343</v>
      </c>
      <c r="G53" s="737" t="s">
        <v>188</v>
      </c>
      <c r="H53" s="760">
        <v>343</v>
      </c>
      <c r="I53" s="760">
        <v>13676</v>
      </c>
      <c r="J53" s="737">
        <v>156908</v>
      </c>
      <c r="K53" s="761">
        <v>143232</v>
      </c>
    </row>
    <row r="54" spans="1:11" ht="13.5" customHeight="1">
      <c r="A54" s="738" t="s">
        <v>529</v>
      </c>
      <c r="B54" s="786">
        <v>1225105</v>
      </c>
      <c r="C54" s="763" t="s">
        <v>314</v>
      </c>
      <c r="D54" s="723" t="s">
        <v>530</v>
      </c>
      <c r="E54" s="764">
        <v>-1341</v>
      </c>
      <c r="F54" s="758">
        <v>-695</v>
      </c>
      <c r="G54" s="737" t="s">
        <v>188</v>
      </c>
      <c r="H54" s="760">
        <v>695</v>
      </c>
      <c r="I54" s="760">
        <v>-646</v>
      </c>
      <c r="J54" s="737">
        <v>125571</v>
      </c>
      <c r="K54" s="761">
        <v>126217</v>
      </c>
    </row>
    <row r="55" spans="1:11" ht="13.5" customHeight="1">
      <c r="A55" s="723" t="s">
        <v>316</v>
      </c>
      <c r="B55" s="787">
        <v>1491838</v>
      </c>
      <c r="C55" s="766" t="s">
        <v>315</v>
      </c>
      <c r="D55" s="723"/>
      <c r="E55" s="767">
        <v>-2362</v>
      </c>
      <c r="F55" s="768">
        <v>-1834</v>
      </c>
      <c r="G55" s="737" t="s">
        <v>188</v>
      </c>
      <c r="H55" s="769">
        <v>1834</v>
      </c>
      <c r="I55" s="769">
        <v>-528</v>
      </c>
      <c r="J55" s="737">
        <v>59489</v>
      </c>
      <c r="K55" s="770">
        <v>60017</v>
      </c>
    </row>
    <row r="56" spans="1:11" ht="13.5" customHeight="1">
      <c r="A56" s="738" t="s">
        <v>531</v>
      </c>
      <c r="B56" s="786">
        <v>1081962</v>
      </c>
      <c r="C56" s="763" t="s">
        <v>317</v>
      </c>
      <c r="D56" s="723"/>
      <c r="E56" s="764">
        <v>-4085</v>
      </c>
      <c r="F56" s="758">
        <v>-3234</v>
      </c>
      <c r="G56" s="759" t="s">
        <v>188</v>
      </c>
      <c r="H56" s="760">
        <v>3234</v>
      </c>
      <c r="I56" s="760">
        <v>-851</v>
      </c>
      <c r="J56" s="759">
        <v>27468</v>
      </c>
      <c r="K56" s="761">
        <v>28319</v>
      </c>
    </row>
    <row r="57" spans="1:11" ht="13.5" customHeight="1">
      <c r="A57" s="723" t="s">
        <v>319</v>
      </c>
      <c r="B57" s="786">
        <v>1177708</v>
      </c>
      <c r="C57" s="763" t="s">
        <v>318</v>
      </c>
      <c r="D57" s="723"/>
      <c r="E57" s="764">
        <v>-10397</v>
      </c>
      <c r="F57" s="758">
        <v>-8951</v>
      </c>
      <c r="G57" s="737" t="s">
        <v>188</v>
      </c>
      <c r="H57" s="760">
        <v>8951</v>
      </c>
      <c r="I57" s="760">
        <v>-1446</v>
      </c>
      <c r="J57" s="737">
        <v>18576</v>
      </c>
      <c r="K57" s="761">
        <v>20022</v>
      </c>
    </row>
    <row r="58" spans="1:11" ht="13.5" customHeight="1">
      <c r="A58" s="723" t="s">
        <v>321</v>
      </c>
      <c r="B58" s="786">
        <v>953436</v>
      </c>
      <c r="C58" s="763" t="s">
        <v>320</v>
      </c>
      <c r="D58" s="771"/>
      <c r="E58" s="764">
        <v>-17204</v>
      </c>
      <c r="F58" s="758">
        <v>-17485</v>
      </c>
      <c r="G58" s="737" t="s">
        <v>188</v>
      </c>
      <c r="H58" s="760">
        <v>17485</v>
      </c>
      <c r="I58" s="760">
        <v>281</v>
      </c>
      <c r="J58" s="737">
        <v>10698</v>
      </c>
      <c r="K58" s="761">
        <v>10417</v>
      </c>
    </row>
    <row r="59" spans="1:11" ht="13.5" customHeight="1">
      <c r="A59" s="723" t="s">
        <v>323</v>
      </c>
      <c r="B59" s="786">
        <v>452340</v>
      </c>
      <c r="C59" s="763" t="s">
        <v>322</v>
      </c>
      <c r="D59" s="723"/>
      <c r="E59" s="764">
        <v>-25166</v>
      </c>
      <c r="F59" s="758">
        <v>-25983</v>
      </c>
      <c r="G59" s="737" t="s">
        <v>188</v>
      </c>
      <c r="H59" s="760">
        <v>25983</v>
      </c>
      <c r="I59" s="760">
        <v>817</v>
      </c>
      <c r="J59" s="737">
        <v>7451</v>
      </c>
      <c r="K59" s="761">
        <v>6634</v>
      </c>
    </row>
    <row r="60" spans="1:11" ht="13.5" customHeight="1">
      <c r="A60" s="718"/>
      <c r="B60" s="787">
        <v>89685</v>
      </c>
      <c r="C60" s="766" t="s">
        <v>324</v>
      </c>
      <c r="D60" s="771"/>
      <c r="E60" s="758">
        <v>-14220</v>
      </c>
      <c r="F60" s="758">
        <v>-14541</v>
      </c>
      <c r="G60" s="737" t="s">
        <v>188</v>
      </c>
      <c r="H60" s="769">
        <v>14541</v>
      </c>
      <c r="I60" s="760">
        <v>321</v>
      </c>
      <c r="J60" s="737">
        <v>1899</v>
      </c>
      <c r="K60" s="770">
        <v>1578</v>
      </c>
    </row>
    <row r="61" spans="1:11" ht="13.5" customHeight="1">
      <c r="A61" s="718"/>
      <c r="B61" s="788">
        <v>4046</v>
      </c>
      <c r="C61" s="772" t="s">
        <v>534</v>
      </c>
      <c r="D61" s="771"/>
      <c r="E61" s="773">
        <v>-1347</v>
      </c>
      <c r="F61" s="774">
        <v>-1345</v>
      </c>
      <c r="G61" s="759" t="s">
        <v>188</v>
      </c>
      <c r="H61" s="775">
        <v>1345</v>
      </c>
      <c r="I61" s="775">
        <v>-2</v>
      </c>
      <c r="J61" s="759">
        <v>57</v>
      </c>
      <c r="K61" s="776">
        <v>59</v>
      </c>
    </row>
    <row r="62" spans="1:11" ht="13.5" customHeight="1">
      <c r="A62" s="743"/>
      <c r="B62" s="789">
        <v>52228</v>
      </c>
      <c r="C62" s="720" t="s">
        <v>154</v>
      </c>
      <c r="D62" s="771"/>
      <c r="E62" s="773" t="s">
        <v>188</v>
      </c>
      <c r="F62" s="773" t="s">
        <v>188</v>
      </c>
      <c r="G62" s="757" t="s">
        <v>188</v>
      </c>
      <c r="H62" s="778" t="s">
        <v>188</v>
      </c>
      <c r="I62" s="778" t="s">
        <v>188</v>
      </c>
      <c r="J62" s="757" t="s">
        <v>188</v>
      </c>
      <c r="K62" s="773" t="s">
        <v>188</v>
      </c>
    </row>
    <row r="63" spans="1:11" ht="13.5" customHeight="1">
      <c r="A63" s="779"/>
      <c r="B63" s="1443">
        <v>9083839</v>
      </c>
      <c r="C63" s="1433" t="s">
        <v>238</v>
      </c>
      <c r="D63" s="780"/>
      <c r="E63" s="1435">
        <v>11306</v>
      </c>
      <c r="F63" s="1435">
        <v>2111</v>
      </c>
      <c r="G63" s="1435">
        <v>75656</v>
      </c>
      <c r="H63" s="1435">
        <v>73545</v>
      </c>
      <c r="I63" s="1435">
        <v>9195</v>
      </c>
      <c r="J63" s="1435">
        <v>486505</v>
      </c>
      <c r="K63" s="1437">
        <v>477310</v>
      </c>
    </row>
    <row r="64" spans="1:11" ht="12" customHeight="1">
      <c r="A64" s="723" t="s">
        <v>309</v>
      </c>
      <c r="B64" s="1444"/>
      <c r="C64" s="1434"/>
      <c r="D64" s="723" t="s">
        <v>309</v>
      </c>
      <c r="E64" s="1436"/>
      <c r="F64" s="1436"/>
      <c r="G64" s="1436"/>
      <c r="H64" s="1436"/>
      <c r="I64" s="1436"/>
      <c r="J64" s="1436"/>
      <c r="K64" s="1438"/>
    </row>
    <row r="65" spans="1:11" ht="13.5" customHeight="1">
      <c r="A65" s="723" t="s">
        <v>311</v>
      </c>
      <c r="B65" s="786">
        <v>764463</v>
      </c>
      <c r="C65" s="756" t="s">
        <v>533</v>
      </c>
      <c r="D65" s="723" t="s">
        <v>311</v>
      </c>
      <c r="E65" s="757">
        <v>74041</v>
      </c>
      <c r="F65" s="758">
        <v>75417</v>
      </c>
      <c r="G65" s="759">
        <v>75656</v>
      </c>
      <c r="H65" s="760">
        <v>239</v>
      </c>
      <c r="I65" s="760">
        <v>-1376</v>
      </c>
      <c r="J65" s="759">
        <v>45274</v>
      </c>
      <c r="K65" s="761">
        <v>46650</v>
      </c>
    </row>
    <row r="66" spans="1:11" ht="13.5" customHeight="1">
      <c r="A66" s="762">
        <v>26</v>
      </c>
      <c r="B66" s="786">
        <v>818554</v>
      </c>
      <c r="C66" s="763" t="s">
        <v>312</v>
      </c>
      <c r="D66" s="762">
        <v>25</v>
      </c>
      <c r="E66" s="764">
        <v>5944</v>
      </c>
      <c r="F66" s="758">
        <v>-116</v>
      </c>
      <c r="G66" s="737" t="s">
        <v>188</v>
      </c>
      <c r="H66" s="760">
        <v>116</v>
      </c>
      <c r="I66" s="760">
        <v>6060</v>
      </c>
      <c r="J66" s="737">
        <v>28188</v>
      </c>
      <c r="K66" s="761">
        <v>22128</v>
      </c>
    </row>
    <row r="67" spans="1:11" ht="13.5" customHeight="1">
      <c r="A67" s="723" t="s">
        <v>172</v>
      </c>
      <c r="B67" s="786">
        <v>1006097</v>
      </c>
      <c r="C67" s="763" t="s">
        <v>313</v>
      </c>
      <c r="D67" s="723" t="s">
        <v>172</v>
      </c>
      <c r="E67" s="764">
        <v>10034</v>
      </c>
      <c r="F67" s="758">
        <v>-333</v>
      </c>
      <c r="G67" s="737" t="s">
        <v>188</v>
      </c>
      <c r="H67" s="760">
        <v>333</v>
      </c>
      <c r="I67" s="760">
        <v>10367</v>
      </c>
      <c r="J67" s="737">
        <v>156930</v>
      </c>
      <c r="K67" s="761">
        <v>146563</v>
      </c>
    </row>
    <row r="68" spans="1:11" ht="13.5" customHeight="1">
      <c r="A68" s="738" t="s">
        <v>529</v>
      </c>
      <c r="B68" s="786">
        <v>1270173</v>
      </c>
      <c r="C68" s="763" t="s">
        <v>314</v>
      </c>
      <c r="D68" s="723" t="s">
        <v>530</v>
      </c>
      <c r="E68" s="764">
        <v>-2669</v>
      </c>
      <c r="F68" s="758">
        <v>-711</v>
      </c>
      <c r="G68" s="737" t="s">
        <v>188</v>
      </c>
      <c r="H68" s="760">
        <v>711</v>
      </c>
      <c r="I68" s="760">
        <v>-1958</v>
      </c>
      <c r="J68" s="737">
        <v>129386</v>
      </c>
      <c r="K68" s="761">
        <v>131344</v>
      </c>
    </row>
    <row r="69" spans="1:11" ht="13.5" customHeight="1">
      <c r="A69" s="723" t="s">
        <v>316</v>
      </c>
      <c r="B69" s="787">
        <v>1470425</v>
      </c>
      <c r="C69" s="766" t="s">
        <v>315</v>
      </c>
      <c r="D69" s="723"/>
      <c r="E69" s="767">
        <v>-3340</v>
      </c>
      <c r="F69" s="768">
        <v>-1845</v>
      </c>
      <c r="G69" s="737" t="s">
        <v>188</v>
      </c>
      <c r="H69" s="769">
        <v>1845</v>
      </c>
      <c r="I69" s="769">
        <v>-1495</v>
      </c>
      <c r="J69" s="737">
        <v>59463</v>
      </c>
      <c r="K69" s="770">
        <v>60958</v>
      </c>
    </row>
    <row r="70" spans="1:11" ht="13.5" customHeight="1">
      <c r="A70" s="738" t="s">
        <v>531</v>
      </c>
      <c r="B70" s="786">
        <v>1056504</v>
      </c>
      <c r="C70" s="763" t="s">
        <v>317</v>
      </c>
      <c r="D70" s="723"/>
      <c r="E70" s="764">
        <v>-4843</v>
      </c>
      <c r="F70" s="758">
        <v>-3285</v>
      </c>
      <c r="G70" s="759" t="s">
        <v>188</v>
      </c>
      <c r="H70" s="760">
        <v>3285</v>
      </c>
      <c r="I70" s="760">
        <v>-1558</v>
      </c>
      <c r="J70" s="759">
        <v>27314</v>
      </c>
      <c r="K70" s="761">
        <v>28872</v>
      </c>
    </row>
    <row r="71" spans="1:11" ht="13.5" customHeight="1">
      <c r="A71" s="723" t="s">
        <v>319</v>
      </c>
      <c r="B71" s="786">
        <v>1199345</v>
      </c>
      <c r="C71" s="763" t="s">
        <v>318</v>
      </c>
      <c r="D71" s="723"/>
      <c r="E71" s="764">
        <v>-11147</v>
      </c>
      <c r="F71" s="758">
        <v>-9111</v>
      </c>
      <c r="G71" s="737" t="s">
        <v>188</v>
      </c>
      <c r="H71" s="760">
        <v>9111</v>
      </c>
      <c r="I71" s="760">
        <v>-2036</v>
      </c>
      <c r="J71" s="737">
        <v>19717</v>
      </c>
      <c r="K71" s="761">
        <v>21753</v>
      </c>
    </row>
    <row r="72" spans="1:11" ht="13.5" customHeight="1">
      <c r="A72" s="723" t="s">
        <v>321</v>
      </c>
      <c r="B72" s="786">
        <v>927433</v>
      </c>
      <c r="C72" s="763" t="s">
        <v>320</v>
      </c>
      <c r="D72" s="771"/>
      <c r="E72" s="764">
        <v>-16881</v>
      </c>
      <c r="F72" s="758">
        <v>-17082</v>
      </c>
      <c r="G72" s="737" t="s">
        <v>188</v>
      </c>
      <c r="H72" s="760">
        <v>17082</v>
      </c>
      <c r="I72" s="760">
        <v>201</v>
      </c>
      <c r="J72" s="737">
        <v>10846</v>
      </c>
      <c r="K72" s="761">
        <v>10645</v>
      </c>
    </row>
    <row r="73" spans="1:11" ht="13.5" customHeight="1">
      <c r="A73" s="723" t="s">
        <v>323</v>
      </c>
      <c r="B73" s="786">
        <v>430990</v>
      </c>
      <c r="C73" s="763" t="s">
        <v>322</v>
      </c>
      <c r="D73" s="723"/>
      <c r="E73" s="764">
        <v>-24460</v>
      </c>
      <c r="F73" s="758">
        <v>-25255</v>
      </c>
      <c r="G73" s="737" t="s">
        <v>188</v>
      </c>
      <c r="H73" s="760">
        <v>25255</v>
      </c>
      <c r="I73" s="760">
        <v>795</v>
      </c>
      <c r="J73" s="737">
        <v>7523</v>
      </c>
      <c r="K73" s="761">
        <v>6728</v>
      </c>
    </row>
    <row r="74" spans="1:11" ht="13.5" customHeight="1">
      <c r="A74" s="723"/>
      <c r="B74" s="787">
        <v>84139</v>
      </c>
      <c r="C74" s="766" t="s">
        <v>324</v>
      </c>
      <c r="D74" s="771"/>
      <c r="E74" s="758">
        <v>-14049</v>
      </c>
      <c r="F74" s="758">
        <v>-14242</v>
      </c>
      <c r="G74" s="737" t="s">
        <v>188</v>
      </c>
      <c r="H74" s="769">
        <v>14242</v>
      </c>
      <c r="I74" s="760">
        <v>193</v>
      </c>
      <c r="J74" s="737">
        <v>1808</v>
      </c>
      <c r="K74" s="770">
        <v>1615</v>
      </c>
    </row>
    <row r="75" spans="1:11" ht="13.5" customHeight="1">
      <c r="A75" s="723"/>
      <c r="B75" s="788">
        <v>3488</v>
      </c>
      <c r="C75" s="772" t="s">
        <v>534</v>
      </c>
      <c r="D75" s="771"/>
      <c r="E75" s="773">
        <v>-1324</v>
      </c>
      <c r="F75" s="774">
        <v>-1326</v>
      </c>
      <c r="G75" s="759" t="s">
        <v>188</v>
      </c>
      <c r="H75" s="775">
        <v>1326</v>
      </c>
      <c r="I75" s="775">
        <v>2</v>
      </c>
      <c r="J75" s="759">
        <v>56</v>
      </c>
      <c r="K75" s="776">
        <v>54</v>
      </c>
    </row>
    <row r="76" spans="1:11" ht="13.5" customHeight="1" thickBot="1">
      <c r="A76" s="790"/>
      <c r="B76" s="791">
        <v>52228</v>
      </c>
      <c r="C76" s="792" t="s">
        <v>154</v>
      </c>
      <c r="D76" s="790"/>
      <c r="E76" s="793" t="s">
        <v>188</v>
      </c>
      <c r="F76" s="793" t="s">
        <v>188</v>
      </c>
      <c r="G76" s="794" t="s">
        <v>188</v>
      </c>
      <c r="H76" s="795" t="s">
        <v>188</v>
      </c>
      <c r="I76" s="795" t="s">
        <v>188</v>
      </c>
      <c r="J76" s="794" t="s">
        <v>188</v>
      </c>
      <c r="K76" s="793" t="s">
        <v>188</v>
      </c>
    </row>
    <row r="77" spans="1:11" ht="12.75" thickTop="1">
      <c r="A77" s="796" t="s">
        <v>535</v>
      </c>
      <c r="B77" s="690" t="s">
        <v>536</v>
      </c>
      <c r="C77" s="690"/>
      <c r="D77" s="797"/>
      <c r="E77" s="690"/>
      <c r="F77" s="690"/>
      <c r="G77" s="690"/>
      <c r="H77" s="690"/>
      <c r="I77" s="690"/>
      <c r="J77" s="690"/>
      <c r="K77" s="690"/>
    </row>
    <row r="78" spans="1:11" ht="12">
      <c r="A78" s="690"/>
      <c r="B78" s="690" t="s">
        <v>537</v>
      </c>
      <c r="C78" s="690"/>
      <c r="D78" s="690"/>
      <c r="E78" s="690"/>
      <c r="F78" s="690"/>
      <c r="G78" s="690"/>
      <c r="H78" s="690"/>
      <c r="I78" s="690"/>
      <c r="J78" s="690"/>
      <c r="K78" s="690"/>
    </row>
    <row r="79" spans="1:11" ht="12">
      <c r="A79" s="690"/>
      <c r="B79" s="1441" t="s">
        <v>538</v>
      </c>
      <c r="C79" s="1442"/>
      <c r="D79" s="1442"/>
      <c r="E79" s="1442"/>
      <c r="F79" s="1442"/>
      <c r="G79" s="1442"/>
      <c r="H79" s="1442"/>
      <c r="I79" s="1442"/>
      <c r="J79" s="1442"/>
      <c r="K79" s="690"/>
    </row>
    <row r="80" spans="1:11" ht="12" customHeight="1">
      <c r="B80" s="1442"/>
      <c r="C80" s="1442"/>
      <c r="D80" s="1442"/>
      <c r="E80" s="1442"/>
      <c r="F80" s="1442"/>
      <c r="G80" s="1442"/>
      <c r="H80" s="1442"/>
      <c r="I80" s="1442"/>
      <c r="J80" s="1442"/>
    </row>
  </sheetData>
  <mergeCells count="38">
    <mergeCell ref="B79:J80"/>
    <mergeCell ref="K49:K50"/>
    <mergeCell ref="B63:B64"/>
    <mergeCell ref="C63:C64"/>
    <mergeCell ref="E63:E64"/>
    <mergeCell ref="F63:F64"/>
    <mergeCell ref="G63:G64"/>
    <mergeCell ref="H63:H64"/>
    <mergeCell ref="I63:I64"/>
    <mergeCell ref="J63:J64"/>
    <mergeCell ref="K63:K64"/>
    <mergeCell ref="B49:B50"/>
    <mergeCell ref="C49:C50"/>
    <mergeCell ref="E49:E50"/>
    <mergeCell ref="B35:B36"/>
    <mergeCell ref="C35:C36"/>
    <mergeCell ref="E35:E36"/>
    <mergeCell ref="F35:F36"/>
    <mergeCell ref="G35:G36"/>
    <mergeCell ref="G21:G22"/>
    <mergeCell ref="F49:F50"/>
    <mergeCell ref="G49:G50"/>
    <mergeCell ref="H49:H50"/>
    <mergeCell ref="K21:K22"/>
    <mergeCell ref="H35:H36"/>
    <mergeCell ref="I35:I36"/>
    <mergeCell ref="H21:H22"/>
    <mergeCell ref="J35:J36"/>
    <mergeCell ref="K35:K36"/>
    <mergeCell ref="I21:I22"/>
    <mergeCell ref="J21:J22"/>
    <mergeCell ref="I49:I50"/>
    <mergeCell ref="J49:J50"/>
    <mergeCell ref="B21:B22"/>
    <mergeCell ref="C3:C4"/>
    <mergeCell ref="C21:C22"/>
    <mergeCell ref="E21:E22"/>
    <mergeCell ref="F21:F22"/>
  </mergeCells>
  <phoneticPr fontId="3"/>
  <printOptions gridLinesSet="0"/>
  <pageMargins left="1.0236220472440944" right="0.6692913385826772" top="0.59055118110236227" bottom="0.59055118110236227" header="0" footer="0.19685039370078741"/>
  <pageSetup paperSize="9" scale="75" firstPageNumber="23" orientation="portrait" blackAndWhite="1" useFirstPageNumber="1" horizontalDpi="300" verticalDpi="300" r:id="rId1"/>
  <headerFooter>
    <oddFooter>&amp;C&amp;"ＭＳ ゴシック,太字"&amp;12-&amp;P--</oddFooter>
  </headerFooter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77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9" width="9.75" style="132" customWidth="1"/>
    <col min="10" max="12" width="9.6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1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1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1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1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1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1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1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1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1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1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1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1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1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1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1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1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1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1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1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1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1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1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1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1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1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1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1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1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1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1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1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1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1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1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1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1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1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1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1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1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1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1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1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1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1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1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1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1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1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1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1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1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1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1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1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1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1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1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1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1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1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1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1" style="132" bestFit="1" customWidth="1"/>
    <col min="16154" max="16384" width="9" style="132"/>
  </cols>
  <sheetData>
    <row r="1" spans="1:25" ht="21" customHeight="1" thickBot="1">
      <c r="A1" s="1067" t="s">
        <v>539</v>
      </c>
      <c r="B1" s="284"/>
      <c r="C1" s="358"/>
      <c r="D1" s="358"/>
      <c r="E1" s="358"/>
      <c r="F1" s="358"/>
      <c r="R1" s="358"/>
      <c r="S1" s="358" t="s">
        <v>539</v>
      </c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02"/>
      <c r="D3" s="800" t="s">
        <v>541</v>
      </c>
      <c r="E3" s="801"/>
      <c r="F3" s="803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 t="s">
        <v>545</v>
      </c>
      <c r="C5" s="1445"/>
      <c r="D5" s="813"/>
      <c r="E5" s="814" t="s">
        <v>546</v>
      </c>
      <c r="F5" s="813"/>
      <c r="G5" s="815" t="s">
        <v>547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24" t="s">
        <v>236</v>
      </c>
      <c r="C7" s="825"/>
      <c r="D7" s="166" t="s">
        <v>236</v>
      </c>
      <c r="E7" s="180" t="s">
        <v>236</v>
      </c>
      <c r="F7" s="16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9163279</v>
      </c>
      <c r="C8" s="884" t="s">
        <v>238</v>
      </c>
      <c r="D8" s="886">
        <v>15879</v>
      </c>
      <c r="E8" s="886">
        <v>4520</v>
      </c>
      <c r="F8" s="886">
        <v>11359</v>
      </c>
      <c r="G8" s="886">
        <v>-11083</v>
      </c>
      <c r="H8" s="886">
        <v>-7985</v>
      </c>
      <c r="I8" s="886">
        <v>-3098</v>
      </c>
      <c r="J8" s="886">
        <v>69902</v>
      </c>
      <c r="K8" s="886">
        <v>35681</v>
      </c>
      <c r="L8" s="886">
        <v>34221</v>
      </c>
      <c r="M8" s="886"/>
      <c r="N8" s="888">
        <v>80985</v>
      </c>
      <c r="O8" s="886">
        <v>43666</v>
      </c>
      <c r="P8" s="886">
        <v>37319</v>
      </c>
      <c r="Q8" s="886">
        <v>26962</v>
      </c>
      <c r="R8" s="886">
        <v>12505</v>
      </c>
      <c r="S8" s="886">
        <v>14457</v>
      </c>
      <c r="T8" s="886">
        <v>496793</v>
      </c>
      <c r="U8" s="886">
        <v>265660</v>
      </c>
      <c r="V8" s="886">
        <v>231133</v>
      </c>
      <c r="W8" s="886">
        <v>469831</v>
      </c>
      <c r="X8" s="886">
        <v>253155</v>
      </c>
      <c r="Y8" s="886">
        <v>216676</v>
      </c>
    </row>
    <row r="9" spans="1:25" ht="16.5" customHeight="1">
      <c r="A9" s="178"/>
      <c r="B9" s="893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356698</v>
      </c>
      <c r="C10" s="1085" t="s">
        <v>490</v>
      </c>
      <c r="D10" s="1224">
        <v>68894</v>
      </c>
      <c r="E10" s="1201">
        <v>35109</v>
      </c>
      <c r="F10" s="1224">
        <v>33785</v>
      </c>
      <c r="G10" s="1224">
        <v>69695</v>
      </c>
      <c r="H10" s="1224">
        <v>35572</v>
      </c>
      <c r="I10" s="1201">
        <v>34123</v>
      </c>
      <c r="J10" s="1224">
        <v>69902</v>
      </c>
      <c r="K10" s="1224">
        <v>35681</v>
      </c>
      <c r="L10" s="1201">
        <v>34221</v>
      </c>
      <c r="M10" s="1203"/>
      <c r="N10" s="1225">
        <v>207</v>
      </c>
      <c r="O10" s="1224">
        <v>109</v>
      </c>
      <c r="P10" s="1201">
        <v>98</v>
      </c>
      <c r="Q10" s="1224">
        <v>-801</v>
      </c>
      <c r="R10" s="1224">
        <v>-463</v>
      </c>
      <c r="S10" s="1201">
        <v>-338</v>
      </c>
      <c r="T10" s="1224">
        <v>27516</v>
      </c>
      <c r="U10" s="1224">
        <v>14043</v>
      </c>
      <c r="V10" s="1201">
        <v>13473</v>
      </c>
      <c r="W10" s="1224">
        <v>28317</v>
      </c>
      <c r="X10" s="1224">
        <v>14506</v>
      </c>
      <c r="Y10" s="1226">
        <v>13811</v>
      </c>
    </row>
    <row r="11" spans="1:25" ht="16.5" customHeight="1">
      <c r="A11" s="178"/>
      <c r="B11" s="1084">
        <v>375134</v>
      </c>
      <c r="C11" s="1085" t="s">
        <v>491</v>
      </c>
      <c r="D11" s="1202">
        <v>-519</v>
      </c>
      <c r="E11" s="1201">
        <v>-254</v>
      </c>
      <c r="F11" s="1202">
        <v>-265</v>
      </c>
      <c r="G11" s="1202">
        <v>-25</v>
      </c>
      <c r="H11" s="1202">
        <v>-17</v>
      </c>
      <c r="I11" s="1201">
        <v>-8</v>
      </c>
      <c r="J11" s="1205" t="s">
        <v>188</v>
      </c>
      <c r="K11" s="1206" t="s">
        <v>188</v>
      </c>
      <c r="L11" s="1205" t="s">
        <v>188</v>
      </c>
      <c r="M11" s="1205"/>
      <c r="N11" s="1204">
        <v>25</v>
      </c>
      <c r="O11" s="1202">
        <v>17</v>
      </c>
      <c r="P11" s="1201">
        <v>8</v>
      </c>
      <c r="Q11" s="1202">
        <v>-494</v>
      </c>
      <c r="R11" s="1202">
        <v>-237</v>
      </c>
      <c r="S11" s="1201">
        <v>-257</v>
      </c>
      <c r="T11" s="1202">
        <v>13503</v>
      </c>
      <c r="U11" s="1202">
        <v>6874</v>
      </c>
      <c r="V11" s="1201">
        <v>6629</v>
      </c>
      <c r="W11" s="1202">
        <v>13997</v>
      </c>
      <c r="X11" s="1202">
        <v>7111</v>
      </c>
      <c r="Y11" s="1203">
        <v>6886</v>
      </c>
    </row>
    <row r="12" spans="1:25" ht="16.5" customHeight="1">
      <c r="A12" s="178"/>
      <c r="B12" s="1084">
        <v>385207</v>
      </c>
      <c r="C12" s="1085" t="s">
        <v>492</v>
      </c>
      <c r="D12" s="1202">
        <v>550</v>
      </c>
      <c r="E12" s="1201">
        <v>267</v>
      </c>
      <c r="F12" s="1202">
        <v>283</v>
      </c>
      <c r="G12" s="1202">
        <v>-27</v>
      </c>
      <c r="H12" s="1202">
        <v>-16</v>
      </c>
      <c r="I12" s="1201">
        <v>-11</v>
      </c>
      <c r="J12" s="1205" t="s">
        <v>188</v>
      </c>
      <c r="K12" s="1206" t="s">
        <v>188</v>
      </c>
      <c r="L12" s="1205" t="s">
        <v>188</v>
      </c>
      <c r="M12" s="1205"/>
      <c r="N12" s="1204">
        <v>27</v>
      </c>
      <c r="O12" s="1202">
        <v>16</v>
      </c>
      <c r="P12" s="1201">
        <v>11</v>
      </c>
      <c r="Q12" s="1202">
        <v>577</v>
      </c>
      <c r="R12" s="1202">
        <v>283</v>
      </c>
      <c r="S12" s="1201">
        <v>294</v>
      </c>
      <c r="T12" s="1202">
        <v>7822</v>
      </c>
      <c r="U12" s="1202">
        <v>3920</v>
      </c>
      <c r="V12" s="1201">
        <v>3902</v>
      </c>
      <c r="W12" s="1202">
        <v>7245</v>
      </c>
      <c r="X12" s="1202">
        <v>3637</v>
      </c>
      <c r="Y12" s="1203">
        <v>3608</v>
      </c>
    </row>
    <row r="13" spans="1:25" ht="16.5" customHeight="1">
      <c r="A13" s="178"/>
      <c r="B13" s="1084">
        <v>421093</v>
      </c>
      <c r="C13" s="1085" t="s">
        <v>558</v>
      </c>
      <c r="D13" s="1202">
        <v>6579</v>
      </c>
      <c r="E13" s="1201">
        <v>3800</v>
      </c>
      <c r="F13" s="1202">
        <v>2779</v>
      </c>
      <c r="G13" s="1202">
        <v>-58</v>
      </c>
      <c r="H13" s="1202">
        <v>-41</v>
      </c>
      <c r="I13" s="1201">
        <v>-17</v>
      </c>
      <c r="J13" s="1205" t="s">
        <v>188</v>
      </c>
      <c r="K13" s="1206" t="s">
        <v>188</v>
      </c>
      <c r="L13" s="1205" t="s">
        <v>188</v>
      </c>
      <c r="M13" s="1205"/>
      <c r="N13" s="1204">
        <v>58</v>
      </c>
      <c r="O13" s="1202">
        <v>41</v>
      </c>
      <c r="P13" s="1201">
        <v>17</v>
      </c>
      <c r="Q13" s="1202">
        <v>6637</v>
      </c>
      <c r="R13" s="1202">
        <v>3841</v>
      </c>
      <c r="S13" s="1201">
        <v>2796</v>
      </c>
      <c r="T13" s="1202">
        <v>20769</v>
      </c>
      <c r="U13" s="1202">
        <v>11729</v>
      </c>
      <c r="V13" s="1201">
        <v>9040</v>
      </c>
      <c r="W13" s="1202">
        <v>14132</v>
      </c>
      <c r="X13" s="1202">
        <v>7888</v>
      </c>
      <c r="Y13" s="1203">
        <v>6244</v>
      </c>
    </row>
    <row r="14" spans="1:25" ht="16.5" customHeight="1">
      <c r="A14" s="178"/>
      <c r="B14" s="1084">
        <v>504286</v>
      </c>
      <c r="C14" s="1088" t="s">
        <v>494</v>
      </c>
      <c r="D14" s="1202">
        <v>13899</v>
      </c>
      <c r="E14" s="1201">
        <v>6349</v>
      </c>
      <c r="F14" s="1202">
        <v>7550</v>
      </c>
      <c r="G14" s="1202">
        <v>-144</v>
      </c>
      <c r="H14" s="1202">
        <v>-99</v>
      </c>
      <c r="I14" s="1201">
        <v>-45</v>
      </c>
      <c r="J14" s="1211" t="s">
        <v>188</v>
      </c>
      <c r="K14" s="1212" t="s">
        <v>188</v>
      </c>
      <c r="L14" s="1211" t="s">
        <v>188</v>
      </c>
      <c r="M14" s="1205"/>
      <c r="N14" s="1204">
        <v>144</v>
      </c>
      <c r="O14" s="1202">
        <v>99</v>
      </c>
      <c r="P14" s="1201">
        <v>45</v>
      </c>
      <c r="Q14" s="1202">
        <v>14043</v>
      </c>
      <c r="R14" s="1202">
        <v>6448</v>
      </c>
      <c r="S14" s="1201">
        <v>7595</v>
      </c>
      <c r="T14" s="1202">
        <v>78301</v>
      </c>
      <c r="U14" s="1202">
        <v>40935</v>
      </c>
      <c r="V14" s="1201">
        <v>37366</v>
      </c>
      <c r="W14" s="1202">
        <v>64258</v>
      </c>
      <c r="X14" s="1202">
        <v>34487</v>
      </c>
      <c r="Y14" s="1203">
        <v>29771</v>
      </c>
    </row>
    <row r="15" spans="1:25" ht="16.5" customHeight="1">
      <c r="A15" s="178"/>
      <c r="B15" s="1086">
        <v>480103</v>
      </c>
      <c r="C15" s="1085" t="s">
        <v>495</v>
      </c>
      <c r="D15" s="1224">
        <v>3876</v>
      </c>
      <c r="E15" s="1227">
        <v>2366</v>
      </c>
      <c r="F15" s="1224">
        <v>1510</v>
      </c>
      <c r="G15" s="1224">
        <v>-166</v>
      </c>
      <c r="H15" s="1224">
        <v>-100</v>
      </c>
      <c r="I15" s="1225">
        <v>-66</v>
      </c>
      <c r="J15" s="1205" t="s">
        <v>188</v>
      </c>
      <c r="K15" s="1206" t="s">
        <v>188</v>
      </c>
      <c r="L15" s="1205" t="s">
        <v>188</v>
      </c>
      <c r="M15" s="1205"/>
      <c r="N15" s="1225">
        <v>166</v>
      </c>
      <c r="O15" s="1224">
        <v>100</v>
      </c>
      <c r="P15" s="1225">
        <v>66</v>
      </c>
      <c r="Q15" s="1224">
        <v>4042</v>
      </c>
      <c r="R15" s="1224">
        <v>2466</v>
      </c>
      <c r="S15" s="1225">
        <v>1576</v>
      </c>
      <c r="T15" s="1224">
        <v>97413</v>
      </c>
      <c r="U15" s="1224">
        <v>51577</v>
      </c>
      <c r="V15" s="1225">
        <v>45836</v>
      </c>
      <c r="W15" s="1224">
        <v>93371</v>
      </c>
      <c r="X15" s="1224">
        <v>49111</v>
      </c>
      <c r="Y15" s="1226">
        <v>44260</v>
      </c>
    </row>
    <row r="16" spans="1:25" ht="16.5" customHeight="1">
      <c r="A16" s="178"/>
      <c r="B16" s="1087">
        <v>532740</v>
      </c>
      <c r="C16" s="1085" t="s">
        <v>496</v>
      </c>
      <c r="D16" s="1202">
        <v>920</v>
      </c>
      <c r="E16" s="1201">
        <v>215</v>
      </c>
      <c r="F16" s="1202">
        <v>705</v>
      </c>
      <c r="G16" s="1202">
        <v>-207</v>
      </c>
      <c r="H16" s="1202">
        <v>-133</v>
      </c>
      <c r="I16" s="1204">
        <v>-74</v>
      </c>
      <c r="J16" s="1205" t="s">
        <v>188</v>
      </c>
      <c r="K16" s="1206" t="s">
        <v>188</v>
      </c>
      <c r="L16" s="1205" t="s">
        <v>188</v>
      </c>
      <c r="M16" s="1205"/>
      <c r="N16" s="1204">
        <v>207</v>
      </c>
      <c r="O16" s="1202">
        <v>133</v>
      </c>
      <c r="P16" s="1204">
        <v>74</v>
      </c>
      <c r="Q16" s="1202">
        <v>1127</v>
      </c>
      <c r="R16" s="1202">
        <v>348</v>
      </c>
      <c r="S16" s="1204">
        <v>779</v>
      </c>
      <c r="T16" s="1202">
        <v>73625</v>
      </c>
      <c r="U16" s="1202">
        <v>39418</v>
      </c>
      <c r="V16" s="1204">
        <v>34207</v>
      </c>
      <c r="W16" s="1202">
        <v>72498</v>
      </c>
      <c r="X16" s="1202">
        <v>39070</v>
      </c>
      <c r="Y16" s="1203">
        <v>33428</v>
      </c>
    </row>
    <row r="17" spans="1:25" ht="16.5" customHeight="1">
      <c r="A17" s="808" t="s">
        <v>559</v>
      </c>
      <c r="B17" s="1087">
        <v>596951</v>
      </c>
      <c r="C17" s="1085" t="s">
        <v>497</v>
      </c>
      <c r="D17" s="1202">
        <v>-38</v>
      </c>
      <c r="E17" s="1201">
        <v>-97</v>
      </c>
      <c r="F17" s="1202">
        <v>59</v>
      </c>
      <c r="G17" s="1202">
        <v>-325</v>
      </c>
      <c r="H17" s="1202">
        <v>-205</v>
      </c>
      <c r="I17" s="1204">
        <v>-120</v>
      </c>
      <c r="J17" s="1205" t="s">
        <v>188</v>
      </c>
      <c r="K17" s="1206" t="s">
        <v>188</v>
      </c>
      <c r="L17" s="1205" t="s">
        <v>188</v>
      </c>
      <c r="M17" s="1205"/>
      <c r="N17" s="1204">
        <v>325</v>
      </c>
      <c r="O17" s="1202">
        <v>205</v>
      </c>
      <c r="P17" s="1204">
        <v>120</v>
      </c>
      <c r="Q17" s="1202">
        <v>287</v>
      </c>
      <c r="R17" s="1202">
        <v>108</v>
      </c>
      <c r="S17" s="1204">
        <v>179</v>
      </c>
      <c r="T17" s="1202">
        <v>47917</v>
      </c>
      <c r="U17" s="1202">
        <v>26638</v>
      </c>
      <c r="V17" s="1204">
        <v>21279</v>
      </c>
      <c r="W17" s="1202">
        <v>47630</v>
      </c>
      <c r="X17" s="1202">
        <v>26530</v>
      </c>
      <c r="Y17" s="1203">
        <v>21100</v>
      </c>
    </row>
    <row r="18" spans="1:25" ht="16.5" customHeight="1">
      <c r="A18" s="809"/>
      <c r="B18" s="1087">
        <v>723364</v>
      </c>
      <c r="C18" s="1085" t="s">
        <v>498</v>
      </c>
      <c r="D18" s="1202">
        <v>-445</v>
      </c>
      <c r="E18" s="1201">
        <v>-547</v>
      </c>
      <c r="F18" s="1202">
        <v>102</v>
      </c>
      <c r="G18" s="1202">
        <v>-599</v>
      </c>
      <c r="H18" s="1202">
        <v>-383</v>
      </c>
      <c r="I18" s="1204">
        <v>-216</v>
      </c>
      <c r="J18" s="1205" t="s">
        <v>188</v>
      </c>
      <c r="K18" s="1206" t="s">
        <v>188</v>
      </c>
      <c r="L18" s="1205" t="s">
        <v>188</v>
      </c>
      <c r="M18" s="1205"/>
      <c r="N18" s="1204">
        <v>599</v>
      </c>
      <c r="O18" s="1202">
        <v>383</v>
      </c>
      <c r="P18" s="1204">
        <v>216</v>
      </c>
      <c r="Q18" s="1202">
        <v>154</v>
      </c>
      <c r="R18" s="1202">
        <v>-164</v>
      </c>
      <c r="S18" s="1204">
        <v>318</v>
      </c>
      <c r="T18" s="1202">
        <v>33647</v>
      </c>
      <c r="U18" s="1202">
        <v>19037</v>
      </c>
      <c r="V18" s="1204">
        <v>14610</v>
      </c>
      <c r="W18" s="1202">
        <v>33493</v>
      </c>
      <c r="X18" s="1202">
        <v>19201</v>
      </c>
      <c r="Y18" s="1203">
        <v>14292</v>
      </c>
    </row>
    <row r="19" spans="1:25" ht="16.5" customHeight="1">
      <c r="A19" s="809"/>
      <c r="B19" s="1089">
        <v>771885</v>
      </c>
      <c r="C19" s="1088" t="s">
        <v>499</v>
      </c>
      <c r="D19" s="1209">
        <v>-639</v>
      </c>
      <c r="E19" s="1208">
        <v>-642</v>
      </c>
      <c r="F19" s="1209">
        <v>3</v>
      </c>
      <c r="G19" s="1209">
        <v>-1055</v>
      </c>
      <c r="H19" s="1209">
        <v>-676</v>
      </c>
      <c r="I19" s="1214">
        <v>-379</v>
      </c>
      <c r="J19" s="1211" t="s">
        <v>188</v>
      </c>
      <c r="K19" s="1212" t="s">
        <v>188</v>
      </c>
      <c r="L19" s="1211" t="s">
        <v>188</v>
      </c>
      <c r="M19" s="1211"/>
      <c r="N19" s="1214">
        <v>1055</v>
      </c>
      <c r="O19" s="1209">
        <v>676</v>
      </c>
      <c r="P19" s="1214">
        <v>379</v>
      </c>
      <c r="Q19" s="1209">
        <v>416</v>
      </c>
      <c r="R19" s="1209">
        <v>34</v>
      </c>
      <c r="S19" s="1214">
        <v>382</v>
      </c>
      <c r="T19" s="1209">
        <v>25567</v>
      </c>
      <c r="U19" s="1209">
        <v>14841</v>
      </c>
      <c r="V19" s="1214">
        <v>10726</v>
      </c>
      <c r="W19" s="1209">
        <v>25151</v>
      </c>
      <c r="X19" s="1209">
        <v>14807</v>
      </c>
      <c r="Y19" s="1210">
        <v>10344</v>
      </c>
    </row>
    <row r="20" spans="1:25" ht="16.5" customHeight="1">
      <c r="A20" s="809"/>
      <c r="B20" s="1084">
        <v>653677</v>
      </c>
      <c r="C20" s="1085" t="s">
        <v>501</v>
      </c>
      <c r="D20" s="1202">
        <v>-1261</v>
      </c>
      <c r="E20" s="1201">
        <v>-1044</v>
      </c>
      <c r="F20" s="1202">
        <v>-217</v>
      </c>
      <c r="G20" s="1202">
        <v>-1439</v>
      </c>
      <c r="H20" s="1202">
        <v>-948</v>
      </c>
      <c r="I20" s="1201">
        <v>-491</v>
      </c>
      <c r="J20" s="1205" t="s">
        <v>188</v>
      </c>
      <c r="K20" s="1206" t="s">
        <v>188</v>
      </c>
      <c r="L20" s="1205" t="s">
        <v>188</v>
      </c>
      <c r="M20" s="1205"/>
      <c r="N20" s="1204">
        <v>1439</v>
      </c>
      <c r="O20" s="1202">
        <v>948</v>
      </c>
      <c r="P20" s="1201">
        <v>491</v>
      </c>
      <c r="Q20" s="1202">
        <v>178</v>
      </c>
      <c r="R20" s="1202">
        <v>-96</v>
      </c>
      <c r="S20" s="1201">
        <v>274</v>
      </c>
      <c r="T20" s="1202">
        <v>18077</v>
      </c>
      <c r="U20" s="1202">
        <v>10556</v>
      </c>
      <c r="V20" s="1201">
        <v>7521</v>
      </c>
      <c r="W20" s="1202">
        <v>17899</v>
      </c>
      <c r="X20" s="1202">
        <v>10652</v>
      </c>
      <c r="Y20" s="1203">
        <v>7247</v>
      </c>
    </row>
    <row r="21" spans="1:25" ht="16.5" customHeight="1">
      <c r="A21" s="809"/>
      <c r="B21" s="1084">
        <v>532925</v>
      </c>
      <c r="C21" s="1085" t="s">
        <v>502</v>
      </c>
      <c r="D21" s="1202">
        <v>-2029</v>
      </c>
      <c r="E21" s="1201">
        <v>-1315</v>
      </c>
      <c r="F21" s="1202">
        <v>-714</v>
      </c>
      <c r="G21" s="1202">
        <v>-1867</v>
      </c>
      <c r="H21" s="1202">
        <v>-1244</v>
      </c>
      <c r="I21" s="1201">
        <v>-623</v>
      </c>
      <c r="J21" s="1205" t="s">
        <v>188</v>
      </c>
      <c r="K21" s="1206" t="s">
        <v>188</v>
      </c>
      <c r="L21" s="1205" t="s">
        <v>188</v>
      </c>
      <c r="M21" s="1205"/>
      <c r="N21" s="1204">
        <v>1867</v>
      </c>
      <c r="O21" s="1202">
        <v>1244</v>
      </c>
      <c r="P21" s="1201">
        <v>623</v>
      </c>
      <c r="Q21" s="1202">
        <v>-162</v>
      </c>
      <c r="R21" s="1202">
        <v>-71</v>
      </c>
      <c r="S21" s="1201">
        <v>-91</v>
      </c>
      <c r="T21" s="1202">
        <v>12478</v>
      </c>
      <c r="U21" s="1202">
        <v>7266</v>
      </c>
      <c r="V21" s="1201">
        <v>5212</v>
      </c>
      <c r="W21" s="1202">
        <v>12640</v>
      </c>
      <c r="X21" s="1202">
        <v>7337</v>
      </c>
      <c r="Y21" s="1203">
        <v>5303</v>
      </c>
    </row>
    <row r="22" spans="1:25" ht="16.5" customHeight="1">
      <c r="A22" s="808" t="s">
        <v>560</v>
      </c>
      <c r="B22" s="1084">
        <v>486546</v>
      </c>
      <c r="C22" s="1085" t="s">
        <v>503</v>
      </c>
      <c r="D22" s="1202">
        <v>-2925</v>
      </c>
      <c r="E22" s="1201">
        <v>-1925</v>
      </c>
      <c r="F22" s="1202">
        <v>-1000</v>
      </c>
      <c r="G22" s="1202">
        <v>-2594</v>
      </c>
      <c r="H22" s="1202">
        <v>-1789</v>
      </c>
      <c r="I22" s="1201">
        <v>-805</v>
      </c>
      <c r="J22" s="1205" t="s">
        <v>188</v>
      </c>
      <c r="K22" s="1206" t="s">
        <v>188</v>
      </c>
      <c r="L22" s="1205" t="s">
        <v>188</v>
      </c>
      <c r="M22" s="1205"/>
      <c r="N22" s="1204">
        <v>2594</v>
      </c>
      <c r="O22" s="1202">
        <v>1789</v>
      </c>
      <c r="P22" s="1201">
        <v>805</v>
      </c>
      <c r="Q22" s="1202">
        <v>-331</v>
      </c>
      <c r="R22" s="1202">
        <v>-136</v>
      </c>
      <c r="S22" s="1201">
        <v>-195</v>
      </c>
      <c r="T22" s="1202">
        <v>9270</v>
      </c>
      <c r="U22" s="1202">
        <v>5517</v>
      </c>
      <c r="V22" s="1201">
        <v>3753</v>
      </c>
      <c r="W22" s="1202">
        <v>9601</v>
      </c>
      <c r="X22" s="1202">
        <v>5653</v>
      </c>
      <c r="Y22" s="1203">
        <v>3948</v>
      </c>
    </row>
    <row r="23" spans="1:25" ht="16.5" customHeight="1">
      <c r="A23" s="178"/>
      <c r="B23" s="1084">
        <v>626754</v>
      </c>
      <c r="C23" s="1085" t="s">
        <v>504</v>
      </c>
      <c r="D23" s="1202">
        <v>-6046</v>
      </c>
      <c r="E23" s="1201">
        <v>-4222</v>
      </c>
      <c r="F23" s="1202">
        <v>-1824</v>
      </c>
      <c r="G23" s="1202">
        <v>-5636</v>
      </c>
      <c r="H23" s="1202">
        <v>-3957</v>
      </c>
      <c r="I23" s="1201">
        <v>-1679</v>
      </c>
      <c r="J23" s="1205" t="s">
        <v>188</v>
      </c>
      <c r="K23" s="1206" t="s">
        <v>188</v>
      </c>
      <c r="L23" s="1205" t="s">
        <v>188</v>
      </c>
      <c r="M23" s="1205"/>
      <c r="N23" s="1204">
        <v>5636</v>
      </c>
      <c r="O23" s="1202">
        <v>3957</v>
      </c>
      <c r="P23" s="1201">
        <v>1679</v>
      </c>
      <c r="Q23" s="1202">
        <v>-410</v>
      </c>
      <c r="R23" s="1202">
        <v>-265</v>
      </c>
      <c r="S23" s="1201">
        <v>-145</v>
      </c>
      <c r="T23" s="1202">
        <v>8621</v>
      </c>
      <c r="U23" s="1202">
        <v>4804</v>
      </c>
      <c r="V23" s="1201">
        <v>3817</v>
      </c>
      <c r="W23" s="1202">
        <v>9031</v>
      </c>
      <c r="X23" s="1202">
        <v>5069</v>
      </c>
      <c r="Y23" s="1203">
        <v>3962</v>
      </c>
    </row>
    <row r="24" spans="1:25" ht="16.5" customHeight="1">
      <c r="A24" s="178"/>
      <c r="B24" s="1084">
        <v>535473</v>
      </c>
      <c r="C24" s="1085" t="s">
        <v>505</v>
      </c>
      <c r="D24" s="1209">
        <v>-7434</v>
      </c>
      <c r="E24" s="1201">
        <v>-5051</v>
      </c>
      <c r="F24" s="1202">
        <v>-2383</v>
      </c>
      <c r="G24" s="1202">
        <v>-7404</v>
      </c>
      <c r="H24" s="1202">
        <v>-5006</v>
      </c>
      <c r="I24" s="1201">
        <v>-2398</v>
      </c>
      <c r="J24" s="1211" t="s">
        <v>188</v>
      </c>
      <c r="K24" s="1212" t="s">
        <v>188</v>
      </c>
      <c r="L24" s="1211" t="s">
        <v>188</v>
      </c>
      <c r="M24" s="1205"/>
      <c r="N24" s="1204">
        <v>7404</v>
      </c>
      <c r="O24" s="1202">
        <v>5006</v>
      </c>
      <c r="P24" s="1201">
        <v>2398</v>
      </c>
      <c r="Q24" s="1202">
        <v>-30</v>
      </c>
      <c r="R24" s="1202">
        <v>-45</v>
      </c>
      <c r="S24" s="1201">
        <v>15</v>
      </c>
      <c r="T24" s="1202">
        <v>6034</v>
      </c>
      <c r="U24" s="1202">
        <v>3035</v>
      </c>
      <c r="V24" s="1201">
        <v>2999</v>
      </c>
      <c r="W24" s="1202">
        <v>6064</v>
      </c>
      <c r="X24" s="1202">
        <v>3080</v>
      </c>
      <c r="Y24" s="1203">
        <v>2984</v>
      </c>
    </row>
    <row r="25" spans="1:25" ht="16.5" customHeight="1">
      <c r="A25" s="178"/>
      <c r="B25" s="1086">
        <v>456390</v>
      </c>
      <c r="C25" s="1091" t="s">
        <v>506</v>
      </c>
      <c r="D25" s="1224">
        <v>-9973</v>
      </c>
      <c r="E25" s="1226">
        <v>-6646</v>
      </c>
      <c r="F25" s="1224">
        <v>-3327</v>
      </c>
      <c r="G25" s="1224">
        <v>-10275</v>
      </c>
      <c r="H25" s="1224">
        <v>-6690</v>
      </c>
      <c r="I25" s="1225">
        <v>-3585</v>
      </c>
      <c r="J25" s="1205" t="s">
        <v>188</v>
      </c>
      <c r="K25" s="1206" t="s">
        <v>188</v>
      </c>
      <c r="L25" s="1205" t="s">
        <v>188</v>
      </c>
      <c r="M25" s="1205"/>
      <c r="N25" s="1225">
        <v>10275</v>
      </c>
      <c r="O25" s="1224">
        <v>6690</v>
      </c>
      <c r="P25" s="1225">
        <v>3585</v>
      </c>
      <c r="Q25" s="1224">
        <v>302</v>
      </c>
      <c r="R25" s="1224">
        <v>44</v>
      </c>
      <c r="S25" s="1225">
        <v>258</v>
      </c>
      <c r="T25" s="1224">
        <v>5019</v>
      </c>
      <c r="U25" s="1224">
        <v>2111</v>
      </c>
      <c r="V25" s="1225">
        <v>2908</v>
      </c>
      <c r="W25" s="1224">
        <v>4717</v>
      </c>
      <c r="X25" s="1224">
        <v>2067</v>
      </c>
      <c r="Y25" s="1226">
        <v>2650</v>
      </c>
    </row>
    <row r="26" spans="1:25" ht="16.5" customHeight="1">
      <c r="A26" s="178"/>
      <c r="B26" s="1087">
        <v>333210</v>
      </c>
      <c r="C26" s="1085" t="s">
        <v>561</v>
      </c>
      <c r="D26" s="1202">
        <v>-13346</v>
      </c>
      <c r="E26" s="1203">
        <v>-8020</v>
      </c>
      <c r="F26" s="1202">
        <v>-5326</v>
      </c>
      <c r="G26" s="1202">
        <v>-13885</v>
      </c>
      <c r="H26" s="1202">
        <v>-8195</v>
      </c>
      <c r="I26" s="1204">
        <v>-5690</v>
      </c>
      <c r="J26" s="1205" t="s">
        <v>188</v>
      </c>
      <c r="K26" s="1206" t="s">
        <v>188</v>
      </c>
      <c r="L26" s="1205" t="s">
        <v>188</v>
      </c>
      <c r="M26" s="1205"/>
      <c r="N26" s="1204">
        <v>13885</v>
      </c>
      <c r="O26" s="1202">
        <v>8195</v>
      </c>
      <c r="P26" s="1204">
        <v>5690</v>
      </c>
      <c r="Q26" s="1202">
        <v>539</v>
      </c>
      <c r="R26" s="1202">
        <v>175</v>
      </c>
      <c r="S26" s="1204">
        <v>364</v>
      </c>
      <c r="T26" s="1202">
        <v>4776</v>
      </c>
      <c r="U26" s="1202">
        <v>1640</v>
      </c>
      <c r="V26" s="1204">
        <v>3136</v>
      </c>
      <c r="W26" s="1202">
        <v>4237</v>
      </c>
      <c r="X26" s="1202">
        <v>1465</v>
      </c>
      <c r="Y26" s="1203">
        <v>2772</v>
      </c>
    </row>
    <row r="27" spans="1:25" ht="16.5" customHeight="1">
      <c r="A27" s="178"/>
      <c r="B27" s="1087">
        <v>194978</v>
      </c>
      <c r="C27" s="1085" t="s">
        <v>508</v>
      </c>
      <c r="D27" s="1202">
        <v>-14645</v>
      </c>
      <c r="E27" s="1203">
        <v>-7468</v>
      </c>
      <c r="F27" s="1202">
        <v>-7177</v>
      </c>
      <c r="G27" s="1202">
        <v>-15116</v>
      </c>
      <c r="H27" s="1202">
        <v>-7594</v>
      </c>
      <c r="I27" s="1204">
        <v>-7522</v>
      </c>
      <c r="J27" s="1205" t="s">
        <v>188</v>
      </c>
      <c r="K27" s="1206" t="s">
        <v>188</v>
      </c>
      <c r="L27" s="1205" t="s">
        <v>188</v>
      </c>
      <c r="M27" s="1205"/>
      <c r="N27" s="1204">
        <v>15116</v>
      </c>
      <c r="O27" s="1202">
        <v>7594</v>
      </c>
      <c r="P27" s="1204">
        <v>7522</v>
      </c>
      <c r="Q27" s="1202">
        <v>471</v>
      </c>
      <c r="R27" s="1202">
        <v>126</v>
      </c>
      <c r="S27" s="1204">
        <v>345</v>
      </c>
      <c r="T27" s="1202">
        <v>3842</v>
      </c>
      <c r="U27" s="1202">
        <v>1089</v>
      </c>
      <c r="V27" s="1204">
        <v>2753</v>
      </c>
      <c r="W27" s="1202">
        <v>3371</v>
      </c>
      <c r="X27" s="1202">
        <v>963</v>
      </c>
      <c r="Y27" s="1203">
        <v>2408</v>
      </c>
    </row>
    <row r="28" spans="1:25" ht="16.5" customHeight="1">
      <c r="A28" s="178"/>
      <c r="B28" s="1087">
        <v>86164</v>
      </c>
      <c r="C28" s="1085" t="s">
        <v>509</v>
      </c>
      <c r="D28" s="1202">
        <v>-12009</v>
      </c>
      <c r="E28" s="1203">
        <v>-4664</v>
      </c>
      <c r="F28" s="1202">
        <v>-7345</v>
      </c>
      <c r="G28" s="1202">
        <v>-12320</v>
      </c>
      <c r="H28" s="1202">
        <v>-4742</v>
      </c>
      <c r="I28" s="1204">
        <v>-7578</v>
      </c>
      <c r="J28" s="1205" t="s">
        <v>188</v>
      </c>
      <c r="K28" s="1206" t="s">
        <v>188</v>
      </c>
      <c r="L28" s="1205" t="s">
        <v>188</v>
      </c>
      <c r="M28" s="1205"/>
      <c r="N28" s="1204">
        <v>12320</v>
      </c>
      <c r="O28" s="1202">
        <v>4742</v>
      </c>
      <c r="P28" s="1204">
        <v>7578</v>
      </c>
      <c r="Q28" s="1202">
        <v>311</v>
      </c>
      <c r="R28" s="1202">
        <v>78</v>
      </c>
      <c r="S28" s="1204">
        <v>233</v>
      </c>
      <c r="T28" s="1202">
        <v>1977</v>
      </c>
      <c r="U28" s="1202">
        <v>511</v>
      </c>
      <c r="V28" s="1204">
        <v>1466</v>
      </c>
      <c r="W28" s="1202">
        <v>1666</v>
      </c>
      <c r="X28" s="1202">
        <v>433</v>
      </c>
      <c r="Y28" s="1203">
        <v>1233</v>
      </c>
    </row>
    <row r="29" spans="1:25" ht="16.5" customHeight="1">
      <c r="A29" s="178"/>
      <c r="B29" s="1089">
        <v>22604</v>
      </c>
      <c r="C29" s="1088" t="s">
        <v>510</v>
      </c>
      <c r="D29" s="1209">
        <v>-5783</v>
      </c>
      <c r="E29" s="1210">
        <v>-1399</v>
      </c>
      <c r="F29" s="1209">
        <v>-4384</v>
      </c>
      <c r="G29" s="1209">
        <v>-5886</v>
      </c>
      <c r="H29" s="1209">
        <v>-1429</v>
      </c>
      <c r="I29" s="1214">
        <v>-4457</v>
      </c>
      <c r="J29" s="1211" t="s">
        <v>188</v>
      </c>
      <c r="K29" s="1212" t="s">
        <v>188</v>
      </c>
      <c r="L29" s="1211" t="s">
        <v>188</v>
      </c>
      <c r="M29" s="1211"/>
      <c r="N29" s="1214">
        <v>5886</v>
      </c>
      <c r="O29" s="1209">
        <v>1429</v>
      </c>
      <c r="P29" s="1214">
        <v>4457</v>
      </c>
      <c r="Q29" s="1209">
        <v>103</v>
      </c>
      <c r="R29" s="1209">
        <v>30</v>
      </c>
      <c r="S29" s="1214">
        <v>73</v>
      </c>
      <c r="T29" s="1209">
        <v>550</v>
      </c>
      <c r="U29" s="1209">
        <v>108</v>
      </c>
      <c r="V29" s="1214">
        <v>442</v>
      </c>
      <c r="W29" s="1209">
        <v>447</v>
      </c>
      <c r="X29" s="1209">
        <v>78</v>
      </c>
      <c r="Y29" s="1210">
        <v>369</v>
      </c>
    </row>
    <row r="30" spans="1:25" ht="16.5" customHeight="1">
      <c r="A30" s="178"/>
      <c r="B30" s="1092">
        <v>4171</v>
      </c>
      <c r="C30" s="1093" t="s">
        <v>562</v>
      </c>
      <c r="D30" s="1228">
        <v>-1747</v>
      </c>
      <c r="E30" s="1229">
        <v>-292</v>
      </c>
      <c r="F30" s="1228">
        <v>-1455</v>
      </c>
      <c r="G30" s="1228">
        <v>-1750</v>
      </c>
      <c r="H30" s="1228">
        <v>-293</v>
      </c>
      <c r="I30" s="1230">
        <v>-1457</v>
      </c>
      <c r="J30" s="1231" t="s">
        <v>188</v>
      </c>
      <c r="K30" s="1232" t="s">
        <v>188</v>
      </c>
      <c r="L30" s="1231" t="s">
        <v>188</v>
      </c>
      <c r="M30" s="1231"/>
      <c r="N30" s="1230">
        <v>1750</v>
      </c>
      <c r="O30" s="1228">
        <v>293</v>
      </c>
      <c r="P30" s="1230">
        <v>1457</v>
      </c>
      <c r="Q30" s="1228">
        <v>3</v>
      </c>
      <c r="R30" s="1228">
        <v>1</v>
      </c>
      <c r="S30" s="1230">
        <v>2</v>
      </c>
      <c r="T30" s="1228">
        <v>69</v>
      </c>
      <c r="U30" s="1228">
        <v>11</v>
      </c>
      <c r="V30" s="1230">
        <v>58</v>
      </c>
      <c r="W30" s="1228">
        <v>66</v>
      </c>
      <c r="X30" s="1228">
        <v>10</v>
      </c>
      <c r="Y30" s="1229">
        <v>56</v>
      </c>
    </row>
    <row r="31" spans="1:25" ht="16.5" customHeight="1">
      <c r="A31" s="178"/>
      <c r="B31" s="1084">
        <v>82926</v>
      </c>
      <c r="C31" s="1095" t="s">
        <v>154</v>
      </c>
      <c r="D31" s="1218" t="s">
        <v>188</v>
      </c>
      <c r="E31" s="1215" t="s">
        <v>188</v>
      </c>
      <c r="F31" s="1216" t="s">
        <v>188</v>
      </c>
      <c r="G31" s="1216" t="s">
        <v>188</v>
      </c>
      <c r="H31" s="1216" t="s">
        <v>188</v>
      </c>
      <c r="I31" s="1218" t="s">
        <v>188</v>
      </c>
      <c r="J31" s="1217" t="s">
        <v>188</v>
      </c>
      <c r="K31" s="1216" t="s">
        <v>188</v>
      </c>
      <c r="L31" s="1217" t="s">
        <v>188</v>
      </c>
      <c r="M31" s="1217"/>
      <c r="N31" s="1218" t="s">
        <v>188</v>
      </c>
      <c r="O31" s="1216" t="s">
        <v>188</v>
      </c>
      <c r="P31" s="1218" t="s">
        <v>188</v>
      </c>
      <c r="Q31" s="1216" t="s">
        <v>188</v>
      </c>
      <c r="R31" s="1216" t="s">
        <v>188</v>
      </c>
      <c r="S31" s="1218" t="s">
        <v>188</v>
      </c>
      <c r="T31" s="1216" t="s">
        <v>188</v>
      </c>
      <c r="U31" s="1216" t="s">
        <v>188</v>
      </c>
      <c r="V31" s="1218" t="s">
        <v>188</v>
      </c>
      <c r="W31" s="1216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96">
        <v>1117039</v>
      </c>
      <c r="C32" s="1085" t="s">
        <v>563</v>
      </c>
      <c r="D32" s="1201">
        <v>68925</v>
      </c>
      <c r="E32" s="1233">
        <v>35122</v>
      </c>
      <c r="F32" s="1202">
        <v>33803</v>
      </c>
      <c r="G32" s="1202">
        <v>69643</v>
      </c>
      <c r="H32" s="1202">
        <v>35539</v>
      </c>
      <c r="I32" s="1201">
        <v>34104</v>
      </c>
      <c r="J32" s="1202">
        <v>69902</v>
      </c>
      <c r="K32" s="1202">
        <v>35681</v>
      </c>
      <c r="L32" s="1201">
        <v>34221</v>
      </c>
      <c r="M32" s="1203"/>
      <c r="N32" s="1204">
        <v>259</v>
      </c>
      <c r="O32" s="1202">
        <v>142</v>
      </c>
      <c r="P32" s="1201">
        <v>117</v>
      </c>
      <c r="Q32" s="1202">
        <v>-718</v>
      </c>
      <c r="R32" s="1202">
        <v>-417</v>
      </c>
      <c r="S32" s="1201">
        <v>-301</v>
      </c>
      <c r="T32" s="1202">
        <v>48841</v>
      </c>
      <c r="U32" s="1202">
        <v>24837</v>
      </c>
      <c r="V32" s="1201">
        <v>24004</v>
      </c>
      <c r="W32" s="1202">
        <v>49559</v>
      </c>
      <c r="X32" s="1202">
        <v>25254</v>
      </c>
      <c r="Y32" s="1203">
        <v>24305</v>
      </c>
    </row>
    <row r="33" spans="1:25" ht="16.5" customHeight="1">
      <c r="A33" s="178"/>
      <c r="B33" s="1084">
        <v>5703570</v>
      </c>
      <c r="C33" s="1085" t="s">
        <v>564</v>
      </c>
      <c r="D33" s="1201">
        <v>17937</v>
      </c>
      <c r="E33" s="1202">
        <v>7160</v>
      </c>
      <c r="F33" s="1202">
        <v>10777</v>
      </c>
      <c r="G33" s="1202">
        <v>-8454</v>
      </c>
      <c r="H33" s="1202">
        <v>-5618</v>
      </c>
      <c r="I33" s="1201">
        <v>-2836</v>
      </c>
      <c r="J33" s="1205" t="s">
        <v>188</v>
      </c>
      <c r="K33" s="1206" t="s">
        <v>188</v>
      </c>
      <c r="L33" s="1207" t="s">
        <v>188</v>
      </c>
      <c r="M33" s="1205"/>
      <c r="N33" s="1204">
        <v>8454</v>
      </c>
      <c r="O33" s="1202">
        <v>5618</v>
      </c>
      <c r="P33" s="1201">
        <v>2836</v>
      </c>
      <c r="Q33" s="1202">
        <v>26391</v>
      </c>
      <c r="R33" s="1202">
        <v>12778</v>
      </c>
      <c r="S33" s="1201">
        <v>13613</v>
      </c>
      <c r="T33" s="1202">
        <v>417064</v>
      </c>
      <c r="U33" s="1202">
        <v>227514</v>
      </c>
      <c r="V33" s="1201">
        <v>189550</v>
      </c>
      <c r="W33" s="1202">
        <v>390673</v>
      </c>
      <c r="X33" s="1202">
        <v>214736</v>
      </c>
      <c r="Y33" s="1203">
        <v>175937</v>
      </c>
    </row>
    <row r="34" spans="1:25" ht="16.5" customHeight="1" thickBot="1">
      <c r="A34" s="178"/>
      <c r="B34" s="1084">
        <v>2259744</v>
      </c>
      <c r="C34" s="1085" t="s">
        <v>565</v>
      </c>
      <c r="D34" s="1201">
        <v>-70983</v>
      </c>
      <c r="E34" s="1234">
        <v>-37762</v>
      </c>
      <c r="F34" s="1234">
        <v>-33221</v>
      </c>
      <c r="G34" s="1234">
        <v>-72272</v>
      </c>
      <c r="H34" s="1234">
        <v>-37906</v>
      </c>
      <c r="I34" s="1201">
        <v>-34366</v>
      </c>
      <c r="J34" s="1205" t="s">
        <v>188</v>
      </c>
      <c r="K34" s="1206" t="s">
        <v>188</v>
      </c>
      <c r="L34" s="1207" t="s">
        <v>188</v>
      </c>
      <c r="M34" s="1205"/>
      <c r="N34" s="1235">
        <v>72272</v>
      </c>
      <c r="O34" s="1234">
        <v>37906</v>
      </c>
      <c r="P34" s="1201">
        <v>34366</v>
      </c>
      <c r="Q34" s="1234">
        <v>1289</v>
      </c>
      <c r="R34" s="1234">
        <v>144</v>
      </c>
      <c r="S34" s="1201">
        <v>1145</v>
      </c>
      <c r="T34" s="1234">
        <v>30888</v>
      </c>
      <c r="U34" s="1234">
        <v>13309</v>
      </c>
      <c r="V34" s="1201">
        <v>17579</v>
      </c>
      <c r="W34" s="1234">
        <v>29599</v>
      </c>
      <c r="X34" s="1234">
        <v>13165</v>
      </c>
      <c r="Y34" s="1236">
        <v>16434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3</v>
      </c>
      <c r="E36" s="838" t="s">
        <v>383</v>
      </c>
      <c r="F36" s="837" t="s">
        <v>383</v>
      </c>
      <c r="G36" s="839" t="s">
        <v>383</v>
      </c>
      <c r="H36" s="838" t="s">
        <v>383</v>
      </c>
      <c r="I36" s="837" t="s">
        <v>383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3</v>
      </c>
      <c r="R36" s="838" t="s">
        <v>383</v>
      </c>
      <c r="S36" s="837" t="s">
        <v>383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566</v>
      </c>
      <c r="D38" s="1179" t="s">
        <v>383</v>
      </c>
      <c r="E38" s="1178" t="s">
        <v>383</v>
      </c>
      <c r="F38" s="1179" t="s">
        <v>383</v>
      </c>
      <c r="G38" s="1177" t="s">
        <v>383</v>
      </c>
      <c r="H38" s="1178" t="s">
        <v>383</v>
      </c>
      <c r="I38" s="1179" t="s">
        <v>383</v>
      </c>
      <c r="J38" s="1177">
        <v>100</v>
      </c>
      <c r="K38" s="1178">
        <v>100</v>
      </c>
      <c r="L38" s="1179">
        <v>100</v>
      </c>
      <c r="M38" s="1180"/>
      <c r="N38" s="1182">
        <v>0.3</v>
      </c>
      <c r="O38" s="1181">
        <v>0.2</v>
      </c>
      <c r="P38" s="1183">
        <v>0.3</v>
      </c>
      <c r="Q38" s="1177" t="s">
        <v>383</v>
      </c>
      <c r="R38" s="1178" t="s">
        <v>567</v>
      </c>
      <c r="S38" s="1179" t="s">
        <v>383</v>
      </c>
      <c r="T38" s="1180">
        <v>5.5</v>
      </c>
      <c r="U38" s="1181">
        <v>5.3</v>
      </c>
      <c r="V38" s="1183">
        <v>5.8</v>
      </c>
      <c r="W38" s="1182">
        <v>6</v>
      </c>
      <c r="X38" s="1181">
        <v>5.7</v>
      </c>
      <c r="Y38" s="1182">
        <v>6.4</v>
      </c>
    </row>
    <row r="39" spans="1:25" ht="16.5" customHeight="1">
      <c r="A39" s="178"/>
      <c r="B39" s="847">
        <v>4.0999999999999996</v>
      </c>
      <c r="C39" s="829" t="s">
        <v>568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7</v>
      </c>
      <c r="U39" s="1181">
        <v>2.6</v>
      </c>
      <c r="V39" s="1183">
        <v>2.9</v>
      </c>
      <c r="W39" s="1182">
        <v>3</v>
      </c>
      <c r="X39" s="1181">
        <v>2.8</v>
      </c>
      <c r="Y39" s="1182">
        <v>3.2</v>
      </c>
    </row>
    <row r="40" spans="1:25" ht="16.5" customHeight="1">
      <c r="A40" s="178"/>
      <c r="B40" s="847">
        <v>4.2</v>
      </c>
      <c r="C40" s="829" t="s">
        <v>569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6</v>
      </c>
      <c r="U40" s="1181">
        <v>1.5</v>
      </c>
      <c r="V40" s="1183">
        <v>1.7</v>
      </c>
      <c r="W40" s="1182">
        <v>1.5</v>
      </c>
      <c r="X40" s="1181">
        <v>1.4</v>
      </c>
      <c r="Y40" s="1182">
        <v>1.7</v>
      </c>
    </row>
    <row r="41" spans="1:25" ht="16.5" customHeight="1">
      <c r="A41" s="178"/>
      <c r="B41" s="847">
        <v>4.5999999999999996</v>
      </c>
      <c r="C41" s="829" t="s">
        <v>570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.2</v>
      </c>
      <c r="U41" s="1181">
        <v>4.4000000000000004</v>
      </c>
      <c r="V41" s="1183">
        <v>3.9</v>
      </c>
      <c r="W41" s="1182">
        <v>3</v>
      </c>
      <c r="X41" s="1181">
        <v>3.1</v>
      </c>
      <c r="Y41" s="1182">
        <v>2.9</v>
      </c>
    </row>
    <row r="42" spans="1:25" ht="16.5" customHeight="1">
      <c r="A42" s="178"/>
      <c r="B42" s="845">
        <v>5.6</v>
      </c>
      <c r="C42" s="830" t="s">
        <v>571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5.8</v>
      </c>
      <c r="U42" s="1185">
        <v>15.4</v>
      </c>
      <c r="V42" s="1186">
        <v>16.2</v>
      </c>
      <c r="W42" s="1184">
        <v>13.7</v>
      </c>
      <c r="X42" s="1185">
        <v>13.6</v>
      </c>
      <c r="Y42" s="1184">
        <v>13.7</v>
      </c>
    </row>
    <row r="43" spans="1:25" ht="16.5" customHeight="1">
      <c r="A43" s="178"/>
      <c r="B43" s="847">
        <v>5.3</v>
      </c>
      <c r="C43" s="829" t="s">
        <v>572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2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9.600000000000001</v>
      </c>
      <c r="U43" s="1181">
        <v>19.399999999999999</v>
      </c>
      <c r="V43" s="1183">
        <v>19.8</v>
      </c>
      <c r="W43" s="1182">
        <v>19.899999999999999</v>
      </c>
      <c r="X43" s="1181">
        <v>19.399999999999999</v>
      </c>
      <c r="Y43" s="1182">
        <v>20.399999999999999</v>
      </c>
    </row>
    <row r="44" spans="1:25" ht="16.5" customHeight="1">
      <c r="A44" s="808" t="s">
        <v>573</v>
      </c>
      <c r="B44" s="847">
        <v>5.9</v>
      </c>
      <c r="C44" s="829" t="s">
        <v>574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4.8</v>
      </c>
      <c r="U44" s="1181">
        <v>14.8</v>
      </c>
      <c r="V44" s="1183">
        <v>14.8</v>
      </c>
      <c r="W44" s="1182">
        <v>15.4</v>
      </c>
      <c r="X44" s="1181">
        <v>15.4</v>
      </c>
      <c r="Y44" s="1182">
        <v>15.4</v>
      </c>
    </row>
    <row r="45" spans="1:25" ht="16.5" customHeight="1">
      <c r="A45" s="808"/>
      <c r="B45" s="847">
        <v>6.6</v>
      </c>
      <c r="C45" s="829" t="s">
        <v>575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5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9.6</v>
      </c>
      <c r="U45" s="1181">
        <v>10</v>
      </c>
      <c r="V45" s="1183">
        <v>9.1999999999999993</v>
      </c>
      <c r="W45" s="1182">
        <v>10.1</v>
      </c>
      <c r="X45" s="1181">
        <v>10.5</v>
      </c>
      <c r="Y45" s="1182">
        <v>9.6999999999999993</v>
      </c>
    </row>
    <row r="46" spans="1:25" ht="16.5" customHeight="1">
      <c r="A46" s="809"/>
      <c r="B46" s="847">
        <v>8</v>
      </c>
      <c r="C46" s="829" t="s">
        <v>576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9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8</v>
      </c>
      <c r="U46" s="1181">
        <v>7.2</v>
      </c>
      <c r="V46" s="1183">
        <v>6.3</v>
      </c>
      <c r="W46" s="1182">
        <v>7.1</v>
      </c>
      <c r="X46" s="1181">
        <v>7.6</v>
      </c>
      <c r="Y46" s="1182">
        <v>6.6</v>
      </c>
    </row>
    <row r="47" spans="1:25" ht="16.5" customHeight="1">
      <c r="A47" s="809"/>
      <c r="B47" s="845">
        <v>8.5</v>
      </c>
      <c r="C47" s="830" t="s">
        <v>577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3</v>
      </c>
      <c r="O47" s="1185">
        <v>1.5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0999999999999996</v>
      </c>
      <c r="U47" s="1185">
        <v>5.6</v>
      </c>
      <c r="V47" s="1186">
        <v>4.5999999999999996</v>
      </c>
      <c r="W47" s="1184">
        <v>5.4</v>
      </c>
      <c r="X47" s="1185">
        <v>5.8</v>
      </c>
      <c r="Y47" s="1184">
        <v>4.8</v>
      </c>
    </row>
    <row r="48" spans="1:25" ht="16.5" customHeight="1">
      <c r="A48" s="808" t="s">
        <v>311</v>
      </c>
      <c r="B48" s="847">
        <v>7.2</v>
      </c>
      <c r="C48" s="829" t="s">
        <v>578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8</v>
      </c>
      <c r="O48" s="1181">
        <v>2.2000000000000002</v>
      </c>
      <c r="P48" s="1183">
        <v>1.3</v>
      </c>
      <c r="Q48" s="1177" t="s">
        <v>188</v>
      </c>
      <c r="R48" s="1178" t="s">
        <v>188</v>
      </c>
      <c r="S48" s="1179" t="s">
        <v>188</v>
      </c>
      <c r="T48" s="1180">
        <v>3.6</v>
      </c>
      <c r="U48" s="1181">
        <v>4</v>
      </c>
      <c r="V48" s="1183">
        <v>3.3</v>
      </c>
      <c r="W48" s="1182">
        <v>3.8</v>
      </c>
      <c r="X48" s="1181">
        <v>4.2</v>
      </c>
      <c r="Y48" s="1182">
        <v>3.3</v>
      </c>
    </row>
    <row r="49" spans="1:25" ht="16.5" customHeight="1">
      <c r="A49" s="809"/>
      <c r="B49" s="847">
        <v>5.9</v>
      </c>
      <c r="C49" s="829" t="s">
        <v>579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999999999999998</v>
      </c>
      <c r="O49" s="1181">
        <v>2.8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5</v>
      </c>
      <c r="U49" s="1181">
        <v>2.7</v>
      </c>
      <c r="V49" s="1183">
        <v>2.2999999999999998</v>
      </c>
      <c r="W49" s="1182">
        <v>2.7</v>
      </c>
      <c r="X49" s="1181">
        <v>2.9</v>
      </c>
      <c r="Y49" s="1182">
        <v>2.4</v>
      </c>
    </row>
    <row r="50" spans="1:25" ht="16.5" customHeight="1">
      <c r="A50" s="808"/>
      <c r="B50" s="847">
        <v>5.4</v>
      </c>
      <c r="C50" s="829" t="s">
        <v>580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2</v>
      </c>
      <c r="O50" s="1181">
        <v>4.0999999999999996</v>
      </c>
      <c r="P50" s="1183">
        <v>2.2000000000000002</v>
      </c>
      <c r="Q50" s="1177" t="s">
        <v>188</v>
      </c>
      <c r="R50" s="1178" t="s">
        <v>188</v>
      </c>
      <c r="S50" s="1179" t="s">
        <v>188</v>
      </c>
      <c r="T50" s="1180">
        <v>1.9</v>
      </c>
      <c r="U50" s="1181">
        <v>2.1</v>
      </c>
      <c r="V50" s="1183">
        <v>1.6</v>
      </c>
      <c r="W50" s="1182">
        <v>2</v>
      </c>
      <c r="X50" s="1181">
        <v>2.2000000000000002</v>
      </c>
      <c r="Y50" s="1182">
        <v>1.8</v>
      </c>
    </row>
    <row r="51" spans="1:25" ht="16.5" customHeight="1">
      <c r="A51" s="809"/>
      <c r="B51" s="847">
        <v>6.9</v>
      </c>
      <c r="C51" s="829" t="s">
        <v>581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</v>
      </c>
      <c r="O51" s="1181">
        <v>9.1</v>
      </c>
      <c r="P51" s="1183">
        <v>4.5</v>
      </c>
      <c r="Q51" s="1177" t="s">
        <v>188</v>
      </c>
      <c r="R51" s="1178" t="s">
        <v>188</v>
      </c>
      <c r="S51" s="1179" t="s">
        <v>188</v>
      </c>
      <c r="T51" s="1180">
        <v>1.7</v>
      </c>
      <c r="U51" s="1181">
        <v>1.8</v>
      </c>
      <c r="V51" s="1183">
        <v>1.7</v>
      </c>
      <c r="W51" s="1182">
        <v>1.9</v>
      </c>
      <c r="X51" s="1181">
        <v>2</v>
      </c>
      <c r="Y51" s="1182">
        <v>1.8</v>
      </c>
    </row>
    <row r="52" spans="1:25" ht="16.5" customHeight="1">
      <c r="A52" s="808" t="s">
        <v>582</v>
      </c>
      <c r="B52" s="845">
        <v>5.9</v>
      </c>
      <c r="C52" s="830" t="s">
        <v>583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1</v>
      </c>
      <c r="O52" s="1185">
        <v>11.5</v>
      </c>
      <c r="P52" s="1186">
        <v>6.4</v>
      </c>
      <c r="Q52" s="1187" t="s">
        <v>188</v>
      </c>
      <c r="R52" s="1188" t="s">
        <v>188</v>
      </c>
      <c r="S52" s="1189" t="s">
        <v>188</v>
      </c>
      <c r="T52" s="1190">
        <v>1.2</v>
      </c>
      <c r="U52" s="1185">
        <v>1.1000000000000001</v>
      </c>
      <c r="V52" s="1186">
        <v>1.3</v>
      </c>
      <c r="W52" s="1184">
        <v>1.3</v>
      </c>
      <c r="X52" s="1185">
        <v>1.2</v>
      </c>
      <c r="Y52" s="1184">
        <v>1.4</v>
      </c>
    </row>
    <row r="53" spans="1:25" ht="16.5" customHeight="1">
      <c r="A53" s="178"/>
      <c r="B53" s="847">
        <v>5</v>
      </c>
      <c r="C53" s="829" t="s">
        <v>584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7</v>
      </c>
      <c r="O53" s="1181">
        <v>15.3</v>
      </c>
      <c r="P53" s="1183">
        <v>9.6</v>
      </c>
      <c r="Q53" s="1177" t="s">
        <v>188</v>
      </c>
      <c r="R53" s="1178" t="s">
        <v>188</v>
      </c>
      <c r="S53" s="1179" t="s">
        <v>188</v>
      </c>
      <c r="T53" s="1180">
        <v>1</v>
      </c>
      <c r="U53" s="1181">
        <v>0.8</v>
      </c>
      <c r="V53" s="1183">
        <v>1.3</v>
      </c>
      <c r="W53" s="1182">
        <v>1</v>
      </c>
      <c r="X53" s="1181">
        <v>0.8</v>
      </c>
      <c r="Y53" s="1182">
        <v>1.2</v>
      </c>
    </row>
    <row r="54" spans="1:25" ht="16.5" customHeight="1">
      <c r="A54" s="178"/>
      <c r="B54" s="847">
        <v>3.7</v>
      </c>
      <c r="C54" s="829" t="s">
        <v>585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100000000000001</v>
      </c>
      <c r="O54" s="1181">
        <v>18.8</v>
      </c>
      <c r="P54" s="1183">
        <v>15.2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0.9</v>
      </c>
      <c r="X54" s="1181">
        <v>0.6</v>
      </c>
      <c r="Y54" s="1182">
        <v>1.3</v>
      </c>
    </row>
    <row r="55" spans="1:25" ht="16.5" customHeight="1">
      <c r="A55" s="178"/>
      <c r="B55" s="847">
        <v>2.1</v>
      </c>
      <c r="C55" s="829" t="s">
        <v>586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8.7</v>
      </c>
      <c r="O55" s="1181">
        <v>17.399999999999999</v>
      </c>
      <c r="P55" s="1183">
        <v>20.2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7</v>
      </c>
      <c r="X55" s="1181">
        <v>0.4</v>
      </c>
      <c r="Y55" s="1182">
        <v>1.1000000000000001</v>
      </c>
    </row>
    <row r="56" spans="1:25" ht="16.5" customHeight="1">
      <c r="A56" s="178"/>
      <c r="B56" s="847">
        <v>0.9</v>
      </c>
      <c r="C56" s="829" t="s">
        <v>587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2</v>
      </c>
      <c r="O56" s="1181">
        <v>10.9</v>
      </c>
      <c r="P56" s="1183">
        <v>20.3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6</v>
      </c>
      <c r="W56" s="1182">
        <v>0.4</v>
      </c>
      <c r="X56" s="1181">
        <v>0.2</v>
      </c>
      <c r="Y56" s="1182">
        <v>0.6</v>
      </c>
    </row>
    <row r="57" spans="1:25" ht="16.5" customHeight="1">
      <c r="A57" s="178"/>
      <c r="B57" s="845">
        <v>0.2</v>
      </c>
      <c r="C57" s="830" t="s">
        <v>588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3</v>
      </c>
      <c r="O57" s="1185">
        <v>3.3</v>
      </c>
      <c r="P57" s="1186">
        <v>11.9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48">
        <v>0</v>
      </c>
      <c r="C58" s="830" t="s">
        <v>589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2000000000000002</v>
      </c>
      <c r="O58" s="1185">
        <v>0.7</v>
      </c>
      <c r="P58" s="1185">
        <v>3.9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49" t="s">
        <v>188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3</v>
      </c>
      <c r="C60" s="829" t="s">
        <v>590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9.8000000000000007</v>
      </c>
      <c r="U60" s="1181">
        <v>9.3000000000000007</v>
      </c>
      <c r="V60" s="1183">
        <v>10.4</v>
      </c>
      <c r="W60" s="1182">
        <v>10.5</v>
      </c>
      <c r="X60" s="1181">
        <v>10</v>
      </c>
      <c r="Y60" s="1182">
        <v>11.2</v>
      </c>
    </row>
    <row r="61" spans="1:25" ht="16.5" customHeight="1">
      <c r="A61" s="178"/>
      <c r="B61" s="847">
        <v>62.8</v>
      </c>
      <c r="C61" s="829" t="s">
        <v>591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0.4</v>
      </c>
      <c r="O61" s="1181">
        <v>12.9</v>
      </c>
      <c r="P61" s="1183">
        <v>7.6</v>
      </c>
      <c r="Q61" s="1177" t="s">
        <v>188</v>
      </c>
      <c r="R61" s="1178" t="s">
        <v>188</v>
      </c>
      <c r="S61" s="1179" t="s">
        <v>188</v>
      </c>
      <c r="T61" s="1180">
        <v>84</v>
      </c>
      <c r="U61" s="1181">
        <v>85.6</v>
      </c>
      <c r="V61" s="1183">
        <v>82</v>
      </c>
      <c r="W61" s="1182">
        <v>83.2</v>
      </c>
      <c r="X61" s="1181">
        <v>84.8</v>
      </c>
      <c r="Y61" s="1182">
        <v>81.2</v>
      </c>
    </row>
    <row r="62" spans="1:25" ht="16.5" customHeight="1" thickBot="1">
      <c r="A62" s="850"/>
      <c r="B62" s="851">
        <v>24.9</v>
      </c>
      <c r="C62" s="852" t="s">
        <v>592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2</v>
      </c>
      <c r="O62" s="1196">
        <v>86.8</v>
      </c>
      <c r="P62" s="1197">
        <v>92.1</v>
      </c>
      <c r="Q62" s="1198" t="s">
        <v>188</v>
      </c>
      <c r="R62" s="1199" t="s">
        <v>188</v>
      </c>
      <c r="S62" s="1199" t="s">
        <v>188</v>
      </c>
      <c r="T62" s="1200">
        <v>6.2</v>
      </c>
      <c r="U62" s="1196">
        <v>5</v>
      </c>
      <c r="V62" s="1197">
        <v>7.6</v>
      </c>
      <c r="W62" s="1195">
        <v>6.3</v>
      </c>
      <c r="X62" s="1196">
        <v>5.2</v>
      </c>
      <c r="Y62" s="1195">
        <v>7.6</v>
      </c>
    </row>
    <row r="63" spans="1:25" ht="15" thickTop="1">
      <c r="A63" s="285" t="s">
        <v>593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94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  <row r="77" spans="2:9">
      <c r="B77" s="385"/>
    </row>
  </sheetData>
  <mergeCells count="3">
    <mergeCell ref="C4:C5"/>
    <mergeCell ref="B63:H63"/>
    <mergeCell ref="B65:I65"/>
  </mergeCells>
  <phoneticPr fontId="3"/>
  <printOptions gridLinesSet="0"/>
  <pageMargins left="0.78740157480314965" right="0.19685039370078741" top="0.98425196850393704" bottom="0.98425196850393704" header="0.51181102362204722" footer="0.51181102362204722"/>
  <pageSetup paperSize="9" scale="72" firstPageNumber="24" fitToWidth="0" orientation="portrait" blackAndWhite="1" useFirstPageNumber="1" r:id="rId1"/>
  <headerFooter>
    <oddFooter>&amp;C&amp;"ＭＳ ゴシック,太字"&amp;12-&amp;P--</oddFooter>
    <evenFooter>&amp;C－25－</evenFooter>
  </headerFooter>
  <colBreaks count="1" manualBreakCount="1">
    <brk id="13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6" width="9" style="132" customWidth="1"/>
    <col min="7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596</v>
      </c>
      <c r="B1" s="284"/>
      <c r="C1" s="358"/>
      <c r="D1" s="358"/>
      <c r="E1" s="358"/>
      <c r="F1" s="358"/>
      <c r="R1" s="358" t="s">
        <v>596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97</v>
      </c>
      <c r="B3" s="801"/>
      <c r="C3" s="853"/>
      <c r="D3" s="80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98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599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60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3733084</v>
      </c>
      <c r="C8" s="884" t="s">
        <v>238</v>
      </c>
      <c r="D8" s="888">
        <v>1988</v>
      </c>
      <c r="E8" s="887">
        <v>-1267</v>
      </c>
      <c r="F8" s="888">
        <v>3255</v>
      </c>
      <c r="G8" s="886">
        <v>-4073</v>
      </c>
      <c r="H8" s="887">
        <v>-3093</v>
      </c>
      <c r="I8" s="888">
        <v>-980</v>
      </c>
      <c r="J8" s="886">
        <v>28611</v>
      </c>
      <c r="K8" s="887">
        <v>14609</v>
      </c>
      <c r="L8" s="888">
        <v>14002</v>
      </c>
      <c r="M8" s="886"/>
      <c r="N8" s="888">
        <v>32684</v>
      </c>
      <c r="O8" s="887">
        <v>17702</v>
      </c>
      <c r="P8" s="889">
        <v>14982</v>
      </c>
      <c r="Q8" s="888">
        <v>6061</v>
      </c>
      <c r="R8" s="887">
        <v>1826</v>
      </c>
      <c r="S8" s="888">
        <v>4235</v>
      </c>
      <c r="T8" s="886">
        <v>215726</v>
      </c>
      <c r="U8" s="887">
        <v>114075</v>
      </c>
      <c r="V8" s="889">
        <v>101651</v>
      </c>
      <c r="W8" s="888">
        <v>209665</v>
      </c>
      <c r="X8" s="887">
        <v>112249</v>
      </c>
      <c r="Y8" s="888">
        <v>97416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146044</v>
      </c>
      <c r="C10" s="1085" t="s">
        <v>601</v>
      </c>
      <c r="D10" s="1201">
        <v>27713</v>
      </c>
      <c r="E10" s="1202">
        <v>14145</v>
      </c>
      <c r="F10" s="1201">
        <v>13568</v>
      </c>
      <c r="G10" s="1203">
        <v>28534</v>
      </c>
      <c r="H10" s="1202">
        <v>14572</v>
      </c>
      <c r="I10" s="1201">
        <v>13962</v>
      </c>
      <c r="J10" s="1203">
        <v>28611</v>
      </c>
      <c r="K10" s="1202">
        <v>14609</v>
      </c>
      <c r="L10" s="1201">
        <v>14002</v>
      </c>
      <c r="M10" s="1203"/>
      <c r="N10" s="1201">
        <v>77</v>
      </c>
      <c r="O10" s="1202">
        <v>37</v>
      </c>
      <c r="P10" s="1204">
        <v>40</v>
      </c>
      <c r="Q10" s="1201">
        <v>-821</v>
      </c>
      <c r="R10" s="1202">
        <v>-427</v>
      </c>
      <c r="S10" s="1201">
        <v>-394</v>
      </c>
      <c r="T10" s="1203">
        <v>11930</v>
      </c>
      <c r="U10" s="1202">
        <v>6142</v>
      </c>
      <c r="V10" s="1202">
        <v>5788</v>
      </c>
      <c r="W10" s="1201">
        <v>12751</v>
      </c>
      <c r="X10" s="1202">
        <v>6569</v>
      </c>
      <c r="Y10" s="1201">
        <v>6182</v>
      </c>
    </row>
    <row r="11" spans="1:25" ht="16.5" customHeight="1">
      <c r="A11" s="178"/>
      <c r="B11" s="1084">
        <v>153302</v>
      </c>
      <c r="C11" s="1085" t="s">
        <v>491</v>
      </c>
      <c r="D11" s="1201">
        <v>-464</v>
      </c>
      <c r="E11" s="1202">
        <v>-284</v>
      </c>
      <c r="F11" s="1201">
        <v>-180</v>
      </c>
      <c r="G11" s="1203">
        <v>-9</v>
      </c>
      <c r="H11" s="1202">
        <v>-7</v>
      </c>
      <c r="I11" s="1201">
        <v>-2</v>
      </c>
      <c r="J11" s="1205" t="s">
        <v>188</v>
      </c>
      <c r="K11" s="1206" t="s">
        <v>188</v>
      </c>
      <c r="L11" s="1207" t="s">
        <v>188</v>
      </c>
      <c r="M11" s="1205"/>
      <c r="N11" s="1201">
        <v>9</v>
      </c>
      <c r="O11" s="1202">
        <v>7</v>
      </c>
      <c r="P11" s="1204">
        <v>2</v>
      </c>
      <c r="Q11" s="1201">
        <v>-455</v>
      </c>
      <c r="R11" s="1202">
        <v>-277</v>
      </c>
      <c r="S11" s="1201">
        <v>-178</v>
      </c>
      <c r="T11" s="1203">
        <v>6091</v>
      </c>
      <c r="U11" s="1202">
        <v>3061</v>
      </c>
      <c r="V11" s="1202">
        <v>3030</v>
      </c>
      <c r="W11" s="1201">
        <v>6546</v>
      </c>
      <c r="X11" s="1202">
        <v>3338</v>
      </c>
      <c r="Y11" s="1201">
        <v>3208</v>
      </c>
    </row>
    <row r="12" spans="1:25" ht="16.5" customHeight="1">
      <c r="A12" s="178"/>
      <c r="B12" s="1084">
        <v>157672</v>
      </c>
      <c r="C12" s="1085" t="s">
        <v>492</v>
      </c>
      <c r="D12" s="1201">
        <v>219</v>
      </c>
      <c r="E12" s="1202">
        <v>130</v>
      </c>
      <c r="F12" s="1201">
        <v>89</v>
      </c>
      <c r="G12" s="1203">
        <v>-15</v>
      </c>
      <c r="H12" s="1202">
        <v>-9</v>
      </c>
      <c r="I12" s="1201">
        <v>-6</v>
      </c>
      <c r="J12" s="1205" t="s">
        <v>188</v>
      </c>
      <c r="K12" s="1206" t="s">
        <v>188</v>
      </c>
      <c r="L12" s="1207" t="s">
        <v>188</v>
      </c>
      <c r="M12" s="1205"/>
      <c r="N12" s="1201">
        <v>15</v>
      </c>
      <c r="O12" s="1202">
        <v>9</v>
      </c>
      <c r="P12" s="1204">
        <v>6</v>
      </c>
      <c r="Q12" s="1201">
        <v>234</v>
      </c>
      <c r="R12" s="1202">
        <v>139</v>
      </c>
      <c r="S12" s="1201">
        <v>95</v>
      </c>
      <c r="T12" s="1203">
        <v>3749</v>
      </c>
      <c r="U12" s="1202">
        <v>1869</v>
      </c>
      <c r="V12" s="1202">
        <v>1880</v>
      </c>
      <c r="W12" s="1201">
        <v>3515</v>
      </c>
      <c r="X12" s="1202">
        <v>1730</v>
      </c>
      <c r="Y12" s="1201">
        <v>1785</v>
      </c>
    </row>
    <row r="13" spans="1:25" ht="16.5" customHeight="1">
      <c r="A13" s="178"/>
      <c r="B13" s="1084">
        <v>173050</v>
      </c>
      <c r="C13" s="1085" t="s">
        <v>558</v>
      </c>
      <c r="D13" s="1201">
        <v>2417</v>
      </c>
      <c r="E13" s="1202">
        <v>1299</v>
      </c>
      <c r="F13" s="1201">
        <v>1118</v>
      </c>
      <c r="G13" s="1203">
        <v>-21</v>
      </c>
      <c r="H13" s="1202">
        <v>-14</v>
      </c>
      <c r="I13" s="1201">
        <v>-7</v>
      </c>
      <c r="J13" s="1205" t="s">
        <v>188</v>
      </c>
      <c r="K13" s="1206" t="s">
        <v>188</v>
      </c>
      <c r="L13" s="1207" t="s">
        <v>188</v>
      </c>
      <c r="M13" s="1205"/>
      <c r="N13" s="1201">
        <v>21</v>
      </c>
      <c r="O13" s="1202">
        <v>14</v>
      </c>
      <c r="P13" s="1204">
        <v>7</v>
      </c>
      <c r="Q13" s="1201">
        <v>2438</v>
      </c>
      <c r="R13" s="1202">
        <v>1313</v>
      </c>
      <c r="S13" s="1201">
        <v>1125</v>
      </c>
      <c r="T13" s="1203">
        <v>7783</v>
      </c>
      <c r="U13" s="1202">
        <v>4128</v>
      </c>
      <c r="V13" s="1202">
        <v>3655</v>
      </c>
      <c r="W13" s="1201">
        <v>5345</v>
      </c>
      <c r="X13" s="1202">
        <v>2815</v>
      </c>
      <c r="Y13" s="1201">
        <v>2530</v>
      </c>
    </row>
    <row r="14" spans="1:25" ht="16.5" customHeight="1">
      <c r="A14" s="178"/>
      <c r="B14" s="1090">
        <v>203744</v>
      </c>
      <c r="C14" s="1088" t="s">
        <v>494</v>
      </c>
      <c r="D14" s="1208">
        <v>6694</v>
      </c>
      <c r="E14" s="1209">
        <v>2891</v>
      </c>
      <c r="F14" s="1208">
        <v>3803</v>
      </c>
      <c r="G14" s="1210">
        <v>-57</v>
      </c>
      <c r="H14" s="1209">
        <v>-37</v>
      </c>
      <c r="I14" s="1208">
        <v>-20</v>
      </c>
      <c r="J14" s="1211" t="s">
        <v>188</v>
      </c>
      <c r="K14" s="1212" t="s">
        <v>188</v>
      </c>
      <c r="L14" s="1213" t="s">
        <v>188</v>
      </c>
      <c r="M14" s="1211"/>
      <c r="N14" s="1208">
        <v>57</v>
      </c>
      <c r="O14" s="1209">
        <v>37</v>
      </c>
      <c r="P14" s="1214">
        <v>20</v>
      </c>
      <c r="Q14" s="1208">
        <v>6751</v>
      </c>
      <c r="R14" s="1209">
        <v>2928</v>
      </c>
      <c r="S14" s="1208">
        <v>3823</v>
      </c>
      <c r="T14" s="1210">
        <v>32682</v>
      </c>
      <c r="U14" s="1209">
        <v>16877</v>
      </c>
      <c r="V14" s="1209">
        <v>15805</v>
      </c>
      <c r="W14" s="1208">
        <v>25931</v>
      </c>
      <c r="X14" s="1209">
        <v>13949</v>
      </c>
      <c r="Y14" s="1208">
        <v>11982</v>
      </c>
    </row>
    <row r="15" spans="1:25" ht="16.5" customHeight="1">
      <c r="A15" s="178"/>
      <c r="B15" s="1084">
        <v>195543</v>
      </c>
      <c r="C15" s="1085" t="s">
        <v>495</v>
      </c>
      <c r="D15" s="1201">
        <v>604</v>
      </c>
      <c r="E15" s="1202">
        <v>373</v>
      </c>
      <c r="F15" s="1201">
        <v>231</v>
      </c>
      <c r="G15" s="1203">
        <v>-66</v>
      </c>
      <c r="H15" s="1202">
        <v>-41</v>
      </c>
      <c r="I15" s="1201">
        <v>-25</v>
      </c>
      <c r="J15" s="1205" t="s">
        <v>188</v>
      </c>
      <c r="K15" s="1206" t="s">
        <v>188</v>
      </c>
      <c r="L15" s="1207" t="s">
        <v>188</v>
      </c>
      <c r="M15" s="1205"/>
      <c r="N15" s="1201">
        <v>66</v>
      </c>
      <c r="O15" s="1202">
        <v>41</v>
      </c>
      <c r="P15" s="1204">
        <v>25</v>
      </c>
      <c r="Q15" s="1201">
        <v>670</v>
      </c>
      <c r="R15" s="1202">
        <v>414</v>
      </c>
      <c r="S15" s="1201">
        <v>256</v>
      </c>
      <c r="T15" s="1203">
        <v>42130</v>
      </c>
      <c r="U15" s="1202">
        <v>22023</v>
      </c>
      <c r="V15" s="1202">
        <v>20107</v>
      </c>
      <c r="W15" s="1201">
        <v>41460</v>
      </c>
      <c r="X15" s="1202">
        <v>21609</v>
      </c>
      <c r="Y15" s="1201">
        <v>19851</v>
      </c>
    </row>
    <row r="16" spans="1:25" ht="16.5" customHeight="1">
      <c r="A16" s="178"/>
      <c r="B16" s="1084">
        <v>218655</v>
      </c>
      <c r="C16" s="1085" t="s">
        <v>496</v>
      </c>
      <c r="D16" s="1201">
        <v>-359</v>
      </c>
      <c r="E16" s="1202">
        <v>-296</v>
      </c>
      <c r="F16" s="1201">
        <v>-63</v>
      </c>
      <c r="G16" s="1203">
        <v>-80</v>
      </c>
      <c r="H16" s="1202">
        <v>-57</v>
      </c>
      <c r="I16" s="1201">
        <v>-23</v>
      </c>
      <c r="J16" s="1205" t="s">
        <v>188</v>
      </c>
      <c r="K16" s="1206" t="s">
        <v>188</v>
      </c>
      <c r="L16" s="1207" t="s">
        <v>188</v>
      </c>
      <c r="M16" s="1205"/>
      <c r="N16" s="1201">
        <v>80</v>
      </c>
      <c r="O16" s="1202">
        <v>57</v>
      </c>
      <c r="P16" s="1204">
        <v>23</v>
      </c>
      <c r="Q16" s="1201">
        <v>-279</v>
      </c>
      <c r="R16" s="1202">
        <v>-239</v>
      </c>
      <c r="S16" s="1201">
        <v>-40</v>
      </c>
      <c r="T16" s="1203">
        <v>32478</v>
      </c>
      <c r="U16" s="1202">
        <v>17195</v>
      </c>
      <c r="V16" s="1202">
        <v>15283</v>
      </c>
      <c r="W16" s="1201">
        <v>32757</v>
      </c>
      <c r="X16" s="1202">
        <v>17434</v>
      </c>
      <c r="Y16" s="1201">
        <v>15323</v>
      </c>
    </row>
    <row r="17" spans="1:25" ht="16.5" customHeight="1">
      <c r="A17" s="808" t="s">
        <v>559</v>
      </c>
      <c r="B17" s="1084">
        <v>242722</v>
      </c>
      <c r="C17" s="1085" t="s">
        <v>497</v>
      </c>
      <c r="D17" s="1201">
        <v>-776</v>
      </c>
      <c r="E17" s="1202">
        <v>-525</v>
      </c>
      <c r="F17" s="1201">
        <v>-251</v>
      </c>
      <c r="G17" s="1203">
        <v>-126</v>
      </c>
      <c r="H17" s="1202">
        <v>-72</v>
      </c>
      <c r="I17" s="1201">
        <v>-54</v>
      </c>
      <c r="J17" s="1205" t="s">
        <v>188</v>
      </c>
      <c r="K17" s="1206" t="s">
        <v>188</v>
      </c>
      <c r="L17" s="1207" t="s">
        <v>188</v>
      </c>
      <c r="M17" s="1205"/>
      <c r="N17" s="1201">
        <v>126</v>
      </c>
      <c r="O17" s="1202">
        <v>72</v>
      </c>
      <c r="P17" s="1204">
        <v>54</v>
      </c>
      <c r="Q17" s="1201">
        <v>-650</v>
      </c>
      <c r="R17" s="1202">
        <v>-453</v>
      </c>
      <c r="S17" s="1201">
        <v>-197</v>
      </c>
      <c r="T17" s="1203">
        <v>21041</v>
      </c>
      <c r="U17" s="1202">
        <v>11487</v>
      </c>
      <c r="V17" s="1202">
        <v>9554</v>
      </c>
      <c r="W17" s="1201">
        <v>21691</v>
      </c>
      <c r="X17" s="1202">
        <v>11940</v>
      </c>
      <c r="Y17" s="1201">
        <v>9751</v>
      </c>
    </row>
    <row r="18" spans="1:25" ht="16.5" customHeight="1">
      <c r="A18" s="809"/>
      <c r="B18" s="1084">
        <v>296471</v>
      </c>
      <c r="C18" s="1085" t="s">
        <v>498</v>
      </c>
      <c r="D18" s="1201">
        <v>-593</v>
      </c>
      <c r="E18" s="1202">
        <v>-537</v>
      </c>
      <c r="F18" s="1201">
        <v>-56</v>
      </c>
      <c r="G18" s="1203">
        <v>-221</v>
      </c>
      <c r="H18" s="1202">
        <v>-134</v>
      </c>
      <c r="I18" s="1201">
        <v>-87</v>
      </c>
      <c r="J18" s="1205" t="s">
        <v>188</v>
      </c>
      <c r="K18" s="1206" t="s">
        <v>188</v>
      </c>
      <c r="L18" s="1207" t="s">
        <v>188</v>
      </c>
      <c r="M18" s="1205"/>
      <c r="N18" s="1201">
        <v>221</v>
      </c>
      <c r="O18" s="1202">
        <v>134</v>
      </c>
      <c r="P18" s="1204">
        <v>87</v>
      </c>
      <c r="Q18" s="1201">
        <v>-372</v>
      </c>
      <c r="R18" s="1202">
        <v>-403</v>
      </c>
      <c r="S18" s="1201">
        <v>31</v>
      </c>
      <c r="T18" s="1203">
        <v>14981</v>
      </c>
      <c r="U18" s="1202">
        <v>8341</v>
      </c>
      <c r="V18" s="1202">
        <v>6640</v>
      </c>
      <c r="W18" s="1201">
        <v>15353</v>
      </c>
      <c r="X18" s="1202">
        <v>8744</v>
      </c>
      <c r="Y18" s="1201">
        <v>6609</v>
      </c>
    </row>
    <row r="19" spans="1:25" ht="16.5" customHeight="1">
      <c r="A19" s="809"/>
      <c r="B19" s="1090">
        <v>323050</v>
      </c>
      <c r="C19" s="1088" t="s">
        <v>499</v>
      </c>
      <c r="D19" s="1208">
        <v>-447</v>
      </c>
      <c r="E19" s="1209">
        <v>-389</v>
      </c>
      <c r="F19" s="1208">
        <v>-58</v>
      </c>
      <c r="G19" s="1210">
        <v>-391</v>
      </c>
      <c r="H19" s="1209">
        <v>-242</v>
      </c>
      <c r="I19" s="1208">
        <v>-149</v>
      </c>
      <c r="J19" s="1211" t="s">
        <v>188</v>
      </c>
      <c r="K19" s="1212" t="s">
        <v>188</v>
      </c>
      <c r="L19" s="1213" t="s">
        <v>188</v>
      </c>
      <c r="M19" s="1211"/>
      <c r="N19" s="1208">
        <v>391</v>
      </c>
      <c r="O19" s="1209">
        <v>242</v>
      </c>
      <c r="P19" s="1214">
        <v>149</v>
      </c>
      <c r="Q19" s="1208">
        <v>-56</v>
      </c>
      <c r="R19" s="1209">
        <v>-147</v>
      </c>
      <c r="S19" s="1208">
        <v>91</v>
      </c>
      <c r="T19" s="1210">
        <v>11444</v>
      </c>
      <c r="U19" s="1209">
        <v>6621</v>
      </c>
      <c r="V19" s="1209">
        <v>4823</v>
      </c>
      <c r="W19" s="1208">
        <v>11500</v>
      </c>
      <c r="X19" s="1209">
        <v>6768</v>
      </c>
      <c r="Y19" s="1208">
        <v>4732</v>
      </c>
    </row>
    <row r="20" spans="1:25" ht="16.5" customHeight="1">
      <c r="A20" s="809"/>
      <c r="B20" s="1084">
        <v>276248</v>
      </c>
      <c r="C20" s="1085" t="s">
        <v>501</v>
      </c>
      <c r="D20" s="1201">
        <v>-839</v>
      </c>
      <c r="E20" s="1202">
        <v>-591</v>
      </c>
      <c r="F20" s="1201">
        <v>-248</v>
      </c>
      <c r="G20" s="1203">
        <v>-571</v>
      </c>
      <c r="H20" s="1202">
        <v>-371</v>
      </c>
      <c r="I20" s="1201">
        <v>-200</v>
      </c>
      <c r="J20" s="1205" t="s">
        <v>188</v>
      </c>
      <c r="K20" s="1206" t="s">
        <v>188</v>
      </c>
      <c r="L20" s="1207" t="s">
        <v>188</v>
      </c>
      <c r="M20" s="1205"/>
      <c r="N20" s="1201">
        <v>571</v>
      </c>
      <c r="O20" s="1202">
        <v>371</v>
      </c>
      <c r="P20" s="1204">
        <v>200</v>
      </c>
      <c r="Q20" s="1201">
        <v>-268</v>
      </c>
      <c r="R20" s="1202">
        <v>-220</v>
      </c>
      <c r="S20" s="1201">
        <v>-48</v>
      </c>
      <c r="T20" s="1203">
        <v>8217</v>
      </c>
      <c r="U20" s="1202">
        <v>4815</v>
      </c>
      <c r="V20" s="1202">
        <v>3402</v>
      </c>
      <c r="W20" s="1201">
        <v>8485</v>
      </c>
      <c r="X20" s="1202">
        <v>5035</v>
      </c>
      <c r="Y20" s="1201">
        <v>3450</v>
      </c>
    </row>
    <row r="21" spans="1:25" ht="16.5" customHeight="1">
      <c r="A21" s="809"/>
      <c r="B21" s="1084">
        <v>223400</v>
      </c>
      <c r="C21" s="1085" t="s">
        <v>502</v>
      </c>
      <c r="D21" s="1201">
        <v>-1294</v>
      </c>
      <c r="E21" s="1202">
        <v>-724</v>
      </c>
      <c r="F21" s="1201">
        <v>-570</v>
      </c>
      <c r="G21" s="1203">
        <v>-722</v>
      </c>
      <c r="H21" s="1202">
        <v>-467</v>
      </c>
      <c r="I21" s="1201">
        <v>-255</v>
      </c>
      <c r="J21" s="1205" t="s">
        <v>188</v>
      </c>
      <c r="K21" s="1206" t="s">
        <v>188</v>
      </c>
      <c r="L21" s="1207" t="s">
        <v>188</v>
      </c>
      <c r="M21" s="1205"/>
      <c r="N21" s="1201">
        <v>722</v>
      </c>
      <c r="O21" s="1202">
        <v>467</v>
      </c>
      <c r="P21" s="1204">
        <v>255</v>
      </c>
      <c r="Q21" s="1201">
        <v>-572</v>
      </c>
      <c r="R21" s="1202">
        <v>-257</v>
      </c>
      <c r="S21" s="1201">
        <v>-315</v>
      </c>
      <c r="T21" s="1203">
        <v>5524</v>
      </c>
      <c r="U21" s="1202">
        <v>3247</v>
      </c>
      <c r="V21" s="1202">
        <v>2277</v>
      </c>
      <c r="W21" s="1201">
        <v>6096</v>
      </c>
      <c r="X21" s="1202">
        <v>3504</v>
      </c>
      <c r="Y21" s="1201">
        <v>2592</v>
      </c>
    </row>
    <row r="22" spans="1:25" ht="16.5" customHeight="1">
      <c r="A22" s="808" t="s">
        <v>560</v>
      </c>
      <c r="B22" s="1084">
        <v>197756</v>
      </c>
      <c r="C22" s="1085" t="s">
        <v>503</v>
      </c>
      <c r="D22" s="1201">
        <v>-1399</v>
      </c>
      <c r="E22" s="1202">
        <v>-881</v>
      </c>
      <c r="F22" s="1201">
        <v>-518</v>
      </c>
      <c r="G22" s="1203">
        <v>-989</v>
      </c>
      <c r="H22" s="1202">
        <v>-682</v>
      </c>
      <c r="I22" s="1201">
        <v>-307</v>
      </c>
      <c r="J22" s="1205" t="s">
        <v>188</v>
      </c>
      <c r="K22" s="1206" t="s">
        <v>188</v>
      </c>
      <c r="L22" s="1207" t="s">
        <v>188</v>
      </c>
      <c r="M22" s="1205"/>
      <c r="N22" s="1201">
        <v>989</v>
      </c>
      <c r="O22" s="1202">
        <v>682</v>
      </c>
      <c r="P22" s="1204">
        <v>307</v>
      </c>
      <c r="Q22" s="1201">
        <v>-410</v>
      </c>
      <c r="R22" s="1202">
        <v>-199</v>
      </c>
      <c r="S22" s="1201">
        <v>-211</v>
      </c>
      <c r="T22" s="1203">
        <v>4036</v>
      </c>
      <c r="U22" s="1202">
        <v>2444</v>
      </c>
      <c r="V22" s="1202">
        <v>1592</v>
      </c>
      <c r="W22" s="1201">
        <v>4446</v>
      </c>
      <c r="X22" s="1202">
        <v>2643</v>
      </c>
      <c r="Y22" s="1201">
        <v>1803</v>
      </c>
    </row>
    <row r="23" spans="1:25" ht="16.5" customHeight="1">
      <c r="A23" s="178"/>
      <c r="B23" s="1084">
        <v>247834</v>
      </c>
      <c r="C23" s="1085" t="s">
        <v>504</v>
      </c>
      <c r="D23" s="1201">
        <v>-2635</v>
      </c>
      <c r="E23" s="1202">
        <v>-1844</v>
      </c>
      <c r="F23" s="1201">
        <v>-791</v>
      </c>
      <c r="G23" s="1203">
        <v>-2222</v>
      </c>
      <c r="H23" s="1202">
        <v>-1577</v>
      </c>
      <c r="I23" s="1201">
        <v>-645</v>
      </c>
      <c r="J23" s="1205" t="s">
        <v>188</v>
      </c>
      <c r="K23" s="1206" t="s">
        <v>188</v>
      </c>
      <c r="L23" s="1207" t="s">
        <v>188</v>
      </c>
      <c r="M23" s="1205"/>
      <c r="N23" s="1201">
        <v>2222</v>
      </c>
      <c r="O23" s="1202">
        <v>1577</v>
      </c>
      <c r="P23" s="1204">
        <v>645</v>
      </c>
      <c r="Q23" s="1201">
        <v>-413</v>
      </c>
      <c r="R23" s="1202">
        <v>-267</v>
      </c>
      <c r="S23" s="1201">
        <v>-146</v>
      </c>
      <c r="T23" s="1203">
        <v>3700</v>
      </c>
      <c r="U23" s="1202">
        <v>2082</v>
      </c>
      <c r="V23" s="1202">
        <v>1618</v>
      </c>
      <c r="W23" s="1201">
        <v>4113</v>
      </c>
      <c r="X23" s="1202">
        <v>2349</v>
      </c>
      <c r="Y23" s="1201">
        <v>1764</v>
      </c>
    </row>
    <row r="24" spans="1:25" ht="16.5" customHeight="1">
      <c r="A24" s="178"/>
      <c r="B24" s="1090">
        <v>210436</v>
      </c>
      <c r="C24" s="1088" t="s">
        <v>505</v>
      </c>
      <c r="D24" s="1208">
        <v>-2921</v>
      </c>
      <c r="E24" s="1209">
        <v>-2023</v>
      </c>
      <c r="F24" s="1208">
        <v>-898</v>
      </c>
      <c r="G24" s="1210">
        <v>-2858</v>
      </c>
      <c r="H24" s="1209">
        <v>-1962</v>
      </c>
      <c r="I24" s="1208">
        <v>-896</v>
      </c>
      <c r="J24" s="1211" t="s">
        <v>188</v>
      </c>
      <c r="K24" s="1212" t="s">
        <v>188</v>
      </c>
      <c r="L24" s="1213" t="s">
        <v>188</v>
      </c>
      <c r="M24" s="1211"/>
      <c r="N24" s="1208">
        <v>2858</v>
      </c>
      <c r="O24" s="1209">
        <v>1962</v>
      </c>
      <c r="P24" s="1214">
        <v>896</v>
      </c>
      <c r="Q24" s="1208">
        <v>-63</v>
      </c>
      <c r="R24" s="1209">
        <v>-61</v>
      </c>
      <c r="S24" s="1208">
        <v>-2</v>
      </c>
      <c r="T24" s="1210">
        <v>2724</v>
      </c>
      <c r="U24" s="1209">
        <v>1401</v>
      </c>
      <c r="V24" s="1209">
        <v>1323</v>
      </c>
      <c r="W24" s="1208">
        <v>2787</v>
      </c>
      <c r="X24" s="1209">
        <v>1462</v>
      </c>
      <c r="Y24" s="1208">
        <v>1325</v>
      </c>
    </row>
    <row r="25" spans="1:25" ht="16.5" customHeight="1">
      <c r="A25" s="178"/>
      <c r="B25" s="1084">
        <v>181119</v>
      </c>
      <c r="C25" s="1085" t="s">
        <v>506</v>
      </c>
      <c r="D25" s="1201">
        <v>-3936</v>
      </c>
      <c r="E25" s="1202">
        <v>-2652</v>
      </c>
      <c r="F25" s="1201">
        <v>-1284</v>
      </c>
      <c r="G25" s="1203">
        <v>-4041</v>
      </c>
      <c r="H25" s="1202">
        <v>-2642</v>
      </c>
      <c r="I25" s="1201">
        <v>-1399</v>
      </c>
      <c r="J25" s="1205" t="s">
        <v>188</v>
      </c>
      <c r="K25" s="1206" t="s">
        <v>188</v>
      </c>
      <c r="L25" s="1207" t="s">
        <v>188</v>
      </c>
      <c r="M25" s="1205"/>
      <c r="N25" s="1201">
        <v>4041</v>
      </c>
      <c r="O25" s="1202">
        <v>2642</v>
      </c>
      <c r="P25" s="1204">
        <v>1399</v>
      </c>
      <c r="Q25" s="1201">
        <v>105</v>
      </c>
      <c r="R25" s="1202">
        <v>-10</v>
      </c>
      <c r="S25" s="1201">
        <v>115</v>
      </c>
      <c r="T25" s="1203">
        <v>2249</v>
      </c>
      <c r="U25" s="1202">
        <v>927</v>
      </c>
      <c r="V25" s="1202">
        <v>1322</v>
      </c>
      <c r="W25" s="1201">
        <v>2144</v>
      </c>
      <c r="X25" s="1202">
        <v>937</v>
      </c>
      <c r="Y25" s="1201">
        <v>1207</v>
      </c>
    </row>
    <row r="26" spans="1:25" ht="16.5" customHeight="1">
      <c r="A26" s="178"/>
      <c r="B26" s="1084">
        <v>137020</v>
      </c>
      <c r="C26" s="1085" t="s">
        <v>561</v>
      </c>
      <c r="D26" s="1201">
        <v>-5544</v>
      </c>
      <c r="E26" s="1202">
        <v>-3387</v>
      </c>
      <c r="F26" s="1201">
        <v>-2157</v>
      </c>
      <c r="G26" s="1203">
        <v>-5647</v>
      </c>
      <c r="H26" s="1202">
        <v>-3379</v>
      </c>
      <c r="I26" s="1201">
        <v>-2268</v>
      </c>
      <c r="J26" s="1205" t="s">
        <v>188</v>
      </c>
      <c r="K26" s="1206" t="s">
        <v>188</v>
      </c>
      <c r="L26" s="1207" t="s">
        <v>188</v>
      </c>
      <c r="M26" s="1205"/>
      <c r="N26" s="1201">
        <v>5647</v>
      </c>
      <c r="O26" s="1202">
        <v>3379</v>
      </c>
      <c r="P26" s="1204">
        <v>2268</v>
      </c>
      <c r="Q26" s="1201">
        <v>103</v>
      </c>
      <c r="R26" s="1202">
        <v>-8</v>
      </c>
      <c r="S26" s="1201">
        <v>111</v>
      </c>
      <c r="T26" s="1203">
        <v>2134</v>
      </c>
      <c r="U26" s="1202">
        <v>700</v>
      </c>
      <c r="V26" s="1202">
        <v>1434</v>
      </c>
      <c r="W26" s="1201">
        <v>2031</v>
      </c>
      <c r="X26" s="1202">
        <v>708</v>
      </c>
      <c r="Y26" s="1201">
        <v>1323</v>
      </c>
    </row>
    <row r="27" spans="1:25" ht="16.5" customHeight="1">
      <c r="A27" s="178"/>
      <c r="B27" s="1084">
        <v>80852</v>
      </c>
      <c r="C27" s="1085" t="s">
        <v>508</v>
      </c>
      <c r="D27" s="1201">
        <v>-6232</v>
      </c>
      <c r="E27" s="1202">
        <v>-3179</v>
      </c>
      <c r="F27" s="1201">
        <v>-3053</v>
      </c>
      <c r="G27" s="1203">
        <v>-6256</v>
      </c>
      <c r="H27" s="1202">
        <v>-3172</v>
      </c>
      <c r="I27" s="1201">
        <v>-3084</v>
      </c>
      <c r="J27" s="1205" t="s">
        <v>188</v>
      </c>
      <c r="K27" s="1206" t="s">
        <v>188</v>
      </c>
      <c r="L27" s="1207" t="s">
        <v>188</v>
      </c>
      <c r="M27" s="1205"/>
      <c r="N27" s="1201">
        <v>6256</v>
      </c>
      <c r="O27" s="1202">
        <v>3172</v>
      </c>
      <c r="P27" s="1204">
        <v>3084</v>
      </c>
      <c r="Q27" s="1201">
        <v>24</v>
      </c>
      <c r="R27" s="1202">
        <v>-7</v>
      </c>
      <c r="S27" s="1201">
        <v>31</v>
      </c>
      <c r="T27" s="1203">
        <v>1711</v>
      </c>
      <c r="U27" s="1202">
        <v>461</v>
      </c>
      <c r="V27" s="1202">
        <v>1250</v>
      </c>
      <c r="W27" s="1201">
        <v>1687</v>
      </c>
      <c r="X27" s="1202">
        <v>468</v>
      </c>
      <c r="Y27" s="1201">
        <v>1219</v>
      </c>
    </row>
    <row r="28" spans="1:25" ht="16.5" customHeight="1">
      <c r="A28" s="178"/>
      <c r="B28" s="1084">
        <v>35226</v>
      </c>
      <c r="C28" s="1085" t="s">
        <v>587</v>
      </c>
      <c r="D28" s="1201">
        <v>-5094</v>
      </c>
      <c r="E28" s="1202">
        <v>-2053</v>
      </c>
      <c r="F28" s="1201">
        <v>-3041</v>
      </c>
      <c r="G28" s="1203">
        <v>-5164</v>
      </c>
      <c r="H28" s="1202">
        <v>-2060</v>
      </c>
      <c r="I28" s="1201">
        <v>-3104</v>
      </c>
      <c r="J28" s="1205" t="s">
        <v>188</v>
      </c>
      <c r="K28" s="1206" t="s">
        <v>188</v>
      </c>
      <c r="L28" s="1207" t="s">
        <v>188</v>
      </c>
      <c r="M28" s="1205"/>
      <c r="N28" s="1201">
        <v>5164</v>
      </c>
      <c r="O28" s="1202">
        <v>2060</v>
      </c>
      <c r="P28" s="1204">
        <v>3104</v>
      </c>
      <c r="Q28" s="1201">
        <v>70</v>
      </c>
      <c r="R28" s="1202">
        <v>7</v>
      </c>
      <c r="S28" s="1201">
        <v>63</v>
      </c>
      <c r="T28" s="1203">
        <v>832</v>
      </c>
      <c r="U28" s="1202">
        <v>209</v>
      </c>
      <c r="V28" s="1202">
        <v>623</v>
      </c>
      <c r="W28" s="1201">
        <v>762</v>
      </c>
      <c r="X28" s="1202">
        <v>202</v>
      </c>
      <c r="Y28" s="1201">
        <v>560</v>
      </c>
    </row>
    <row r="29" spans="1:25" ht="16.5" customHeight="1">
      <c r="A29" s="178"/>
      <c r="B29" s="1090">
        <v>8910</v>
      </c>
      <c r="C29" s="1088" t="s">
        <v>588</v>
      </c>
      <c r="D29" s="1208">
        <v>-2394</v>
      </c>
      <c r="E29" s="1209">
        <v>-618</v>
      </c>
      <c r="F29" s="1208">
        <v>-1776</v>
      </c>
      <c r="G29" s="1210">
        <v>-2421</v>
      </c>
      <c r="H29" s="1209">
        <v>-619</v>
      </c>
      <c r="I29" s="1208">
        <v>-1802</v>
      </c>
      <c r="J29" s="1211" t="s">
        <v>188</v>
      </c>
      <c r="K29" s="1212" t="s">
        <v>188</v>
      </c>
      <c r="L29" s="1213" t="s">
        <v>188</v>
      </c>
      <c r="M29" s="1211"/>
      <c r="N29" s="1208">
        <v>2421</v>
      </c>
      <c r="O29" s="1209">
        <v>619</v>
      </c>
      <c r="P29" s="1214">
        <v>1802</v>
      </c>
      <c r="Q29" s="1208">
        <v>27</v>
      </c>
      <c r="R29" s="1209">
        <v>1</v>
      </c>
      <c r="S29" s="1208">
        <v>26</v>
      </c>
      <c r="T29" s="1210">
        <v>254</v>
      </c>
      <c r="U29" s="1209">
        <v>42</v>
      </c>
      <c r="V29" s="1209">
        <v>212</v>
      </c>
      <c r="W29" s="1208">
        <v>227</v>
      </c>
      <c r="X29" s="1209">
        <v>41</v>
      </c>
      <c r="Y29" s="1208">
        <v>186</v>
      </c>
    </row>
    <row r="30" spans="1:25" ht="16.5" customHeight="1">
      <c r="A30" s="178"/>
      <c r="B30" s="1094">
        <v>1502</v>
      </c>
      <c r="C30" s="1088" t="s">
        <v>589</v>
      </c>
      <c r="D30" s="1214">
        <v>-732</v>
      </c>
      <c r="E30" s="1209">
        <v>-122</v>
      </c>
      <c r="F30" s="1210">
        <v>-610</v>
      </c>
      <c r="G30" s="1210">
        <v>-730</v>
      </c>
      <c r="H30" s="1209">
        <v>-121</v>
      </c>
      <c r="I30" s="1208">
        <v>-609</v>
      </c>
      <c r="J30" s="1211" t="s">
        <v>188</v>
      </c>
      <c r="K30" s="1212" t="s">
        <v>188</v>
      </c>
      <c r="L30" s="1211" t="s">
        <v>188</v>
      </c>
      <c r="M30" s="1211"/>
      <c r="N30" s="1208">
        <v>730</v>
      </c>
      <c r="O30" s="1209">
        <v>121</v>
      </c>
      <c r="P30" s="1214">
        <v>609</v>
      </c>
      <c r="Q30" s="1208">
        <v>-2</v>
      </c>
      <c r="R30" s="1209">
        <v>-1</v>
      </c>
      <c r="S30" s="1210">
        <v>-1</v>
      </c>
      <c r="T30" s="1210">
        <v>36</v>
      </c>
      <c r="U30" s="1209">
        <v>3</v>
      </c>
      <c r="V30" s="1209">
        <v>33</v>
      </c>
      <c r="W30" s="1208">
        <v>38</v>
      </c>
      <c r="X30" s="1209">
        <v>4</v>
      </c>
      <c r="Y30" s="1208">
        <v>34</v>
      </c>
    </row>
    <row r="31" spans="1:25" ht="16.5" customHeight="1">
      <c r="A31" s="178"/>
      <c r="B31" s="1097">
        <v>22528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457018</v>
      </c>
      <c r="C32" s="1085" t="s">
        <v>563</v>
      </c>
      <c r="D32" s="1201">
        <v>27468</v>
      </c>
      <c r="E32" s="1202">
        <v>13991</v>
      </c>
      <c r="F32" s="1201">
        <v>13477</v>
      </c>
      <c r="G32" s="1203">
        <v>28510</v>
      </c>
      <c r="H32" s="1202">
        <v>14556</v>
      </c>
      <c r="I32" s="1201">
        <v>13954</v>
      </c>
      <c r="J32" s="1203">
        <v>28611</v>
      </c>
      <c r="K32" s="1202">
        <v>14609</v>
      </c>
      <c r="L32" s="1201">
        <v>14002</v>
      </c>
      <c r="M32" s="1203"/>
      <c r="N32" s="1201">
        <v>101</v>
      </c>
      <c r="O32" s="1202">
        <v>53</v>
      </c>
      <c r="P32" s="1204">
        <v>48</v>
      </c>
      <c r="Q32" s="1201">
        <v>-1042</v>
      </c>
      <c r="R32" s="1202">
        <v>-565</v>
      </c>
      <c r="S32" s="1201">
        <v>-477</v>
      </c>
      <c r="T32" s="1203">
        <v>21770</v>
      </c>
      <c r="U32" s="1202">
        <v>11072</v>
      </c>
      <c r="V32" s="1204">
        <v>10698</v>
      </c>
      <c r="W32" s="1201">
        <v>22812</v>
      </c>
      <c r="X32" s="1202">
        <v>11637</v>
      </c>
      <c r="Y32" s="1201">
        <v>11175</v>
      </c>
    </row>
    <row r="33" spans="1:25" ht="16.5" customHeight="1">
      <c r="A33" s="178"/>
      <c r="B33" s="1084">
        <v>2350639</v>
      </c>
      <c r="C33" s="1085" t="s">
        <v>564</v>
      </c>
      <c r="D33" s="1201">
        <v>4008</v>
      </c>
      <c r="E33" s="1202">
        <v>620</v>
      </c>
      <c r="F33" s="1201">
        <v>3388</v>
      </c>
      <c r="G33" s="1203">
        <v>-3244</v>
      </c>
      <c r="H33" s="1202">
        <v>-2117</v>
      </c>
      <c r="I33" s="1201">
        <v>-1127</v>
      </c>
      <c r="J33" s="1205" t="s">
        <v>188</v>
      </c>
      <c r="K33" s="1206" t="s">
        <v>188</v>
      </c>
      <c r="L33" s="1207" t="s">
        <v>188</v>
      </c>
      <c r="M33" s="1205"/>
      <c r="N33" s="1201">
        <v>3244</v>
      </c>
      <c r="O33" s="1202">
        <v>2117</v>
      </c>
      <c r="P33" s="1204">
        <v>1127</v>
      </c>
      <c r="Q33" s="1201">
        <v>7252</v>
      </c>
      <c r="R33" s="1202">
        <v>2737</v>
      </c>
      <c r="S33" s="1201">
        <v>4515</v>
      </c>
      <c r="T33" s="1203">
        <v>180316</v>
      </c>
      <c r="U33" s="1202">
        <v>97178</v>
      </c>
      <c r="V33" s="1204">
        <v>83138</v>
      </c>
      <c r="W33" s="1201">
        <v>173064</v>
      </c>
      <c r="X33" s="1202">
        <v>94441</v>
      </c>
      <c r="Y33" s="1201">
        <v>78623</v>
      </c>
    </row>
    <row r="34" spans="1:25" ht="16.5" customHeight="1" thickBot="1">
      <c r="A34" s="178"/>
      <c r="B34" s="1084">
        <v>902899</v>
      </c>
      <c r="C34" s="1085" t="s">
        <v>565</v>
      </c>
      <c r="D34" s="1201">
        <v>-29488</v>
      </c>
      <c r="E34" s="1202">
        <v>-15878</v>
      </c>
      <c r="F34" s="1201">
        <v>-13610</v>
      </c>
      <c r="G34" s="1203">
        <v>-29339</v>
      </c>
      <c r="H34" s="1202">
        <v>-15532</v>
      </c>
      <c r="I34" s="1201">
        <v>-13807</v>
      </c>
      <c r="J34" s="1205" t="s">
        <v>188</v>
      </c>
      <c r="K34" s="1206" t="s">
        <v>188</v>
      </c>
      <c r="L34" s="1207" t="s">
        <v>188</v>
      </c>
      <c r="M34" s="1205"/>
      <c r="N34" s="1201">
        <v>29339</v>
      </c>
      <c r="O34" s="1202">
        <v>15532</v>
      </c>
      <c r="P34" s="1204">
        <v>13807</v>
      </c>
      <c r="Q34" s="1201">
        <v>-149</v>
      </c>
      <c r="R34" s="1202">
        <v>-346</v>
      </c>
      <c r="S34" s="1201">
        <v>197</v>
      </c>
      <c r="T34" s="1203">
        <v>13640</v>
      </c>
      <c r="U34" s="1202">
        <v>5825</v>
      </c>
      <c r="V34" s="1204">
        <v>7815</v>
      </c>
      <c r="W34" s="1201">
        <v>13789</v>
      </c>
      <c r="X34" s="1202">
        <v>6171</v>
      </c>
      <c r="Y34" s="1201">
        <v>7618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3</v>
      </c>
      <c r="E36" s="838" t="s">
        <v>383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3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5.5</v>
      </c>
      <c r="U38" s="1181">
        <v>5.4</v>
      </c>
      <c r="V38" s="1183">
        <v>5.7</v>
      </c>
      <c r="W38" s="1182">
        <v>6.1</v>
      </c>
      <c r="X38" s="1181">
        <v>5.9</v>
      </c>
      <c r="Y38" s="1220">
        <v>6.3</v>
      </c>
    </row>
    <row r="39" spans="1:25" ht="16.5" customHeight="1">
      <c r="A39" s="178"/>
      <c r="B39" s="847">
        <v>4.0999999999999996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8</v>
      </c>
      <c r="U39" s="1181">
        <v>2.7</v>
      </c>
      <c r="V39" s="1183">
        <v>3</v>
      </c>
      <c r="W39" s="1182">
        <v>3.1</v>
      </c>
      <c r="X39" s="1181">
        <v>3</v>
      </c>
      <c r="Y39" s="1220">
        <v>3.3</v>
      </c>
    </row>
    <row r="40" spans="1:25" ht="16.5" customHeight="1">
      <c r="A40" s="178"/>
      <c r="B40" s="847">
        <v>4.2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.1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7</v>
      </c>
      <c r="U40" s="1181">
        <v>1.6</v>
      </c>
      <c r="V40" s="1183">
        <v>1.8</v>
      </c>
      <c r="W40" s="1182">
        <v>1.7</v>
      </c>
      <c r="X40" s="1181">
        <v>1.5</v>
      </c>
      <c r="Y40" s="1220">
        <v>1.8</v>
      </c>
    </row>
    <row r="41" spans="1:25" ht="16.5" customHeight="1">
      <c r="A41" s="178"/>
      <c r="B41" s="847">
        <v>4.7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3.6</v>
      </c>
      <c r="U41" s="1181">
        <v>3.6</v>
      </c>
      <c r="V41" s="1183">
        <v>3.6</v>
      </c>
      <c r="W41" s="1182">
        <v>2.5</v>
      </c>
      <c r="X41" s="1181">
        <v>2.5</v>
      </c>
      <c r="Y41" s="1220">
        <v>2.6</v>
      </c>
    </row>
    <row r="42" spans="1:25" ht="16.5" customHeight="1">
      <c r="A42" s="178"/>
      <c r="B42" s="845">
        <v>5.5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5.1</v>
      </c>
      <c r="U42" s="1185">
        <v>14.8</v>
      </c>
      <c r="V42" s="1186">
        <v>15.5</v>
      </c>
      <c r="W42" s="1184">
        <v>12.4</v>
      </c>
      <c r="X42" s="1185">
        <v>12.4</v>
      </c>
      <c r="Y42" s="1221">
        <v>12.3</v>
      </c>
    </row>
    <row r="43" spans="1:25" ht="16.5" customHeight="1">
      <c r="A43" s="178"/>
      <c r="B43" s="847">
        <v>5.3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2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9.5</v>
      </c>
      <c r="U43" s="1181">
        <v>19.3</v>
      </c>
      <c r="V43" s="1183">
        <v>19.8</v>
      </c>
      <c r="W43" s="1182">
        <v>19.8</v>
      </c>
      <c r="X43" s="1181">
        <v>19.3</v>
      </c>
      <c r="Y43" s="1220">
        <v>20.399999999999999</v>
      </c>
    </row>
    <row r="44" spans="1:25" ht="16.5" customHeight="1">
      <c r="A44" s="808" t="s">
        <v>573</v>
      </c>
      <c r="B44" s="847">
        <v>5.9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5.1</v>
      </c>
      <c r="U44" s="1181">
        <v>15.1</v>
      </c>
      <c r="V44" s="1183">
        <v>15</v>
      </c>
      <c r="W44" s="1182">
        <v>15.6</v>
      </c>
      <c r="X44" s="1181">
        <v>15.5</v>
      </c>
      <c r="Y44" s="1220">
        <v>15.7</v>
      </c>
    </row>
    <row r="45" spans="1:25" ht="16.5" customHeight="1">
      <c r="A45" s="808"/>
      <c r="B45" s="847">
        <v>6.5</v>
      </c>
      <c r="C45" s="829" t="s">
        <v>575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4</v>
      </c>
      <c r="P45" s="1183">
        <v>0.4</v>
      </c>
      <c r="Q45" s="1177" t="s">
        <v>188</v>
      </c>
      <c r="R45" s="1178" t="s">
        <v>188</v>
      </c>
      <c r="S45" s="1179" t="s">
        <v>188</v>
      </c>
      <c r="T45" s="1180">
        <v>9.8000000000000007</v>
      </c>
      <c r="U45" s="1181">
        <v>10.1</v>
      </c>
      <c r="V45" s="1183">
        <v>9.4</v>
      </c>
      <c r="W45" s="1182">
        <v>10.3</v>
      </c>
      <c r="X45" s="1181">
        <v>10.6</v>
      </c>
      <c r="Y45" s="1220">
        <v>10</v>
      </c>
    </row>
    <row r="46" spans="1:25" ht="16.5" customHeight="1">
      <c r="A46" s="809"/>
      <c r="B46" s="847">
        <v>8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8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9</v>
      </c>
      <c r="U46" s="1181">
        <v>7.3</v>
      </c>
      <c r="V46" s="1183">
        <v>6.5</v>
      </c>
      <c r="W46" s="1182">
        <v>7.3</v>
      </c>
      <c r="X46" s="1181">
        <v>7.8</v>
      </c>
      <c r="Y46" s="1220">
        <v>6.8</v>
      </c>
    </row>
    <row r="47" spans="1:25" ht="16.5" customHeight="1">
      <c r="A47" s="809"/>
      <c r="B47" s="847">
        <v>8.6999999999999993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2</v>
      </c>
      <c r="O47" s="1185">
        <v>1.4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8</v>
      </c>
      <c r="V47" s="1186">
        <v>4.7</v>
      </c>
      <c r="W47" s="1184">
        <v>5.5</v>
      </c>
      <c r="X47" s="1185">
        <v>6</v>
      </c>
      <c r="Y47" s="1221">
        <v>4.9000000000000004</v>
      </c>
    </row>
    <row r="48" spans="1:25" ht="16.5" customHeight="1">
      <c r="A48" s="808" t="s">
        <v>311</v>
      </c>
      <c r="B48" s="858">
        <v>7.4</v>
      </c>
      <c r="C48" s="829" t="s">
        <v>578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7</v>
      </c>
      <c r="O48" s="1181">
        <v>2.1</v>
      </c>
      <c r="P48" s="1183">
        <v>1.3</v>
      </c>
      <c r="Q48" s="1177" t="s">
        <v>188</v>
      </c>
      <c r="R48" s="1178" t="s">
        <v>188</v>
      </c>
      <c r="S48" s="1179" t="s">
        <v>188</v>
      </c>
      <c r="T48" s="1180">
        <v>3.8</v>
      </c>
      <c r="U48" s="1181">
        <v>4.2</v>
      </c>
      <c r="V48" s="1183">
        <v>3.3</v>
      </c>
      <c r="W48" s="1182">
        <v>4</v>
      </c>
      <c r="X48" s="1181">
        <v>4.5</v>
      </c>
      <c r="Y48" s="1220">
        <v>3.5</v>
      </c>
    </row>
    <row r="49" spans="1:25" ht="16.5" customHeight="1">
      <c r="A49" s="809"/>
      <c r="B49" s="847">
        <v>6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000000000000002</v>
      </c>
      <c r="O49" s="1181">
        <v>2.6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6</v>
      </c>
      <c r="U49" s="1181">
        <v>2.8</v>
      </c>
      <c r="V49" s="1183">
        <v>2.2000000000000002</v>
      </c>
      <c r="W49" s="1182">
        <v>2.9</v>
      </c>
      <c r="X49" s="1181">
        <v>3.1</v>
      </c>
      <c r="Y49" s="1220">
        <v>2.7</v>
      </c>
    </row>
    <row r="50" spans="1:25" ht="16.5" customHeight="1">
      <c r="A50" s="808"/>
      <c r="B50" s="847">
        <v>5.3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</v>
      </c>
      <c r="O50" s="1181">
        <v>3.9</v>
      </c>
      <c r="P50" s="1183">
        <v>2</v>
      </c>
      <c r="Q50" s="1177" t="s">
        <v>188</v>
      </c>
      <c r="R50" s="1178" t="s">
        <v>188</v>
      </c>
      <c r="S50" s="1179" t="s">
        <v>188</v>
      </c>
      <c r="T50" s="1180">
        <v>1.9</v>
      </c>
      <c r="U50" s="1181">
        <v>2.1</v>
      </c>
      <c r="V50" s="1183">
        <v>1.6</v>
      </c>
      <c r="W50" s="1182">
        <v>2.1</v>
      </c>
      <c r="X50" s="1181">
        <v>2.4</v>
      </c>
      <c r="Y50" s="1220">
        <v>1.9</v>
      </c>
    </row>
    <row r="51" spans="1:25" ht="16.5" customHeight="1">
      <c r="A51" s="809"/>
      <c r="B51" s="847">
        <v>6.7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8</v>
      </c>
      <c r="O51" s="1181">
        <v>8.9</v>
      </c>
      <c r="P51" s="1183">
        <v>4.3</v>
      </c>
      <c r="Q51" s="1177" t="s">
        <v>188</v>
      </c>
      <c r="R51" s="1178" t="s">
        <v>188</v>
      </c>
      <c r="S51" s="1179" t="s">
        <v>188</v>
      </c>
      <c r="T51" s="1180">
        <v>1.7</v>
      </c>
      <c r="U51" s="1181">
        <v>1.8</v>
      </c>
      <c r="V51" s="1183">
        <v>1.6</v>
      </c>
      <c r="W51" s="1182">
        <v>2</v>
      </c>
      <c r="X51" s="1181">
        <v>2.1</v>
      </c>
      <c r="Y51" s="1220">
        <v>1.8</v>
      </c>
    </row>
    <row r="52" spans="1:25" ht="16.5" customHeight="1">
      <c r="A52" s="808" t="s">
        <v>582</v>
      </c>
      <c r="B52" s="845">
        <v>5.7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8.6999999999999993</v>
      </c>
      <c r="O52" s="1185">
        <v>11.1</v>
      </c>
      <c r="P52" s="1186">
        <v>6</v>
      </c>
      <c r="Q52" s="1187" t="s">
        <v>188</v>
      </c>
      <c r="R52" s="1188" t="s">
        <v>188</v>
      </c>
      <c r="S52" s="1189" t="s">
        <v>188</v>
      </c>
      <c r="T52" s="1190">
        <v>1.3</v>
      </c>
      <c r="U52" s="1185">
        <v>1.2</v>
      </c>
      <c r="V52" s="1186">
        <v>1.3</v>
      </c>
      <c r="W52" s="1184">
        <v>1.3</v>
      </c>
      <c r="X52" s="1185">
        <v>1.3</v>
      </c>
      <c r="Y52" s="1221">
        <v>1.4</v>
      </c>
    </row>
    <row r="53" spans="1:25" ht="16.5" customHeight="1">
      <c r="A53" s="178"/>
      <c r="B53" s="847">
        <v>4.9000000000000004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4</v>
      </c>
      <c r="O53" s="1181">
        <v>14.9</v>
      </c>
      <c r="P53" s="1183">
        <v>9.3000000000000007</v>
      </c>
      <c r="Q53" s="1177" t="s">
        <v>188</v>
      </c>
      <c r="R53" s="1178" t="s">
        <v>188</v>
      </c>
      <c r="S53" s="1179" t="s">
        <v>188</v>
      </c>
      <c r="T53" s="1180">
        <v>1</v>
      </c>
      <c r="U53" s="1181">
        <v>0.8</v>
      </c>
      <c r="V53" s="1183">
        <v>1.3</v>
      </c>
      <c r="W53" s="1182">
        <v>1</v>
      </c>
      <c r="X53" s="1181">
        <v>0.8</v>
      </c>
      <c r="Y53" s="1220">
        <v>1.2</v>
      </c>
    </row>
    <row r="54" spans="1:25" ht="16.5" customHeight="1">
      <c r="A54" s="178"/>
      <c r="B54" s="847">
        <v>3.7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3</v>
      </c>
      <c r="O54" s="1181">
        <v>19.100000000000001</v>
      </c>
      <c r="P54" s="1183">
        <v>15.1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1</v>
      </c>
      <c r="X54" s="1181">
        <v>0.6</v>
      </c>
      <c r="Y54" s="1220">
        <v>1.4</v>
      </c>
    </row>
    <row r="55" spans="1:25" ht="16.5" customHeight="1">
      <c r="A55" s="178"/>
      <c r="B55" s="847">
        <v>2.2000000000000002</v>
      </c>
      <c r="C55" s="829" t="s">
        <v>586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9.100000000000001</v>
      </c>
      <c r="O55" s="1181">
        <v>17.899999999999999</v>
      </c>
      <c r="P55" s="1183">
        <v>20.6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8</v>
      </c>
      <c r="X55" s="1181">
        <v>0.4</v>
      </c>
      <c r="Y55" s="1220">
        <v>1.3</v>
      </c>
    </row>
    <row r="56" spans="1:25" ht="16.5" customHeight="1">
      <c r="A56" s="178"/>
      <c r="B56" s="847">
        <v>0.9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8</v>
      </c>
      <c r="O56" s="1181">
        <v>11.6</v>
      </c>
      <c r="P56" s="1183">
        <v>20.7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6</v>
      </c>
      <c r="W56" s="1182">
        <v>0.4</v>
      </c>
      <c r="X56" s="1181">
        <v>0.2</v>
      </c>
      <c r="Y56" s="1220">
        <v>0.6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4</v>
      </c>
      <c r="O57" s="1185">
        <v>3.5</v>
      </c>
      <c r="P57" s="1186">
        <v>1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221">
        <v>0.2</v>
      </c>
    </row>
    <row r="58" spans="1:25" ht="16.5" customHeight="1">
      <c r="A58" s="178"/>
      <c r="B58" s="847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2000000000000002</v>
      </c>
      <c r="O58" s="1185">
        <v>0.7</v>
      </c>
      <c r="P58" s="1185">
        <v>4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221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222" t="s">
        <v>188</v>
      </c>
    </row>
    <row r="60" spans="1:25" ht="16.5" customHeight="1">
      <c r="A60" s="178"/>
      <c r="B60" s="847">
        <v>12.3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10.1</v>
      </c>
      <c r="U60" s="1181">
        <v>9.6999999999999993</v>
      </c>
      <c r="V60" s="1183">
        <v>10.5</v>
      </c>
      <c r="W60" s="1182">
        <v>10.9</v>
      </c>
      <c r="X60" s="1181">
        <v>10.4</v>
      </c>
      <c r="Y60" s="1220">
        <v>11.5</v>
      </c>
    </row>
    <row r="61" spans="1:25" ht="16.5" customHeight="1">
      <c r="A61" s="178"/>
      <c r="B61" s="847">
        <v>63.4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9.9</v>
      </c>
      <c r="O61" s="1181">
        <v>12</v>
      </c>
      <c r="P61" s="1183">
        <v>7.5</v>
      </c>
      <c r="Q61" s="1177" t="s">
        <v>188</v>
      </c>
      <c r="R61" s="1178" t="s">
        <v>188</v>
      </c>
      <c r="S61" s="1179" t="s">
        <v>188</v>
      </c>
      <c r="T61" s="1180">
        <v>83.6</v>
      </c>
      <c r="U61" s="1181">
        <v>85.2</v>
      </c>
      <c r="V61" s="1183">
        <v>81.8</v>
      </c>
      <c r="W61" s="1182">
        <v>82.5</v>
      </c>
      <c r="X61" s="1181">
        <v>84.1</v>
      </c>
      <c r="Y61" s="1220">
        <v>80.7</v>
      </c>
    </row>
    <row r="62" spans="1:25" ht="16.5" customHeight="1" thickBot="1">
      <c r="A62" s="850"/>
      <c r="B62" s="851">
        <v>24.3</v>
      </c>
      <c r="C62" s="852" t="s">
        <v>565</v>
      </c>
      <c r="D62" s="1198" t="s">
        <v>188</v>
      </c>
      <c r="E62" s="1199" t="s">
        <v>188</v>
      </c>
      <c r="F62" s="1219" t="s">
        <v>188</v>
      </c>
      <c r="G62" s="1198" t="s">
        <v>188</v>
      </c>
      <c r="H62" s="1199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8</v>
      </c>
      <c r="O62" s="1196">
        <v>87.7</v>
      </c>
      <c r="P62" s="1197">
        <v>92.2</v>
      </c>
      <c r="Q62" s="1198" t="s">
        <v>188</v>
      </c>
      <c r="R62" s="1199" t="s">
        <v>188</v>
      </c>
      <c r="S62" s="1199" t="s">
        <v>188</v>
      </c>
      <c r="T62" s="1200">
        <v>6.3</v>
      </c>
      <c r="U62" s="1196">
        <v>5.0999999999999996</v>
      </c>
      <c r="V62" s="1197">
        <v>7.7</v>
      </c>
      <c r="W62" s="1195">
        <v>6.6</v>
      </c>
      <c r="X62" s="1196">
        <v>5.5</v>
      </c>
      <c r="Y62" s="1223">
        <v>7.8</v>
      </c>
    </row>
    <row r="63" spans="1:25" ht="15" thickTop="1">
      <c r="A63" s="285" t="s">
        <v>602</v>
      </c>
      <c r="B63" s="285" t="s">
        <v>536</v>
      </c>
      <c r="C63" s="285"/>
      <c r="D63" s="285"/>
      <c r="E63" s="285"/>
      <c r="F63" s="285"/>
      <c r="G63" s="285"/>
      <c r="H63" s="285"/>
      <c r="I63" s="285"/>
      <c r="J63" s="122"/>
      <c r="K63" s="122"/>
      <c r="L63" s="122"/>
      <c r="M63" s="122"/>
      <c r="N63" s="122"/>
      <c r="O63" s="122"/>
      <c r="P63" s="122"/>
      <c r="Q63" s="122"/>
      <c r="R63" s="122"/>
      <c r="S63" s="122"/>
      <c r="T63" s="122"/>
      <c r="U63" s="122"/>
      <c r="V63" s="122"/>
      <c r="W63" s="122"/>
      <c r="X63" s="122"/>
      <c r="Y63" s="122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2">
    <mergeCell ref="C4:C5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26" fitToWidth="0" orientation="portrait" blackAndWhite="1" useFirstPageNumber="1" r:id="rId1"/>
  <headerFooter>
    <oddFooter>&amp;C&amp;"ＭＳ ゴシック,太字"&amp;12-&amp;P--</oddFooter>
    <evenFooter>&amp;C－27－</evenFooter>
  </headerFooter>
  <colBreaks count="1" manualBreakCount="1">
    <brk id="13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603</v>
      </c>
      <c r="B1" s="284"/>
      <c r="C1" s="358"/>
      <c r="D1" s="358"/>
      <c r="E1" s="358"/>
      <c r="F1" s="358"/>
      <c r="R1" s="358" t="s">
        <v>603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0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505357</v>
      </c>
      <c r="C8" s="884" t="s">
        <v>238</v>
      </c>
      <c r="D8" s="888">
        <v>13780</v>
      </c>
      <c r="E8" s="887">
        <v>6174</v>
      </c>
      <c r="F8" s="888">
        <v>7606</v>
      </c>
      <c r="G8" s="886">
        <v>2994</v>
      </c>
      <c r="H8" s="887">
        <v>1174</v>
      </c>
      <c r="I8" s="888">
        <v>1820</v>
      </c>
      <c r="J8" s="886">
        <v>14136</v>
      </c>
      <c r="K8" s="887">
        <v>7211</v>
      </c>
      <c r="L8" s="888">
        <v>6925</v>
      </c>
      <c r="M8" s="886"/>
      <c r="N8" s="888">
        <v>11142</v>
      </c>
      <c r="O8" s="887">
        <v>6037</v>
      </c>
      <c r="P8" s="889">
        <v>5105</v>
      </c>
      <c r="Q8" s="888">
        <v>10786</v>
      </c>
      <c r="R8" s="887">
        <v>5000</v>
      </c>
      <c r="S8" s="888">
        <v>5786</v>
      </c>
      <c r="T8" s="886">
        <v>107936</v>
      </c>
      <c r="U8" s="887">
        <v>57760</v>
      </c>
      <c r="V8" s="889">
        <v>50176</v>
      </c>
      <c r="W8" s="888">
        <v>97150</v>
      </c>
      <c r="X8" s="887">
        <v>52760</v>
      </c>
      <c r="Y8" s="888">
        <v>44390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66200</v>
      </c>
      <c r="C10" s="1085" t="s">
        <v>566</v>
      </c>
      <c r="D10" s="1201">
        <v>12714</v>
      </c>
      <c r="E10" s="1202">
        <v>6463</v>
      </c>
      <c r="F10" s="1201">
        <v>6251</v>
      </c>
      <c r="G10" s="1203">
        <v>14100</v>
      </c>
      <c r="H10" s="1202">
        <v>7187</v>
      </c>
      <c r="I10" s="1201">
        <v>6913</v>
      </c>
      <c r="J10" s="1203">
        <v>14136</v>
      </c>
      <c r="K10" s="1202">
        <v>7211</v>
      </c>
      <c r="L10" s="1201">
        <v>6925</v>
      </c>
      <c r="M10" s="1203"/>
      <c r="N10" s="1201">
        <v>36</v>
      </c>
      <c r="O10" s="1202">
        <v>24</v>
      </c>
      <c r="P10" s="1204">
        <v>12</v>
      </c>
      <c r="Q10" s="1201">
        <v>-1386</v>
      </c>
      <c r="R10" s="1202">
        <v>-724</v>
      </c>
      <c r="S10" s="1201">
        <v>-662</v>
      </c>
      <c r="T10" s="1203">
        <v>4662</v>
      </c>
      <c r="U10" s="1202">
        <v>2345</v>
      </c>
      <c r="V10" s="1202">
        <v>2317</v>
      </c>
      <c r="W10" s="1201">
        <v>6048</v>
      </c>
      <c r="X10" s="1202">
        <v>3069</v>
      </c>
      <c r="Y10" s="1201">
        <v>2979</v>
      </c>
    </row>
    <row r="11" spans="1:25" ht="16.5" customHeight="1">
      <c r="A11" s="178"/>
      <c r="B11" s="1084">
        <v>61199</v>
      </c>
      <c r="C11" s="1085" t="s">
        <v>568</v>
      </c>
      <c r="D11" s="1201">
        <v>-436</v>
      </c>
      <c r="E11" s="1202">
        <v>-229</v>
      </c>
      <c r="F11" s="1201">
        <v>-207</v>
      </c>
      <c r="G11" s="1203">
        <v>-8</v>
      </c>
      <c r="H11" s="1202">
        <v>-4</v>
      </c>
      <c r="I11" s="1201">
        <v>-4</v>
      </c>
      <c r="J11" s="1205" t="s">
        <v>188</v>
      </c>
      <c r="K11" s="1206" t="s">
        <v>188</v>
      </c>
      <c r="L11" s="1207" t="s">
        <v>188</v>
      </c>
      <c r="M11" s="1205"/>
      <c r="N11" s="1201">
        <v>8</v>
      </c>
      <c r="O11" s="1202">
        <v>4</v>
      </c>
      <c r="P11" s="1204">
        <v>4</v>
      </c>
      <c r="Q11" s="1201">
        <v>-428</v>
      </c>
      <c r="R11" s="1202">
        <v>-225</v>
      </c>
      <c r="S11" s="1201">
        <v>-203</v>
      </c>
      <c r="T11" s="1203">
        <v>2206</v>
      </c>
      <c r="U11" s="1202">
        <v>1117</v>
      </c>
      <c r="V11" s="1202">
        <v>1089</v>
      </c>
      <c r="W11" s="1201">
        <v>2634</v>
      </c>
      <c r="X11" s="1202">
        <v>1342</v>
      </c>
      <c r="Y11" s="1201">
        <v>1292</v>
      </c>
    </row>
    <row r="12" spans="1:25" ht="16.5" customHeight="1">
      <c r="A12" s="178"/>
      <c r="B12" s="1084">
        <v>58472</v>
      </c>
      <c r="C12" s="1085" t="s">
        <v>569</v>
      </c>
      <c r="D12" s="1201">
        <v>45</v>
      </c>
      <c r="E12" s="1202">
        <v>28</v>
      </c>
      <c r="F12" s="1201">
        <v>17</v>
      </c>
      <c r="G12" s="1203">
        <v>-2</v>
      </c>
      <c r="H12" s="1202">
        <v>-2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2</v>
      </c>
      <c r="O12" s="1202">
        <v>2</v>
      </c>
      <c r="P12" s="1204">
        <v>0</v>
      </c>
      <c r="Q12" s="1201">
        <v>47</v>
      </c>
      <c r="R12" s="1202">
        <v>30</v>
      </c>
      <c r="S12" s="1201">
        <v>17</v>
      </c>
      <c r="T12" s="1203">
        <v>1273</v>
      </c>
      <c r="U12" s="1202">
        <v>659</v>
      </c>
      <c r="V12" s="1202">
        <v>614</v>
      </c>
      <c r="W12" s="1201">
        <v>1226</v>
      </c>
      <c r="X12" s="1202">
        <v>629</v>
      </c>
      <c r="Y12" s="1201">
        <v>597</v>
      </c>
    </row>
    <row r="13" spans="1:25" ht="16.5" customHeight="1">
      <c r="A13" s="178"/>
      <c r="B13" s="1084">
        <v>62005</v>
      </c>
      <c r="C13" s="1085" t="s">
        <v>558</v>
      </c>
      <c r="D13" s="1201">
        <v>1762</v>
      </c>
      <c r="E13" s="1202">
        <v>997</v>
      </c>
      <c r="F13" s="1201">
        <v>765</v>
      </c>
      <c r="G13" s="1203">
        <v>-9</v>
      </c>
      <c r="H13" s="1202">
        <v>-4</v>
      </c>
      <c r="I13" s="1201">
        <v>-5</v>
      </c>
      <c r="J13" s="1205" t="s">
        <v>188</v>
      </c>
      <c r="K13" s="1206" t="s">
        <v>188</v>
      </c>
      <c r="L13" s="1207" t="s">
        <v>188</v>
      </c>
      <c r="M13" s="1205"/>
      <c r="N13" s="1201">
        <v>9</v>
      </c>
      <c r="O13" s="1202">
        <v>4</v>
      </c>
      <c r="P13" s="1204">
        <v>5</v>
      </c>
      <c r="Q13" s="1201">
        <v>1771</v>
      </c>
      <c r="R13" s="1202">
        <v>1001</v>
      </c>
      <c r="S13" s="1201">
        <v>770</v>
      </c>
      <c r="T13" s="1203">
        <v>3846</v>
      </c>
      <c r="U13" s="1202">
        <v>2065</v>
      </c>
      <c r="V13" s="1202">
        <v>1781</v>
      </c>
      <c r="W13" s="1201">
        <v>2075</v>
      </c>
      <c r="X13" s="1202">
        <v>1064</v>
      </c>
      <c r="Y13" s="1201">
        <v>1011</v>
      </c>
    </row>
    <row r="14" spans="1:25" ht="16.5" customHeight="1">
      <c r="A14" s="178"/>
      <c r="B14" s="1090">
        <v>91755</v>
      </c>
      <c r="C14" s="1088" t="s">
        <v>494</v>
      </c>
      <c r="D14" s="1208">
        <v>7241</v>
      </c>
      <c r="E14" s="1209">
        <v>3470</v>
      </c>
      <c r="F14" s="1208">
        <v>3771</v>
      </c>
      <c r="G14" s="1210">
        <v>-25</v>
      </c>
      <c r="H14" s="1209">
        <v>-19</v>
      </c>
      <c r="I14" s="1208">
        <v>-6</v>
      </c>
      <c r="J14" s="1211" t="s">
        <v>188</v>
      </c>
      <c r="K14" s="1212" t="s">
        <v>188</v>
      </c>
      <c r="L14" s="1213" t="s">
        <v>188</v>
      </c>
      <c r="M14" s="1211"/>
      <c r="N14" s="1208">
        <v>25</v>
      </c>
      <c r="O14" s="1209">
        <v>19</v>
      </c>
      <c r="P14" s="1214">
        <v>6</v>
      </c>
      <c r="Q14" s="1208">
        <v>7266</v>
      </c>
      <c r="R14" s="1209">
        <v>3489</v>
      </c>
      <c r="S14" s="1208">
        <v>3777</v>
      </c>
      <c r="T14" s="1210">
        <v>19384</v>
      </c>
      <c r="U14" s="1209">
        <v>9889</v>
      </c>
      <c r="V14" s="1209">
        <v>9495</v>
      </c>
      <c r="W14" s="1208">
        <v>12118</v>
      </c>
      <c r="X14" s="1209">
        <v>6400</v>
      </c>
      <c r="Y14" s="1208">
        <v>5718</v>
      </c>
    </row>
    <row r="15" spans="1:25" ht="16.5" customHeight="1">
      <c r="A15" s="178"/>
      <c r="B15" s="1084">
        <v>100017</v>
      </c>
      <c r="C15" s="1085" t="s">
        <v>495</v>
      </c>
      <c r="D15" s="1201">
        <v>3669</v>
      </c>
      <c r="E15" s="1202">
        <v>1788</v>
      </c>
      <c r="F15" s="1201">
        <v>1881</v>
      </c>
      <c r="G15" s="1203">
        <v>-27</v>
      </c>
      <c r="H15" s="1202">
        <v>-16</v>
      </c>
      <c r="I15" s="1201">
        <v>-11</v>
      </c>
      <c r="J15" s="1205" t="s">
        <v>188</v>
      </c>
      <c r="K15" s="1206" t="s">
        <v>188</v>
      </c>
      <c r="L15" s="1207" t="s">
        <v>188</v>
      </c>
      <c r="M15" s="1205"/>
      <c r="N15" s="1201">
        <v>27</v>
      </c>
      <c r="O15" s="1202">
        <v>16</v>
      </c>
      <c r="P15" s="1204">
        <v>11</v>
      </c>
      <c r="Q15" s="1201">
        <v>3696</v>
      </c>
      <c r="R15" s="1202">
        <v>1804</v>
      </c>
      <c r="S15" s="1201">
        <v>1892</v>
      </c>
      <c r="T15" s="1203">
        <v>25008</v>
      </c>
      <c r="U15" s="1202">
        <v>13205</v>
      </c>
      <c r="V15" s="1202">
        <v>11803</v>
      </c>
      <c r="W15" s="1201">
        <v>21312</v>
      </c>
      <c r="X15" s="1202">
        <v>11401</v>
      </c>
      <c r="Y15" s="1201">
        <v>9911</v>
      </c>
    </row>
    <row r="16" spans="1:25" ht="16.5" customHeight="1">
      <c r="A16" s="178"/>
      <c r="B16" s="1084">
        <v>108889</v>
      </c>
      <c r="C16" s="1085" t="s">
        <v>496</v>
      </c>
      <c r="D16" s="1201">
        <v>453</v>
      </c>
      <c r="E16" s="1202">
        <v>107</v>
      </c>
      <c r="F16" s="1201">
        <v>346</v>
      </c>
      <c r="G16" s="1203">
        <v>-36</v>
      </c>
      <c r="H16" s="1202">
        <v>-23</v>
      </c>
      <c r="I16" s="1201">
        <v>-13</v>
      </c>
      <c r="J16" s="1205" t="s">
        <v>188</v>
      </c>
      <c r="K16" s="1206" t="s">
        <v>188</v>
      </c>
      <c r="L16" s="1207" t="s">
        <v>188</v>
      </c>
      <c r="M16" s="1205"/>
      <c r="N16" s="1201">
        <v>36</v>
      </c>
      <c r="O16" s="1202">
        <v>23</v>
      </c>
      <c r="P16" s="1204">
        <v>13</v>
      </c>
      <c r="Q16" s="1201">
        <v>489</v>
      </c>
      <c r="R16" s="1202">
        <v>130</v>
      </c>
      <c r="S16" s="1201">
        <v>359</v>
      </c>
      <c r="T16" s="1203">
        <v>17391</v>
      </c>
      <c r="U16" s="1202">
        <v>9267</v>
      </c>
      <c r="V16" s="1202">
        <v>8124</v>
      </c>
      <c r="W16" s="1201">
        <v>16902</v>
      </c>
      <c r="X16" s="1202">
        <v>9137</v>
      </c>
      <c r="Y16" s="1201">
        <v>7765</v>
      </c>
    </row>
    <row r="17" spans="1:25" ht="16.5" customHeight="1">
      <c r="A17" s="808" t="s">
        <v>559</v>
      </c>
      <c r="B17" s="1084">
        <v>113397</v>
      </c>
      <c r="C17" s="1085" t="s">
        <v>497</v>
      </c>
      <c r="D17" s="1201">
        <v>-334</v>
      </c>
      <c r="E17" s="1202">
        <v>-188</v>
      </c>
      <c r="F17" s="1201">
        <v>-146</v>
      </c>
      <c r="G17" s="1203">
        <v>-52</v>
      </c>
      <c r="H17" s="1202">
        <v>-33</v>
      </c>
      <c r="I17" s="1201">
        <v>-19</v>
      </c>
      <c r="J17" s="1205" t="s">
        <v>188</v>
      </c>
      <c r="K17" s="1206" t="s">
        <v>188</v>
      </c>
      <c r="L17" s="1207" t="s">
        <v>188</v>
      </c>
      <c r="M17" s="1205"/>
      <c r="N17" s="1201">
        <v>52</v>
      </c>
      <c r="O17" s="1202">
        <v>33</v>
      </c>
      <c r="P17" s="1204">
        <v>19</v>
      </c>
      <c r="Q17" s="1201">
        <v>-282</v>
      </c>
      <c r="R17" s="1202">
        <v>-155</v>
      </c>
      <c r="S17" s="1201">
        <v>-127</v>
      </c>
      <c r="T17" s="1203">
        <v>10438</v>
      </c>
      <c r="U17" s="1202">
        <v>5900</v>
      </c>
      <c r="V17" s="1202">
        <v>4538</v>
      </c>
      <c r="W17" s="1201">
        <v>10720</v>
      </c>
      <c r="X17" s="1202">
        <v>6055</v>
      </c>
      <c r="Y17" s="1201">
        <v>4665</v>
      </c>
    </row>
    <row r="18" spans="1:25" ht="16.5" customHeight="1">
      <c r="A18" s="809"/>
      <c r="B18" s="1084">
        <v>125717</v>
      </c>
      <c r="C18" s="1085" t="s">
        <v>498</v>
      </c>
      <c r="D18" s="1201">
        <v>-522</v>
      </c>
      <c r="E18" s="1202">
        <v>-281</v>
      </c>
      <c r="F18" s="1201">
        <v>-241</v>
      </c>
      <c r="G18" s="1203">
        <v>-102</v>
      </c>
      <c r="H18" s="1202">
        <v>-60</v>
      </c>
      <c r="I18" s="1201">
        <v>-42</v>
      </c>
      <c r="J18" s="1205" t="s">
        <v>188</v>
      </c>
      <c r="K18" s="1206" t="s">
        <v>188</v>
      </c>
      <c r="L18" s="1207" t="s">
        <v>188</v>
      </c>
      <c r="M18" s="1205"/>
      <c r="N18" s="1201">
        <v>102</v>
      </c>
      <c r="O18" s="1202">
        <v>60</v>
      </c>
      <c r="P18" s="1204">
        <v>42</v>
      </c>
      <c r="Q18" s="1201">
        <v>-420</v>
      </c>
      <c r="R18" s="1202">
        <v>-221</v>
      </c>
      <c r="S18" s="1201">
        <v>-199</v>
      </c>
      <c r="T18" s="1203">
        <v>6491</v>
      </c>
      <c r="U18" s="1202">
        <v>3772</v>
      </c>
      <c r="V18" s="1202">
        <v>2719</v>
      </c>
      <c r="W18" s="1201">
        <v>6911</v>
      </c>
      <c r="X18" s="1202">
        <v>3993</v>
      </c>
      <c r="Y18" s="1201">
        <v>2918</v>
      </c>
    </row>
    <row r="19" spans="1:25" ht="16.5" customHeight="1">
      <c r="A19" s="809"/>
      <c r="B19" s="1090">
        <v>127172</v>
      </c>
      <c r="C19" s="1088" t="s">
        <v>499</v>
      </c>
      <c r="D19" s="1208">
        <v>-161</v>
      </c>
      <c r="E19" s="1209">
        <v>-153</v>
      </c>
      <c r="F19" s="1208">
        <v>-8</v>
      </c>
      <c r="G19" s="1210">
        <v>-174</v>
      </c>
      <c r="H19" s="1209">
        <v>-120</v>
      </c>
      <c r="I19" s="1208">
        <v>-54</v>
      </c>
      <c r="J19" s="1211" t="s">
        <v>188</v>
      </c>
      <c r="K19" s="1212" t="s">
        <v>188</v>
      </c>
      <c r="L19" s="1213" t="s">
        <v>188</v>
      </c>
      <c r="M19" s="1211"/>
      <c r="N19" s="1208">
        <v>174</v>
      </c>
      <c r="O19" s="1209">
        <v>120</v>
      </c>
      <c r="P19" s="1214">
        <v>54</v>
      </c>
      <c r="Q19" s="1208">
        <v>13</v>
      </c>
      <c r="R19" s="1209">
        <v>-33</v>
      </c>
      <c r="S19" s="1208">
        <v>46</v>
      </c>
      <c r="T19" s="1210">
        <v>4789</v>
      </c>
      <c r="U19" s="1209">
        <v>2839</v>
      </c>
      <c r="V19" s="1209">
        <v>1950</v>
      </c>
      <c r="W19" s="1208">
        <v>4776</v>
      </c>
      <c r="X19" s="1209">
        <v>2872</v>
      </c>
      <c r="Y19" s="1208">
        <v>1904</v>
      </c>
    </row>
    <row r="20" spans="1:25" ht="16.5" customHeight="1">
      <c r="A20" s="809"/>
      <c r="B20" s="1084">
        <v>105851</v>
      </c>
      <c r="C20" s="1085" t="s">
        <v>501</v>
      </c>
      <c r="D20" s="1201">
        <v>-185</v>
      </c>
      <c r="E20" s="1202">
        <v>-146</v>
      </c>
      <c r="F20" s="1201">
        <v>-39</v>
      </c>
      <c r="G20" s="1203">
        <v>-228</v>
      </c>
      <c r="H20" s="1202">
        <v>-151</v>
      </c>
      <c r="I20" s="1201">
        <v>-77</v>
      </c>
      <c r="J20" s="1205" t="s">
        <v>188</v>
      </c>
      <c r="K20" s="1206" t="s">
        <v>188</v>
      </c>
      <c r="L20" s="1207" t="s">
        <v>188</v>
      </c>
      <c r="M20" s="1205"/>
      <c r="N20" s="1201">
        <v>228</v>
      </c>
      <c r="O20" s="1202">
        <v>151</v>
      </c>
      <c r="P20" s="1204">
        <v>77</v>
      </c>
      <c r="Q20" s="1201">
        <v>43</v>
      </c>
      <c r="R20" s="1202">
        <v>5</v>
      </c>
      <c r="S20" s="1201">
        <v>38</v>
      </c>
      <c r="T20" s="1203">
        <v>3356</v>
      </c>
      <c r="U20" s="1202">
        <v>1986</v>
      </c>
      <c r="V20" s="1202">
        <v>1370</v>
      </c>
      <c r="W20" s="1201">
        <v>3313</v>
      </c>
      <c r="X20" s="1202">
        <v>1981</v>
      </c>
      <c r="Y20" s="1201">
        <v>1332</v>
      </c>
    </row>
    <row r="21" spans="1:25" ht="16.5" customHeight="1">
      <c r="A21" s="809"/>
      <c r="B21" s="1084">
        <v>82581</v>
      </c>
      <c r="C21" s="1085" t="s">
        <v>502</v>
      </c>
      <c r="D21" s="1201">
        <v>-277</v>
      </c>
      <c r="E21" s="1202">
        <v>-209</v>
      </c>
      <c r="F21" s="1201">
        <v>-68</v>
      </c>
      <c r="G21" s="1203">
        <v>-317</v>
      </c>
      <c r="H21" s="1202">
        <v>-222</v>
      </c>
      <c r="I21" s="1201">
        <v>-95</v>
      </c>
      <c r="J21" s="1205" t="s">
        <v>188</v>
      </c>
      <c r="K21" s="1206" t="s">
        <v>188</v>
      </c>
      <c r="L21" s="1207" t="s">
        <v>188</v>
      </c>
      <c r="M21" s="1205"/>
      <c r="N21" s="1201">
        <v>317</v>
      </c>
      <c r="O21" s="1202">
        <v>222</v>
      </c>
      <c r="P21" s="1204">
        <v>95</v>
      </c>
      <c r="Q21" s="1201">
        <v>40</v>
      </c>
      <c r="R21" s="1202">
        <v>13</v>
      </c>
      <c r="S21" s="1201">
        <v>27</v>
      </c>
      <c r="T21" s="1203">
        <v>2398</v>
      </c>
      <c r="U21" s="1202">
        <v>1395</v>
      </c>
      <c r="V21" s="1202">
        <v>1003</v>
      </c>
      <c r="W21" s="1201">
        <v>2358</v>
      </c>
      <c r="X21" s="1202">
        <v>1382</v>
      </c>
      <c r="Y21" s="1201">
        <v>976</v>
      </c>
    </row>
    <row r="22" spans="1:25" ht="16.5" customHeight="1">
      <c r="A22" s="808" t="s">
        <v>560</v>
      </c>
      <c r="B22" s="1084">
        <v>70044</v>
      </c>
      <c r="C22" s="1085" t="s">
        <v>503</v>
      </c>
      <c r="D22" s="1201">
        <v>-549</v>
      </c>
      <c r="E22" s="1202">
        <v>-374</v>
      </c>
      <c r="F22" s="1201">
        <v>-175</v>
      </c>
      <c r="G22" s="1203">
        <v>-399</v>
      </c>
      <c r="H22" s="1202">
        <v>-296</v>
      </c>
      <c r="I22" s="1201">
        <v>-103</v>
      </c>
      <c r="J22" s="1205" t="s">
        <v>188</v>
      </c>
      <c r="K22" s="1206" t="s">
        <v>188</v>
      </c>
      <c r="L22" s="1207" t="s">
        <v>188</v>
      </c>
      <c r="M22" s="1205"/>
      <c r="N22" s="1201">
        <v>399</v>
      </c>
      <c r="O22" s="1202">
        <v>296</v>
      </c>
      <c r="P22" s="1204">
        <v>103</v>
      </c>
      <c r="Q22" s="1201">
        <v>-150</v>
      </c>
      <c r="R22" s="1202">
        <v>-78</v>
      </c>
      <c r="S22" s="1201">
        <v>-72</v>
      </c>
      <c r="T22" s="1203">
        <v>1678</v>
      </c>
      <c r="U22" s="1202">
        <v>1030</v>
      </c>
      <c r="V22" s="1202">
        <v>648</v>
      </c>
      <c r="W22" s="1201">
        <v>1828</v>
      </c>
      <c r="X22" s="1202">
        <v>1108</v>
      </c>
      <c r="Y22" s="1201">
        <v>720</v>
      </c>
    </row>
    <row r="23" spans="1:25" ht="16.5" customHeight="1">
      <c r="A23" s="178"/>
      <c r="B23" s="1084">
        <v>83853</v>
      </c>
      <c r="C23" s="1085" t="s">
        <v>504</v>
      </c>
      <c r="D23" s="1201">
        <v>-911</v>
      </c>
      <c r="E23" s="1202">
        <v>-621</v>
      </c>
      <c r="F23" s="1201">
        <v>-290</v>
      </c>
      <c r="G23" s="1203">
        <v>-757</v>
      </c>
      <c r="H23" s="1202">
        <v>-563</v>
      </c>
      <c r="I23" s="1201">
        <v>-194</v>
      </c>
      <c r="J23" s="1205" t="s">
        <v>188</v>
      </c>
      <c r="K23" s="1206" t="s">
        <v>188</v>
      </c>
      <c r="L23" s="1207" t="s">
        <v>188</v>
      </c>
      <c r="M23" s="1205"/>
      <c r="N23" s="1201">
        <v>757</v>
      </c>
      <c r="O23" s="1202">
        <v>563</v>
      </c>
      <c r="P23" s="1204">
        <v>194</v>
      </c>
      <c r="Q23" s="1201">
        <v>-154</v>
      </c>
      <c r="R23" s="1202">
        <v>-58</v>
      </c>
      <c r="S23" s="1201">
        <v>-96</v>
      </c>
      <c r="T23" s="1203">
        <v>1455</v>
      </c>
      <c r="U23" s="1202">
        <v>876</v>
      </c>
      <c r="V23" s="1202">
        <v>579</v>
      </c>
      <c r="W23" s="1201">
        <v>1609</v>
      </c>
      <c r="X23" s="1202">
        <v>934</v>
      </c>
      <c r="Y23" s="1201">
        <v>675</v>
      </c>
    </row>
    <row r="24" spans="1:25" ht="16.5" customHeight="1">
      <c r="A24" s="178"/>
      <c r="B24" s="1090">
        <v>67780</v>
      </c>
      <c r="C24" s="1088" t="s">
        <v>505</v>
      </c>
      <c r="D24" s="1208">
        <v>-1089</v>
      </c>
      <c r="E24" s="1209">
        <v>-746</v>
      </c>
      <c r="F24" s="1208">
        <v>-343</v>
      </c>
      <c r="G24" s="1210">
        <v>-1039</v>
      </c>
      <c r="H24" s="1209">
        <v>-704</v>
      </c>
      <c r="I24" s="1208">
        <v>-335</v>
      </c>
      <c r="J24" s="1211" t="s">
        <v>188</v>
      </c>
      <c r="K24" s="1212" t="s">
        <v>188</v>
      </c>
      <c r="L24" s="1213" t="s">
        <v>188</v>
      </c>
      <c r="M24" s="1211"/>
      <c r="N24" s="1208">
        <v>1039</v>
      </c>
      <c r="O24" s="1209">
        <v>704</v>
      </c>
      <c r="P24" s="1214">
        <v>335</v>
      </c>
      <c r="Q24" s="1208">
        <v>-50</v>
      </c>
      <c r="R24" s="1209">
        <v>-42</v>
      </c>
      <c r="S24" s="1208">
        <v>-8</v>
      </c>
      <c r="T24" s="1210">
        <v>966</v>
      </c>
      <c r="U24" s="1209">
        <v>530</v>
      </c>
      <c r="V24" s="1209">
        <v>436</v>
      </c>
      <c r="W24" s="1208">
        <v>1016</v>
      </c>
      <c r="X24" s="1209">
        <v>572</v>
      </c>
      <c r="Y24" s="1208">
        <v>444</v>
      </c>
    </row>
    <row r="25" spans="1:25" ht="16.5" customHeight="1">
      <c r="A25" s="178"/>
      <c r="B25" s="1084">
        <v>57112</v>
      </c>
      <c r="C25" s="1085" t="s">
        <v>506</v>
      </c>
      <c r="D25" s="1201">
        <v>-1349</v>
      </c>
      <c r="E25" s="1202">
        <v>-913</v>
      </c>
      <c r="F25" s="1201">
        <v>-436</v>
      </c>
      <c r="G25" s="1203">
        <v>-1339</v>
      </c>
      <c r="H25" s="1202">
        <v>-870</v>
      </c>
      <c r="I25" s="1201">
        <v>-469</v>
      </c>
      <c r="J25" s="1205" t="s">
        <v>188</v>
      </c>
      <c r="K25" s="1206" t="s">
        <v>188</v>
      </c>
      <c r="L25" s="1207" t="s">
        <v>188</v>
      </c>
      <c r="M25" s="1205"/>
      <c r="N25" s="1201">
        <v>1339</v>
      </c>
      <c r="O25" s="1202">
        <v>870</v>
      </c>
      <c r="P25" s="1204">
        <v>469</v>
      </c>
      <c r="Q25" s="1201">
        <v>-10</v>
      </c>
      <c r="R25" s="1202">
        <v>-43</v>
      </c>
      <c r="S25" s="1201">
        <v>33</v>
      </c>
      <c r="T25" s="1203">
        <v>813</v>
      </c>
      <c r="U25" s="1202">
        <v>340</v>
      </c>
      <c r="V25" s="1202">
        <v>473</v>
      </c>
      <c r="W25" s="1201">
        <v>823</v>
      </c>
      <c r="X25" s="1202">
        <v>383</v>
      </c>
      <c r="Y25" s="1201">
        <v>440</v>
      </c>
    </row>
    <row r="26" spans="1:25" ht="16.5" customHeight="1">
      <c r="A26" s="178"/>
      <c r="B26" s="1084">
        <v>43184</v>
      </c>
      <c r="C26" s="1085" t="s">
        <v>561</v>
      </c>
      <c r="D26" s="1201">
        <v>-1794</v>
      </c>
      <c r="E26" s="1202">
        <v>-1051</v>
      </c>
      <c r="F26" s="1201">
        <v>-743</v>
      </c>
      <c r="G26" s="1203">
        <v>-1895</v>
      </c>
      <c r="H26" s="1202">
        <v>-1093</v>
      </c>
      <c r="I26" s="1201">
        <v>-802</v>
      </c>
      <c r="J26" s="1205" t="s">
        <v>188</v>
      </c>
      <c r="K26" s="1206" t="s">
        <v>188</v>
      </c>
      <c r="L26" s="1207" t="s">
        <v>188</v>
      </c>
      <c r="M26" s="1205"/>
      <c r="N26" s="1201">
        <v>1895</v>
      </c>
      <c r="O26" s="1202">
        <v>1093</v>
      </c>
      <c r="P26" s="1204">
        <v>802</v>
      </c>
      <c r="Q26" s="1201">
        <v>101</v>
      </c>
      <c r="R26" s="1202">
        <v>42</v>
      </c>
      <c r="S26" s="1201">
        <v>59</v>
      </c>
      <c r="T26" s="1203">
        <v>744</v>
      </c>
      <c r="U26" s="1202">
        <v>252</v>
      </c>
      <c r="V26" s="1202">
        <v>492</v>
      </c>
      <c r="W26" s="1201">
        <v>643</v>
      </c>
      <c r="X26" s="1202">
        <v>210</v>
      </c>
      <c r="Y26" s="1201">
        <v>433</v>
      </c>
    </row>
    <row r="27" spans="1:25" ht="16.5" customHeight="1">
      <c r="A27" s="178"/>
      <c r="B27" s="1084">
        <v>26333</v>
      </c>
      <c r="C27" s="1085" t="s">
        <v>508</v>
      </c>
      <c r="D27" s="1201">
        <v>-1850</v>
      </c>
      <c r="E27" s="1202">
        <v>-965</v>
      </c>
      <c r="F27" s="1201">
        <v>-885</v>
      </c>
      <c r="G27" s="1203">
        <v>-1980</v>
      </c>
      <c r="H27" s="1202">
        <v>-1004</v>
      </c>
      <c r="I27" s="1201">
        <v>-976</v>
      </c>
      <c r="J27" s="1205" t="s">
        <v>188</v>
      </c>
      <c r="K27" s="1206" t="s">
        <v>188</v>
      </c>
      <c r="L27" s="1207" t="s">
        <v>188</v>
      </c>
      <c r="M27" s="1205"/>
      <c r="N27" s="1201">
        <v>1980</v>
      </c>
      <c r="O27" s="1202">
        <v>1004</v>
      </c>
      <c r="P27" s="1204">
        <v>976</v>
      </c>
      <c r="Q27" s="1201">
        <v>130</v>
      </c>
      <c r="R27" s="1202">
        <v>39</v>
      </c>
      <c r="S27" s="1201">
        <v>91</v>
      </c>
      <c r="T27" s="1203">
        <v>626</v>
      </c>
      <c r="U27" s="1202">
        <v>184</v>
      </c>
      <c r="V27" s="1202">
        <v>442</v>
      </c>
      <c r="W27" s="1201">
        <v>496</v>
      </c>
      <c r="X27" s="1202">
        <v>145</v>
      </c>
      <c r="Y27" s="1201">
        <v>351</v>
      </c>
    </row>
    <row r="28" spans="1:25" ht="16.5" customHeight="1">
      <c r="A28" s="178"/>
      <c r="B28" s="1084">
        <v>11470</v>
      </c>
      <c r="C28" s="1085" t="s">
        <v>509</v>
      </c>
      <c r="D28" s="1201">
        <v>-1622</v>
      </c>
      <c r="E28" s="1202">
        <v>-581</v>
      </c>
      <c r="F28" s="1201">
        <v>-1041</v>
      </c>
      <c r="G28" s="1203">
        <v>-1667</v>
      </c>
      <c r="H28" s="1202">
        <v>-600</v>
      </c>
      <c r="I28" s="1201">
        <v>-1067</v>
      </c>
      <c r="J28" s="1205" t="s">
        <v>188</v>
      </c>
      <c r="K28" s="1206" t="s">
        <v>188</v>
      </c>
      <c r="L28" s="1207" t="s">
        <v>188</v>
      </c>
      <c r="M28" s="1205"/>
      <c r="N28" s="1201">
        <v>1667</v>
      </c>
      <c r="O28" s="1202">
        <v>600</v>
      </c>
      <c r="P28" s="1204">
        <v>1067</v>
      </c>
      <c r="Q28" s="1201">
        <v>45</v>
      </c>
      <c r="R28" s="1202">
        <v>19</v>
      </c>
      <c r="S28" s="1201">
        <v>26</v>
      </c>
      <c r="T28" s="1203">
        <v>298</v>
      </c>
      <c r="U28" s="1202">
        <v>85</v>
      </c>
      <c r="V28" s="1202">
        <v>213</v>
      </c>
      <c r="W28" s="1201">
        <v>253</v>
      </c>
      <c r="X28" s="1202">
        <v>66</v>
      </c>
      <c r="Y28" s="1201">
        <v>187</v>
      </c>
    </row>
    <row r="29" spans="1:25" ht="16.5" customHeight="1">
      <c r="A29" s="178"/>
      <c r="B29" s="1090">
        <v>3077</v>
      </c>
      <c r="C29" s="1088" t="s">
        <v>510</v>
      </c>
      <c r="D29" s="1208">
        <v>-794</v>
      </c>
      <c r="E29" s="1209">
        <v>-188</v>
      </c>
      <c r="F29" s="1208">
        <v>-606</v>
      </c>
      <c r="G29" s="1210">
        <v>-817</v>
      </c>
      <c r="H29" s="1209">
        <v>-192</v>
      </c>
      <c r="I29" s="1208">
        <v>-625</v>
      </c>
      <c r="J29" s="1211" t="s">
        <v>188</v>
      </c>
      <c r="K29" s="1212" t="s">
        <v>188</v>
      </c>
      <c r="L29" s="1213" t="s">
        <v>188</v>
      </c>
      <c r="M29" s="1211"/>
      <c r="N29" s="1208">
        <v>817</v>
      </c>
      <c r="O29" s="1209">
        <v>192</v>
      </c>
      <c r="P29" s="1214">
        <v>625</v>
      </c>
      <c r="Q29" s="1208">
        <v>23</v>
      </c>
      <c r="R29" s="1209">
        <v>4</v>
      </c>
      <c r="S29" s="1208">
        <v>19</v>
      </c>
      <c r="T29" s="1210">
        <v>103</v>
      </c>
      <c r="U29" s="1209">
        <v>19</v>
      </c>
      <c r="V29" s="1209">
        <v>84</v>
      </c>
      <c r="W29" s="1208">
        <v>80</v>
      </c>
      <c r="X29" s="1209">
        <v>15</v>
      </c>
      <c r="Y29" s="1208">
        <v>65</v>
      </c>
    </row>
    <row r="30" spans="1:25" ht="16.5" customHeight="1">
      <c r="A30" s="178"/>
      <c r="B30" s="1094">
        <v>629</v>
      </c>
      <c r="C30" s="1088" t="s">
        <v>589</v>
      </c>
      <c r="D30" s="1214">
        <v>-231</v>
      </c>
      <c r="E30" s="1209">
        <v>-34</v>
      </c>
      <c r="F30" s="1210">
        <v>-197</v>
      </c>
      <c r="G30" s="1210">
        <v>-233</v>
      </c>
      <c r="H30" s="1209">
        <v>-37</v>
      </c>
      <c r="I30" s="1208">
        <v>-196</v>
      </c>
      <c r="J30" s="1211" t="s">
        <v>188</v>
      </c>
      <c r="K30" s="1212" t="s">
        <v>188</v>
      </c>
      <c r="L30" s="1211" t="s">
        <v>188</v>
      </c>
      <c r="M30" s="1211"/>
      <c r="N30" s="1208">
        <v>233</v>
      </c>
      <c r="O30" s="1209">
        <v>37</v>
      </c>
      <c r="P30" s="1214">
        <v>196</v>
      </c>
      <c r="Q30" s="1208">
        <v>2</v>
      </c>
      <c r="R30" s="1209">
        <v>3</v>
      </c>
      <c r="S30" s="1210">
        <v>-1</v>
      </c>
      <c r="T30" s="1210">
        <v>11</v>
      </c>
      <c r="U30" s="1209">
        <v>5</v>
      </c>
      <c r="V30" s="1209">
        <v>6</v>
      </c>
      <c r="W30" s="1208">
        <v>9</v>
      </c>
      <c r="X30" s="1209">
        <v>2</v>
      </c>
      <c r="Y30" s="1208">
        <v>7</v>
      </c>
    </row>
    <row r="31" spans="1:25" ht="16.5" customHeight="1">
      <c r="A31" s="178"/>
      <c r="B31" s="1097">
        <v>38620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85871</v>
      </c>
      <c r="C32" s="1085" t="s">
        <v>563</v>
      </c>
      <c r="D32" s="1201">
        <v>12323</v>
      </c>
      <c r="E32" s="1202">
        <v>6262</v>
      </c>
      <c r="F32" s="1201">
        <v>6061</v>
      </c>
      <c r="G32" s="1203">
        <v>14090</v>
      </c>
      <c r="H32" s="1202">
        <v>7181</v>
      </c>
      <c r="I32" s="1201">
        <v>6909</v>
      </c>
      <c r="J32" s="1203">
        <v>14136</v>
      </c>
      <c r="K32" s="1202">
        <v>7211</v>
      </c>
      <c r="L32" s="1201">
        <v>6925</v>
      </c>
      <c r="M32" s="1203"/>
      <c r="N32" s="1201">
        <v>46</v>
      </c>
      <c r="O32" s="1202">
        <v>30</v>
      </c>
      <c r="P32" s="1204">
        <v>16</v>
      </c>
      <c r="Q32" s="1201">
        <v>-1767</v>
      </c>
      <c r="R32" s="1202">
        <v>-919</v>
      </c>
      <c r="S32" s="1201">
        <v>-848</v>
      </c>
      <c r="T32" s="1203">
        <v>8141</v>
      </c>
      <c r="U32" s="1202">
        <v>4121</v>
      </c>
      <c r="V32" s="1204">
        <v>4020</v>
      </c>
      <c r="W32" s="1201">
        <v>9908</v>
      </c>
      <c r="X32" s="1202">
        <v>5040</v>
      </c>
      <c r="Y32" s="1201">
        <v>4868</v>
      </c>
    </row>
    <row r="33" spans="1:25" ht="16.5" customHeight="1">
      <c r="A33" s="178"/>
      <c r="B33" s="1084">
        <v>987428</v>
      </c>
      <c r="C33" s="1085" t="s">
        <v>564</v>
      </c>
      <c r="D33" s="1201">
        <v>11097</v>
      </c>
      <c r="E33" s="1202">
        <v>5011</v>
      </c>
      <c r="F33" s="1201">
        <v>6086</v>
      </c>
      <c r="G33" s="1203">
        <v>-1369</v>
      </c>
      <c r="H33" s="1202">
        <v>-944</v>
      </c>
      <c r="I33" s="1201">
        <v>-425</v>
      </c>
      <c r="J33" s="1205" t="s">
        <v>188</v>
      </c>
      <c r="K33" s="1206" t="s">
        <v>188</v>
      </c>
      <c r="L33" s="1207" t="s">
        <v>188</v>
      </c>
      <c r="M33" s="1205"/>
      <c r="N33" s="1201">
        <v>1369</v>
      </c>
      <c r="O33" s="1202">
        <v>944</v>
      </c>
      <c r="P33" s="1204">
        <v>425</v>
      </c>
      <c r="Q33" s="1201">
        <v>12466</v>
      </c>
      <c r="R33" s="1202">
        <v>5955</v>
      </c>
      <c r="S33" s="1201">
        <v>6511</v>
      </c>
      <c r="T33" s="1203">
        <v>94779</v>
      </c>
      <c r="U33" s="1202">
        <v>51348</v>
      </c>
      <c r="V33" s="1204">
        <v>43431</v>
      </c>
      <c r="W33" s="1201">
        <v>82313</v>
      </c>
      <c r="X33" s="1202">
        <v>45393</v>
      </c>
      <c r="Y33" s="1201">
        <v>36920</v>
      </c>
    </row>
    <row r="34" spans="1:25" ht="16.5" customHeight="1" thickBot="1">
      <c r="A34" s="178"/>
      <c r="B34" s="1084">
        <v>293438</v>
      </c>
      <c r="C34" s="1085" t="s">
        <v>565</v>
      </c>
      <c r="D34" s="1201">
        <v>-9640</v>
      </c>
      <c r="E34" s="1202">
        <v>-5099</v>
      </c>
      <c r="F34" s="1201">
        <v>-4541</v>
      </c>
      <c r="G34" s="1203">
        <v>-9727</v>
      </c>
      <c r="H34" s="1202">
        <v>-5063</v>
      </c>
      <c r="I34" s="1201">
        <v>-4664</v>
      </c>
      <c r="J34" s="1205" t="s">
        <v>188</v>
      </c>
      <c r="K34" s="1206" t="s">
        <v>188</v>
      </c>
      <c r="L34" s="1207" t="s">
        <v>188</v>
      </c>
      <c r="M34" s="1205"/>
      <c r="N34" s="1201">
        <v>9727</v>
      </c>
      <c r="O34" s="1202">
        <v>5063</v>
      </c>
      <c r="P34" s="1204">
        <v>4664</v>
      </c>
      <c r="Q34" s="1201">
        <v>87</v>
      </c>
      <c r="R34" s="1202">
        <v>-36</v>
      </c>
      <c r="S34" s="1201">
        <v>123</v>
      </c>
      <c r="T34" s="1203">
        <v>5016</v>
      </c>
      <c r="U34" s="1202">
        <v>2291</v>
      </c>
      <c r="V34" s="1204">
        <v>2725</v>
      </c>
      <c r="W34" s="1201">
        <v>4929</v>
      </c>
      <c r="X34" s="1202">
        <v>2327</v>
      </c>
      <c r="Y34" s="1201">
        <v>2602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4.5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3</v>
      </c>
      <c r="O38" s="1181">
        <v>0.4</v>
      </c>
      <c r="P38" s="1183">
        <v>0.2</v>
      </c>
      <c r="Q38" s="1177" t="s">
        <v>386</v>
      </c>
      <c r="R38" s="1178" t="s">
        <v>386</v>
      </c>
      <c r="S38" s="1179" t="s">
        <v>386</v>
      </c>
      <c r="T38" s="1180">
        <v>4.3</v>
      </c>
      <c r="U38" s="1181">
        <v>4.0999999999999996</v>
      </c>
      <c r="V38" s="1183">
        <v>4.5999999999999996</v>
      </c>
      <c r="W38" s="1182">
        <v>6.2</v>
      </c>
      <c r="X38" s="1181">
        <v>5.8</v>
      </c>
      <c r="Y38" s="1182">
        <v>6.7</v>
      </c>
    </row>
    <row r="39" spans="1:25" ht="16.5" customHeight="1">
      <c r="A39" s="178"/>
      <c r="B39" s="847">
        <v>4.2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.1</v>
      </c>
      <c r="O39" s="1181">
        <v>0.1</v>
      </c>
      <c r="P39" s="1183">
        <v>0.1</v>
      </c>
      <c r="Q39" s="1177" t="s">
        <v>188</v>
      </c>
      <c r="R39" s="1178" t="s">
        <v>188</v>
      </c>
      <c r="S39" s="1179" t="s">
        <v>188</v>
      </c>
      <c r="T39" s="1180">
        <v>2</v>
      </c>
      <c r="U39" s="1181">
        <v>1.9</v>
      </c>
      <c r="V39" s="1183">
        <v>2.2000000000000002</v>
      </c>
      <c r="W39" s="1182">
        <v>2.7</v>
      </c>
      <c r="X39" s="1181">
        <v>2.5</v>
      </c>
      <c r="Y39" s="1182">
        <v>2.9</v>
      </c>
    </row>
    <row r="40" spans="1:25" ht="16.5" customHeight="1">
      <c r="A40" s="178"/>
      <c r="B40" s="847">
        <v>4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2</v>
      </c>
      <c r="U40" s="1181">
        <v>1.1000000000000001</v>
      </c>
      <c r="V40" s="1183">
        <v>1.2</v>
      </c>
      <c r="W40" s="1182">
        <v>1.3</v>
      </c>
      <c r="X40" s="1181">
        <v>1.2</v>
      </c>
      <c r="Y40" s="1182">
        <v>1.3</v>
      </c>
    </row>
    <row r="41" spans="1:25" ht="16.5" customHeight="1">
      <c r="A41" s="178"/>
      <c r="B41" s="847">
        <v>4.2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.1</v>
      </c>
      <c r="Q41" s="1177" t="s">
        <v>188</v>
      </c>
      <c r="R41" s="1178" t="s">
        <v>188</v>
      </c>
      <c r="S41" s="1179" t="s">
        <v>188</v>
      </c>
      <c r="T41" s="1180">
        <v>3.6</v>
      </c>
      <c r="U41" s="1181">
        <v>3.6</v>
      </c>
      <c r="V41" s="1183">
        <v>3.5</v>
      </c>
      <c r="W41" s="1182">
        <v>2.1</v>
      </c>
      <c r="X41" s="1181">
        <v>2</v>
      </c>
      <c r="Y41" s="1182">
        <v>2.2999999999999998</v>
      </c>
    </row>
    <row r="42" spans="1:25" ht="16.5" customHeight="1">
      <c r="A42" s="178"/>
      <c r="B42" s="845">
        <v>6.3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3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8</v>
      </c>
      <c r="U42" s="1185">
        <v>17.100000000000001</v>
      </c>
      <c r="V42" s="1186">
        <v>18.899999999999999</v>
      </c>
      <c r="W42" s="1184">
        <v>12.5</v>
      </c>
      <c r="X42" s="1185">
        <v>12.1</v>
      </c>
      <c r="Y42" s="1184">
        <v>12.9</v>
      </c>
    </row>
    <row r="43" spans="1:25" ht="16.5" customHeight="1">
      <c r="A43" s="178"/>
      <c r="B43" s="847">
        <v>6.8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3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23.2</v>
      </c>
      <c r="U43" s="1181">
        <v>22.9</v>
      </c>
      <c r="V43" s="1183">
        <v>23.5</v>
      </c>
      <c r="W43" s="1182">
        <v>21.9</v>
      </c>
      <c r="X43" s="1181">
        <v>21.6</v>
      </c>
      <c r="Y43" s="1182">
        <v>22.3</v>
      </c>
    </row>
    <row r="44" spans="1:25" ht="16.5" customHeight="1">
      <c r="A44" s="808" t="s">
        <v>573</v>
      </c>
      <c r="B44" s="847">
        <v>7.4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4</v>
      </c>
      <c r="P44" s="1183">
        <v>0.3</v>
      </c>
      <c r="Q44" s="1177" t="s">
        <v>188</v>
      </c>
      <c r="R44" s="1178" t="s">
        <v>188</v>
      </c>
      <c r="S44" s="1179" t="s">
        <v>188</v>
      </c>
      <c r="T44" s="1180">
        <v>16.100000000000001</v>
      </c>
      <c r="U44" s="1181">
        <v>16</v>
      </c>
      <c r="V44" s="1183">
        <v>16.2</v>
      </c>
      <c r="W44" s="1182">
        <v>17.399999999999999</v>
      </c>
      <c r="X44" s="1181">
        <v>17.3</v>
      </c>
      <c r="Y44" s="1182">
        <v>17.5</v>
      </c>
    </row>
    <row r="45" spans="1:25" ht="16.5" customHeight="1">
      <c r="A45" s="808"/>
      <c r="B45" s="847">
        <v>7.7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5</v>
      </c>
      <c r="O45" s="1181">
        <v>0.5</v>
      </c>
      <c r="P45" s="1183">
        <v>0.4</v>
      </c>
      <c r="Q45" s="1177" t="s">
        <v>188</v>
      </c>
      <c r="R45" s="1178" t="s">
        <v>188</v>
      </c>
      <c r="S45" s="1179" t="s">
        <v>188</v>
      </c>
      <c r="T45" s="1180">
        <v>9.6999999999999993</v>
      </c>
      <c r="U45" s="1181">
        <v>10.199999999999999</v>
      </c>
      <c r="V45" s="1183">
        <v>9</v>
      </c>
      <c r="W45" s="1182">
        <v>11</v>
      </c>
      <c r="X45" s="1181">
        <v>11.5</v>
      </c>
      <c r="Y45" s="1182">
        <v>10.5</v>
      </c>
    </row>
    <row r="46" spans="1:25" ht="16.5" customHeight="1">
      <c r="A46" s="809"/>
      <c r="B46" s="847">
        <v>8.6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9</v>
      </c>
      <c r="O46" s="1181">
        <v>1</v>
      </c>
      <c r="P46" s="1183">
        <v>0.8</v>
      </c>
      <c r="Q46" s="1177" t="s">
        <v>188</v>
      </c>
      <c r="R46" s="1178" t="s">
        <v>188</v>
      </c>
      <c r="S46" s="1179" t="s">
        <v>188</v>
      </c>
      <c r="T46" s="1180">
        <v>6</v>
      </c>
      <c r="U46" s="1181">
        <v>6.5</v>
      </c>
      <c r="V46" s="1183">
        <v>5.4</v>
      </c>
      <c r="W46" s="1182">
        <v>7.1</v>
      </c>
      <c r="X46" s="1181">
        <v>7.6</v>
      </c>
      <c r="Y46" s="1182">
        <v>6.6</v>
      </c>
    </row>
    <row r="47" spans="1:25" ht="16.5" customHeight="1">
      <c r="A47" s="809"/>
      <c r="B47" s="847">
        <v>8.6999999999999993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6</v>
      </c>
      <c r="O47" s="1185">
        <v>2</v>
      </c>
      <c r="P47" s="1186">
        <v>1.1000000000000001</v>
      </c>
      <c r="Q47" s="1187" t="s">
        <v>188</v>
      </c>
      <c r="R47" s="1188" t="s">
        <v>188</v>
      </c>
      <c r="S47" s="1189" t="s">
        <v>188</v>
      </c>
      <c r="T47" s="1190">
        <v>4.4000000000000004</v>
      </c>
      <c r="U47" s="1185">
        <v>4.9000000000000004</v>
      </c>
      <c r="V47" s="1186">
        <v>3.9</v>
      </c>
      <c r="W47" s="1184">
        <v>4.9000000000000004</v>
      </c>
      <c r="X47" s="1185">
        <v>5.4</v>
      </c>
      <c r="Y47" s="1184">
        <v>4.3</v>
      </c>
    </row>
    <row r="48" spans="1:25" ht="16.5" customHeight="1">
      <c r="A48" s="808" t="s">
        <v>311</v>
      </c>
      <c r="B48" s="858">
        <v>7.2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2</v>
      </c>
      <c r="O48" s="1181">
        <v>2.5</v>
      </c>
      <c r="P48" s="1183">
        <v>1.5</v>
      </c>
      <c r="Q48" s="1177" t="s">
        <v>188</v>
      </c>
      <c r="R48" s="1178" t="s">
        <v>188</v>
      </c>
      <c r="S48" s="1179" t="s">
        <v>188</v>
      </c>
      <c r="T48" s="1180">
        <v>3.1</v>
      </c>
      <c r="U48" s="1181">
        <v>3.4</v>
      </c>
      <c r="V48" s="1183">
        <v>2.7</v>
      </c>
      <c r="W48" s="1182">
        <v>3.4</v>
      </c>
      <c r="X48" s="1181">
        <v>3.8</v>
      </c>
      <c r="Y48" s="1182">
        <v>3</v>
      </c>
    </row>
    <row r="49" spans="1:25" ht="16.5" customHeight="1">
      <c r="A49" s="809"/>
      <c r="B49" s="847">
        <v>5.6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8</v>
      </c>
      <c r="O49" s="1181">
        <v>3.7</v>
      </c>
      <c r="P49" s="1183">
        <v>1.9</v>
      </c>
      <c r="Q49" s="1177" t="s">
        <v>188</v>
      </c>
      <c r="R49" s="1178" t="s">
        <v>188</v>
      </c>
      <c r="S49" s="1179" t="s">
        <v>188</v>
      </c>
      <c r="T49" s="1180">
        <v>2.2000000000000002</v>
      </c>
      <c r="U49" s="1181">
        <v>2.4</v>
      </c>
      <c r="V49" s="1183">
        <v>2</v>
      </c>
      <c r="W49" s="1182">
        <v>2.4</v>
      </c>
      <c r="X49" s="1181">
        <v>2.6</v>
      </c>
      <c r="Y49" s="1182">
        <v>2.2000000000000002</v>
      </c>
    </row>
    <row r="50" spans="1:25" ht="16.5" customHeight="1">
      <c r="A50" s="808"/>
      <c r="B50" s="847">
        <v>4.8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6</v>
      </c>
      <c r="O50" s="1181">
        <v>4.9000000000000004</v>
      </c>
      <c r="P50" s="1183">
        <v>2</v>
      </c>
      <c r="Q50" s="1177" t="s">
        <v>188</v>
      </c>
      <c r="R50" s="1178" t="s">
        <v>188</v>
      </c>
      <c r="S50" s="1179" t="s">
        <v>188</v>
      </c>
      <c r="T50" s="1180">
        <v>1.6</v>
      </c>
      <c r="U50" s="1181">
        <v>1.8</v>
      </c>
      <c r="V50" s="1183">
        <v>1.3</v>
      </c>
      <c r="W50" s="1182">
        <v>1.9</v>
      </c>
      <c r="X50" s="1181">
        <v>2.1</v>
      </c>
      <c r="Y50" s="1182">
        <v>1.6</v>
      </c>
    </row>
    <row r="51" spans="1:25" ht="16.5" customHeight="1">
      <c r="A51" s="809"/>
      <c r="B51" s="847">
        <v>5.7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8</v>
      </c>
      <c r="O51" s="1181">
        <v>9.3000000000000007</v>
      </c>
      <c r="P51" s="1183">
        <v>3.8</v>
      </c>
      <c r="Q51" s="1177" t="s">
        <v>188</v>
      </c>
      <c r="R51" s="1178" t="s">
        <v>188</v>
      </c>
      <c r="S51" s="1179" t="s">
        <v>188</v>
      </c>
      <c r="T51" s="1180">
        <v>1.3</v>
      </c>
      <c r="U51" s="1181">
        <v>1.5</v>
      </c>
      <c r="V51" s="1183">
        <v>1.2</v>
      </c>
      <c r="W51" s="1182">
        <v>1.7</v>
      </c>
      <c r="X51" s="1181">
        <v>1.8</v>
      </c>
      <c r="Y51" s="1182">
        <v>1.5</v>
      </c>
    </row>
    <row r="52" spans="1:25" ht="16.5" customHeight="1">
      <c r="A52" s="808" t="s">
        <v>582</v>
      </c>
      <c r="B52" s="845">
        <v>4.5999999999999996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3000000000000007</v>
      </c>
      <c r="O52" s="1185">
        <v>11.7</v>
      </c>
      <c r="P52" s="1186">
        <v>6.6</v>
      </c>
      <c r="Q52" s="1187" t="s">
        <v>188</v>
      </c>
      <c r="R52" s="1188" t="s">
        <v>188</v>
      </c>
      <c r="S52" s="1189" t="s">
        <v>188</v>
      </c>
      <c r="T52" s="1190">
        <v>0.9</v>
      </c>
      <c r="U52" s="1185">
        <v>0.9</v>
      </c>
      <c r="V52" s="1186">
        <v>0.9</v>
      </c>
      <c r="W52" s="1184">
        <v>1</v>
      </c>
      <c r="X52" s="1185">
        <v>1.1000000000000001</v>
      </c>
      <c r="Y52" s="1184">
        <v>1</v>
      </c>
    </row>
    <row r="53" spans="1:25" ht="16.5" customHeight="1">
      <c r="A53" s="178"/>
      <c r="B53" s="847">
        <v>3.9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</v>
      </c>
      <c r="O53" s="1181">
        <v>14.4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0.8</v>
      </c>
      <c r="U53" s="1181">
        <v>0.6</v>
      </c>
      <c r="V53" s="1183">
        <v>0.9</v>
      </c>
      <c r="W53" s="1182">
        <v>0.8</v>
      </c>
      <c r="X53" s="1181">
        <v>0.7</v>
      </c>
      <c r="Y53" s="1182">
        <v>1</v>
      </c>
    </row>
    <row r="54" spans="1:25" ht="16.5" customHeight="1">
      <c r="A54" s="178"/>
      <c r="B54" s="847">
        <v>2.9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</v>
      </c>
      <c r="O54" s="1181">
        <v>18.100000000000001</v>
      </c>
      <c r="P54" s="1183">
        <v>15.7</v>
      </c>
      <c r="Q54" s="1177" t="s">
        <v>188</v>
      </c>
      <c r="R54" s="1178" t="s">
        <v>188</v>
      </c>
      <c r="S54" s="1179" t="s">
        <v>188</v>
      </c>
      <c r="T54" s="1180">
        <v>0.7</v>
      </c>
      <c r="U54" s="1181">
        <v>0.4</v>
      </c>
      <c r="V54" s="1183">
        <v>1</v>
      </c>
      <c r="W54" s="1182">
        <v>0.7</v>
      </c>
      <c r="X54" s="1181">
        <v>0.4</v>
      </c>
      <c r="Y54" s="1182">
        <v>1</v>
      </c>
    </row>
    <row r="55" spans="1:25" ht="16.5" customHeight="1">
      <c r="A55" s="178"/>
      <c r="B55" s="847">
        <v>1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7.8</v>
      </c>
      <c r="O55" s="1181">
        <v>16.600000000000001</v>
      </c>
      <c r="P55" s="1183">
        <v>19.100000000000001</v>
      </c>
      <c r="Q55" s="1177" t="s">
        <v>188</v>
      </c>
      <c r="R55" s="1178" t="s">
        <v>188</v>
      </c>
      <c r="S55" s="1179" t="s">
        <v>188</v>
      </c>
      <c r="T55" s="1180">
        <v>0.6</v>
      </c>
      <c r="U55" s="1181">
        <v>0.3</v>
      </c>
      <c r="V55" s="1183">
        <v>0.9</v>
      </c>
      <c r="W55" s="1182">
        <v>0.5</v>
      </c>
      <c r="X55" s="1181">
        <v>0.3</v>
      </c>
      <c r="Y55" s="1182">
        <v>0.8</v>
      </c>
    </row>
    <row r="56" spans="1:25" ht="16.5" customHeight="1">
      <c r="A56" s="178"/>
      <c r="B56" s="847">
        <v>0.8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</v>
      </c>
      <c r="O56" s="1181">
        <v>9.9</v>
      </c>
      <c r="P56" s="1183">
        <v>20.9</v>
      </c>
      <c r="Q56" s="1177" t="s">
        <v>188</v>
      </c>
      <c r="R56" s="1178" t="s">
        <v>188</v>
      </c>
      <c r="S56" s="1179" t="s">
        <v>188</v>
      </c>
      <c r="T56" s="1180">
        <v>0.3</v>
      </c>
      <c r="U56" s="1181">
        <v>0.1</v>
      </c>
      <c r="V56" s="1183">
        <v>0.4</v>
      </c>
      <c r="W56" s="1182">
        <v>0.3</v>
      </c>
      <c r="X56" s="1181">
        <v>0.1</v>
      </c>
      <c r="Y56" s="1182">
        <v>0.4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3</v>
      </c>
      <c r="O57" s="1185">
        <v>3.2</v>
      </c>
      <c r="P57" s="1186">
        <v>12.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1</v>
      </c>
    </row>
    <row r="58" spans="1:25" ht="16.5" customHeight="1">
      <c r="A58" s="178"/>
      <c r="B58" s="847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1</v>
      </c>
      <c r="O58" s="1185">
        <v>0.6</v>
      </c>
      <c r="P58" s="1185">
        <v>3.8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7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4</v>
      </c>
      <c r="O60" s="1181">
        <v>0.5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7.5</v>
      </c>
      <c r="U60" s="1181">
        <v>7.1</v>
      </c>
      <c r="V60" s="1183">
        <v>8</v>
      </c>
      <c r="W60" s="1182">
        <v>10.199999999999999</v>
      </c>
      <c r="X60" s="1181">
        <v>9.6</v>
      </c>
      <c r="Y60" s="1182">
        <v>11</v>
      </c>
    </row>
    <row r="61" spans="1:25" ht="16.5" customHeight="1">
      <c r="A61" s="178"/>
      <c r="B61" s="847">
        <v>67.3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2.3</v>
      </c>
      <c r="O61" s="1181">
        <v>15.6</v>
      </c>
      <c r="P61" s="1183">
        <v>8.3000000000000007</v>
      </c>
      <c r="Q61" s="1177" t="s">
        <v>188</v>
      </c>
      <c r="R61" s="1178" t="s">
        <v>188</v>
      </c>
      <c r="S61" s="1179" t="s">
        <v>188</v>
      </c>
      <c r="T61" s="1180">
        <v>87.8</v>
      </c>
      <c r="U61" s="1181">
        <v>88.9</v>
      </c>
      <c r="V61" s="1183">
        <v>86.6</v>
      </c>
      <c r="W61" s="1182">
        <v>84.7</v>
      </c>
      <c r="X61" s="1181">
        <v>86</v>
      </c>
      <c r="Y61" s="1182">
        <v>83.2</v>
      </c>
    </row>
    <row r="62" spans="1:25" ht="16.5" customHeight="1" thickBot="1">
      <c r="A62" s="850"/>
      <c r="B62" s="851">
        <v>20</v>
      </c>
      <c r="C62" s="852" t="s">
        <v>565</v>
      </c>
      <c r="D62" s="1198" t="s">
        <v>188</v>
      </c>
      <c r="E62" s="1199" t="s">
        <v>188</v>
      </c>
      <c r="F62" s="1219" t="s">
        <v>188</v>
      </c>
      <c r="G62" s="1198" t="s">
        <v>188</v>
      </c>
      <c r="H62" s="1199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7.3</v>
      </c>
      <c r="O62" s="1196">
        <v>83.9</v>
      </c>
      <c r="P62" s="1197">
        <v>91.4</v>
      </c>
      <c r="Q62" s="1198" t="s">
        <v>188</v>
      </c>
      <c r="R62" s="1199" t="s">
        <v>188</v>
      </c>
      <c r="S62" s="1199" t="s">
        <v>188</v>
      </c>
      <c r="T62" s="1200">
        <v>4.5999999999999996</v>
      </c>
      <c r="U62" s="1196">
        <v>4</v>
      </c>
      <c r="V62" s="1197">
        <v>5.4</v>
      </c>
      <c r="W62" s="1195">
        <v>5.0999999999999996</v>
      </c>
      <c r="X62" s="1196">
        <v>4.4000000000000004</v>
      </c>
      <c r="Y62" s="1195">
        <v>5.9</v>
      </c>
    </row>
    <row r="63" spans="1:25" ht="15" thickTop="1">
      <c r="A63" s="285" t="s">
        <v>602</v>
      </c>
      <c r="B63" s="285" t="s">
        <v>536</v>
      </c>
      <c r="C63" s="285"/>
      <c r="D63" s="285"/>
      <c r="E63" s="285"/>
      <c r="F63" s="285"/>
      <c r="G63" s="285"/>
      <c r="H63" s="285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2">
    <mergeCell ref="C4:C5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28" fitToWidth="0" orientation="portrait" blackAndWhite="1" useFirstPageNumber="1" r:id="rId1"/>
  <headerFooter>
    <oddFooter>&amp;C&amp;"ＭＳ ゴシック,太字"&amp;12-&amp;P--</oddFooter>
    <evenFooter>&amp;C－29－</evenFooter>
  </headerFooter>
  <colBreaks count="1" manualBreakCount="1">
    <brk id="13" max="64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384" width="9" style="132"/>
  </cols>
  <sheetData>
    <row r="1" spans="1:25" ht="21" customHeight="1" thickBot="1">
      <c r="A1" s="1067" t="s">
        <v>606</v>
      </c>
      <c r="B1" s="284"/>
      <c r="C1" s="358"/>
      <c r="D1" s="358"/>
      <c r="E1" s="358"/>
      <c r="F1" s="358"/>
      <c r="R1" s="358" t="s">
        <v>606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556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705364</v>
      </c>
      <c r="C8" s="884" t="s">
        <v>238</v>
      </c>
      <c r="D8" s="888">
        <v>-4395</v>
      </c>
      <c r="E8" s="887">
        <v>-2290</v>
      </c>
      <c r="F8" s="888">
        <v>-2105</v>
      </c>
      <c r="G8" s="886">
        <v>-4176</v>
      </c>
      <c r="H8" s="887">
        <v>-2143</v>
      </c>
      <c r="I8" s="888">
        <v>-2033</v>
      </c>
      <c r="J8" s="886">
        <v>4190</v>
      </c>
      <c r="K8" s="887">
        <v>2176</v>
      </c>
      <c r="L8" s="888">
        <v>2014</v>
      </c>
      <c r="M8" s="886"/>
      <c r="N8" s="888">
        <v>8366</v>
      </c>
      <c r="O8" s="887">
        <v>4319</v>
      </c>
      <c r="P8" s="889">
        <v>4047</v>
      </c>
      <c r="Q8" s="888">
        <v>-219</v>
      </c>
      <c r="R8" s="887">
        <v>-147</v>
      </c>
      <c r="S8" s="888">
        <v>-72</v>
      </c>
      <c r="T8" s="886">
        <v>27716</v>
      </c>
      <c r="U8" s="887">
        <v>15510</v>
      </c>
      <c r="V8" s="889">
        <v>12206</v>
      </c>
      <c r="W8" s="888">
        <v>27935</v>
      </c>
      <c r="X8" s="887">
        <v>15657</v>
      </c>
      <c r="Y8" s="888">
        <v>12278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23022</v>
      </c>
      <c r="C10" s="1085" t="s">
        <v>566</v>
      </c>
      <c r="D10" s="1201">
        <v>4555</v>
      </c>
      <c r="E10" s="1202">
        <v>2284</v>
      </c>
      <c r="F10" s="1201">
        <v>2271</v>
      </c>
      <c r="G10" s="1203">
        <v>4177</v>
      </c>
      <c r="H10" s="1202">
        <v>2167</v>
      </c>
      <c r="I10" s="1201">
        <v>2010</v>
      </c>
      <c r="J10" s="1203">
        <v>4190</v>
      </c>
      <c r="K10" s="1202">
        <v>2176</v>
      </c>
      <c r="L10" s="1201">
        <v>2014</v>
      </c>
      <c r="M10" s="1203"/>
      <c r="N10" s="1201">
        <v>13</v>
      </c>
      <c r="O10" s="1202">
        <v>9</v>
      </c>
      <c r="P10" s="1204">
        <v>4</v>
      </c>
      <c r="Q10" s="1201">
        <v>378</v>
      </c>
      <c r="R10" s="1202">
        <v>117</v>
      </c>
      <c r="S10" s="1201">
        <v>261</v>
      </c>
      <c r="T10" s="1203">
        <v>1813</v>
      </c>
      <c r="U10" s="1202">
        <v>882</v>
      </c>
      <c r="V10" s="1202">
        <v>931</v>
      </c>
      <c r="W10" s="1201">
        <v>1435</v>
      </c>
      <c r="X10" s="1203">
        <v>765</v>
      </c>
      <c r="Y10" s="1203">
        <v>670</v>
      </c>
    </row>
    <row r="11" spans="1:25" ht="16.5" customHeight="1">
      <c r="A11" s="178"/>
      <c r="B11" s="1084">
        <v>26583</v>
      </c>
      <c r="C11" s="1085" t="s">
        <v>568</v>
      </c>
      <c r="D11" s="1201">
        <v>63</v>
      </c>
      <c r="E11" s="1202">
        <v>26</v>
      </c>
      <c r="F11" s="1201">
        <v>37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2">
        <v>1</v>
      </c>
      <c r="P11" s="1204">
        <v>0</v>
      </c>
      <c r="Q11" s="1201">
        <v>64</v>
      </c>
      <c r="R11" s="1202">
        <v>27</v>
      </c>
      <c r="S11" s="1201">
        <v>37</v>
      </c>
      <c r="T11" s="1203">
        <v>923</v>
      </c>
      <c r="U11" s="1202">
        <v>474</v>
      </c>
      <c r="V11" s="1202">
        <v>449</v>
      </c>
      <c r="W11" s="1201">
        <v>859</v>
      </c>
      <c r="X11" s="1203">
        <v>447</v>
      </c>
      <c r="Y11" s="1203">
        <v>412</v>
      </c>
    </row>
    <row r="12" spans="1:25" ht="16.5" customHeight="1">
      <c r="A12" s="178"/>
      <c r="B12" s="1084">
        <v>29413</v>
      </c>
      <c r="C12" s="1085" t="s">
        <v>569</v>
      </c>
      <c r="D12" s="1201">
        <v>-38</v>
      </c>
      <c r="E12" s="1202">
        <v>-40</v>
      </c>
      <c r="F12" s="1201">
        <v>2</v>
      </c>
      <c r="G12" s="1203">
        <v>-1</v>
      </c>
      <c r="H12" s="1202">
        <v>0</v>
      </c>
      <c r="I12" s="1201">
        <v>-1</v>
      </c>
      <c r="J12" s="1205" t="s">
        <v>188</v>
      </c>
      <c r="K12" s="1206" t="s">
        <v>188</v>
      </c>
      <c r="L12" s="1207" t="s">
        <v>188</v>
      </c>
      <c r="M12" s="1205"/>
      <c r="N12" s="1201">
        <v>1</v>
      </c>
      <c r="O12" s="1202">
        <v>0</v>
      </c>
      <c r="P12" s="1204">
        <v>1</v>
      </c>
      <c r="Q12" s="1201">
        <v>-37</v>
      </c>
      <c r="R12" s="1202">
        <v>-40</v>
      </c>
      <c r="S12" s="1201">
        <v>3</v>
      </c>
      <c r="T12" s="1203">
        <v>489</v>
      </c>
      <c r="U12" s="1202">
        <v>237</v>
      </c>
      <c r="V12" s="1202">
        <v>252</v>
      </c>
      <c r="W12" s="1201">
        <v>526</v>
      </c>
      <c r="X12" s="1203">
        <v>277</v>
      </c>
      <c r="Y12" s="1203">
        <v>249</v>
      </c>
    </row>
    <row r="13" spans="1:25" ht="16.5" customHeight="1">
      <c r="A13" s="178"/>
      <c r="B13" s="1084">
        <v>33887</v>
      </c>
      <c r="C13" s="1085" t="s">
        <v>607</v>
      </c>
      <c r="D13" s="1201">
        <v>507</v>
      </c>
      <c r="E13" s="1202">
        <v>438</v>
      </c>
      <c r="F13" s="1201">
        <v>69</v>
      </c>
      <c r="G13" s="1203">
        <v>-7</v>
      </c>
      <c r="H13" s="1202">
        <v>-6</v>
      </c>
      <c r="I13" s="1201">
        <v>-1</v>
      </c>
      <c r="J13" s="1205" t="s">
        <v>188</v>
      </c>
      <c r="K13" s="1206" t="s">
        <v>188</v>
      </c>
      <c r="L13" s="1207" t="s">
        <v>188</v>
      </c>
      <c r="M13" s="1205"/>
      <c r="N13" s="1201">
        <v>7</v>
      </c>
      <c r="O13" s="1202">
        <v>6</v>
      </c>
      <c r="P13" s="1204">
        <v>1</v>
      </c>
      <c r="Q13" s="1201">
        <v>514</v>
      </c>
      <c r="R13" s="1202">
        <v>444</v>
      </c>
      <c r="S13" s="1201">
        <v>70</v>
      </c>
      <c r="T13" s="1203">
        <v>2703</v>
      </c>
      <c r="U13" s="1202">
        <v>2089</v>
      </c>
      <c r="V13" s="1202">
        <v>614</v>
      </c>
      <c r="W13" s="1201">
        <v>2189</v>
      </c>
      <c r="X13" s="1203">
        <v>1645</v>
      </c>
      <c r="Y13" s="1203">
        <v>544</v>
      </c>
    </row>
    <row r="14" spans="1:25" ht="16.5" customHeight="1">
      <c r="A14" s="178"/>
      <c r="B14" s="1090">
        <v>31894</v>
      </c>
      <c r="C14" s="1088" t="s">
        <v>608</v>
      </c>
      <c r="D14" s="1208">
        <v>-1132</v>
      </c>
      <c r="E14" s="1209">
        <v>-728</v>
      </c>
      <c r="F14" s="1208">
        <v>-404</v>
      </c>
      <c r="G14" s="1210">
        <v>-10</v>
      </c>
      <c r="H14" s="1209">
        <v>-7</v>
      </c>
      <c r="I14" s="1208">
        <v>-3</v>
      </c>
      <c r="J14" s="1211" t="s">
        <v>188</v>
      </c>
      <c r="K14" s="1212" t="s">
        <v>188</v>
      </c>
      <c r="L14" s="1213" t="s">
        <v>188</v>
      </c>
      <c r="M14" s="1211"/>
      <c r="N14" s="1208">
        <v>10</v>
      </c>
      <c r="O14" s="1209">
        <v>7</v>
      </c>
      <c r="P14" s="1214">
        <v>3</v>
      </c>
      <c r="Q14" s="1208">
        <v>-1122</v>
      </c>
      <c r="R14" s="1209">
        <v>-721</v>
      </c>
      <c r="S14" s="1208">
        <v>-401</v>
      </c>
      <c r="T14" s="1210">
        <v>3713</v>
      </c>
      <c r="U14" s="1209">
        <v>2297</v>
      </c>
      <c r="V14" s="1209">
        <v>1416</v>
      </c>
      <c r="W14" s="1208">
        <v>4835</v>
      </c>
      <c r="X14" s="1210">
        <v>3018</v>
      </c>
      <c r="Y14" s="1210">
        <v>1817</v>
      </c>
    </row>
    <row r="15" spans="1:25" ht="16.5" customHeight="1">
      <c r="A15" s="178"/>
      <c r="B15" s="1084">
        <v>27986</v>
      </c>
      <c r="C15" s="1085" t="s">
        <v>609</v>
      </c>
      <c r="D15" s="1201">
        <v>-421</v>
      </c>
      <c r="E15" s="1202">
        <v>-203</v>
      </c>
      <c r="F15" s="1201">
        <v>-218</v>
      </c>
      <c r="G15" s="1203">
        <v>-12</v>
      </c>
      <c r="H15" s="1202">
        <v>-6</v>
      </c>
      <c r="I15" s="1201">
        <v>-6</v>
      </c>
      <c r="J15" s="1205" t="s">
        <v>188</v>
      </c>
      <c r="K15" s="1206" t="s">
        <v>188</v>
      </c>
      <c r="L15" s="1207" t="s">
        <v>188</v>
      </c>
      <c r="M15" s="1205"/>
      <c r="N15" s="1201">
        <v>12</v>
      </c>
      <c r="O15" s="1202">
        <v>6</v>
      </c>
      <c r="P15" s="1204">
        <v>6</v>
      </c>
      <c r="Q15" s="1201">
        <v>-409</v>
      </c>
      <c r="R15" s="1202">
        <v>-197</v>
      </c>
      <c r="S15" s="1201">
        <v>-212</v>
      </c>
      <c r="T15" s="1203">
        <v>3964</v>
      </c>
      <c r="U15" s="1202">
        <v>2146</v>
      </c>
      <c r="V15" s="1202">
        <v>1818</v>
      </c>
      <c r="W15" s="1201">
        <v>4373</v>
      </c>
      <c r="X15" s="1203">
        <v>2343</v>
      </c>
      <c r="Y15" s="1203">
        <v>2030</v>
      </c>
    </row>
    <row r="16" spans="1:25" ht="16.5" customHeight="1">
      <c r="A16" s="178"/>
      <c r="B16" s="1084">
        <v>31452</v>
      </c>
      <c r="C16" s="1085" t="s">
        <v>574</v>
      </c>
      <c r="D16" s="1201">
        <v>109</v>
      </c>
      <c r="E16" s="1202">
        <v>22</v>
      </c>
      <c r="F16" s="1201">
        <v>87</v>
      </c>
      <c r="G16" s="1203">
        <v>-16</v>
      </c>
      <c r="H16" s="1202">
        <v>-9</v>
      </c>
      <c r="I16" s="1201">
        <v>-7</v>
      </c>
      <c r="J16" s="1205" t="s">
        <v>188</v>
      </c>
      <c r="K16" s="1206" t="s">
        <v>188</v>
      </c>
      <c r="L16" s="1207" t="s">
        <v>188</v>
      </c>
      <c r="M16" s="1205"/>
      <c r="N16" s="1201">
        <v>16</v>
      </c>
      <c r="O16" s="1202">
        <v>9</v>
      </c>
      <c r="P16" s="1204">
        <v>7</v>
      </c>
      <c r="Q16" s="1201">
        <v>125</v>
      </c>
      <c r="R16" s="1202">
        <v>31</v>
      </c>
      <c r="S16" s="1201">
        <v>94</v>
      </c>
      <c r="T16" s="1203">
        <v>3386</v>
      </c>
      <c r="U16" s="1202">
        <v>1762</v>
      </c>
      <c r="V16" s="1202">
        <v>1624</v>
      </c>
      <c r="W16" s="1201">
        <v>3261</v>
      </c>
      <c r="X16" s="1203">
        <v>1731</v>
      </c>
      <c r="Y16" s="1203">
        <v>1530</v>
      </c>
    </row>
    <row r="17" spans="1:25" ht="16.5" customHeight="1">
      <c r="A17" s="808" t="s">
        <v>559</v>
      </c>
      <c r="B17" s="1084">
        <v>37883</v>
      </c>
      <c r="C17" s="1085" t="s">
        <v>575</v>
      </c>
      <c r="D17" s="1201">
        <v>209</v>
      </c>
      <c r="E17" s="1202">
        <v>107</v>
      </c>
      <c r="F17" s="1201">
        <v>102</v>
      </c>
      <c r="G17" s="1203">
        <v>-24</v>
      </c>
      <c r="H17" s="1202">
        <v>-17</v>
      </c>
      <c r="I17" s="1201">
        <v>-7</v>
      </c>
      <c r="J17" s="1205" t="s">
        <v>188</v>
      </c>
      <c r="K17" s="1206" t="s">
        <v>188</v>
      </c>
      <c r="L17" s="1207" t="s">
        <v>188</v>
      </c>
      <c r="M17" s="1205"/>
      <c r="N17" s="1201">
        <v>24</v>
      </c>
      <c r="O17" s="1202">
        <v>17</v>
      </c>
      <c r="P17" s="1204">
        <v>7</v>
      </c>
      <c r="Q17" s="1201">
        <v>233</v>
      </c>
      <c r="R17" s="1202">
        <v>124</v>
      </c>
      <c r="S17" s="1201">
        <v>109</v>
      </c>
      <c r="T17" s="1203">
        <v>2608</v>
      </c>
      <c r="U17" s="1202">
        <v>1394</v>
      </c>
      <c r="V17" s="1202">
        <v>1214</v>
      </c>
      <c r="W17" s="1201">
        <v>2375</v>
      </c>
      <c r="X17" s="1203">
        <v>1270</v>
      </c>
      <c r="Y17" s="1203">
        <v>1105</v>
      </c>
    </row>
    <row r="18" spans="1:25" ht="16.5" customHeight="1">
      <c r="A18" s="809"/>
      <c r="B18" s="1084">
        <v>50905</v>
      </c>
      <c r="C18" s="1085" t="s">
        <v>576</v>
      </c>
      <c r="D18" s="1201">
        <v>105</v>
      </c>
      <c r="E18" s="1202">
        <v>83</v>
      </c>
      <c r="F18" s="1201">
        <v>22</v>
      </c>
      <c r="G18" s="1203">
        <v>-53</v>
      </c>
      <c r="H18" s="1202">
        <v>-34</v>
      </c>
      <c r="I18" s="1201">
        <v>-19</v>
      </c>
      <c r="J18" s="1205" t="s">
        <v>188</v>
      </c>
      <c r="K18" s="1206" t="s">
        <v>188</v>
      </c>
      <c r="L18" s="1207" t="s">
        <v>188</v>
      </c>
      <c r="M18" s="1205"/>
      <c r="N18" s="1201">
        <v>53</v>
      </c>
      <c r="O18" s="1202">
        <v>34</v>
      </c>
      <c r="P18" s="1204">
        <v>19</v>
      </c>
      <c r="Q18" s="1201">
        <v>158</v>
      </c>
      <c r="R18" s="1202">
        <v>117</v>
      </c>
      <c r="S18" s="1201">
        <v>41</v>
      </c>
      <c r="T18" s="1203">
        <v>2005</v>
      </c>
      <c r="U18" s="1202">
        <v>1085</v>
      </c>
      <c r="V18" s="1202">
        <v>920</v>
      </c>
      <c r="W18" s="1201">
        <v>1847</v>
      </c>
      <c r="X18" s="1203">
        <v>968</v>
      </c>
      <c r="Y18" s="1203">
        <v>879</v>
      </c>
    </row>
    <row r="19" spans="1:25" ht="16.5" customHeight="1">
      <c r="A19" s="809"/>
      <c r="B19" s="1090">
        <v>56818</v>
      </c>
      <c r="C19" s="1088" t="s">
        <v>577</v>
      </c>
      <c r="D19" s="1208">
        <v>-112</v>
      </c>
      <c r="E19" s="1209">
        <v>-103</v>
      </c>
      <c r="F19" s="1208">
        <v>-9</v>
      </c>
      <c r="G19" s="1210">
        <v>-86</v>
      </c>
      <c r="H19" s="1209">
        <v>-58</v>
      </c>
      <c r="I19" s="1208">
        <v>-28</v>
      </c>
      <c r="J19" s="1211" t="s">
        <v>188</v>
      </c>
      <c r="K19" s="1212" t="s">
        <v>188</v>
      </c>
      <c r="L19" s="1213" t="s">
        <v>188</v>
      </c>
      <c r="M19" s="1211"/>
      <c r="N19" s="1208">
        <v>86</v>
      </c>
      <c r="O19" s="1209">
        <v>58</v>
      </c>
      <c r="P19" s="1214">
        <v>28</v>
      </c>
      <c r="Q19" s="1208">
        <v>-26</v>
      </c>
      <c r="R19" s="1209">
        <v>-45</v>
      </c>
      <c r="S19" s="1208">
        <v>19</v>
      </c>
      <c r="T19" s="1210">
        <v>1567</v>
      </c>
      <c r="U19" s="1209">
        <v>873</v>
      </c>
      <c r="V19" s="1209">
        <v>694</v>
      </c>
      <c r="W19" s="1208">
        <v>1593</v>
      </c>
      <c r="X19" s="1210">
        <v>918</v>
      </c>
      <c r="Y19" s="1210">
        <v>675</v>
      </c>
    </row>
    <row r="20" spans="1:25" ht="16.5" customHeight="1">
      <c r="A20" s="809"/>
      <c r="B20" s="1084">
        <v>48364</v>
      </c>
      <c r="C20" s="1085" t="s">
        <v>578</v>
      </c>
      <c r="D20" s="1201">
        <v>-125</v>
      </c>
      <c r="E20" s="1202">
        <v>-96</v>
      </c>
      <c r="F20" s="1201">
        <v>-29</v>
      </c>
      <c r="G20" s="1203">
        <v>-117</v>
      </c>
      <c r="H20" s="1202">
        <v>-80</v>
      </c>
      <c r="I20" s="1201">
        <v>-37</v>
      </c>
      <c r="J20" s="1205" t="s">
        <v>188</v>
      </c>
      <c r="K20" s="1206" t="s">
        <v>188</v>
      </c>
      <c r="L20" s="1207" t="s">
        <v>188</v>
      </c>
      <c r="M20" s="1205"/>
      <c r="N20" s="1201">
        <v>117</v>
      </c>
      <c r="O20" s="1202">
        <v>80</v>
      </c>
      <c r="P20" s="1204">
        <v>37</v>
      </c>
      <c r="Q20" s="1201">
        <v>-8</v>
      </c>
      <c r="R20" s="1202">
        <v>-16</v>
      </c>
      <c r="S20" s="1201">
        <v>8</v>
      </c>
      <c r="T20" s="1203">
        <v>1082</v>
      </c>
      <c r="U20" s="1202">
        <v>624</v>
      </c>
      <c r="V20" s="1202">
        <v>458</v>
      </c>
      <c r="W20" s="1201">
        <v>1090</v>
      </c>
      <c r="X20" s="1203">
        <v>640</v>
      </c>
      <c r="Y20" s="1203">
        <v>450</v>
      </c>
    </row>
    <row r="21" spans="1:25" ht="16.5" customHeight="1">
      <c r="A21" s="809"/>
      <c r="B21" s="1084">
        <v>41723</v>
      </c>
      <c r="C21" s="1085" t="s">
        <v>579</v>
      </c>
      <c r="D21" s="1201">
        <v>-73</v>
      </c>
      <c r="E21" s="1202">
        <v>-89</v>
      </c>
      <c r="F21" s="1201">
        <v>16</v>
      </c>
      <c r="G21" s="1203">
        <v>-159</v>
      </c>
      <c r="H21" s="1202">
        <v>-109</v>
      </c>
      <c r="I21" s="1201">
        <v>-50</v>
      </c>
      <c r="J21" s="1205" t="s">
        <v>188</v>
      </c>
      <c r="K21" s="1206" t="s">
        <v>188</v>
      </c>
      <c r="L21" s="1207" t="s">
        <v>188</v>
      </c>
      <c r="M21" s="1205"/>
      <c r="N21" s="1201">
        <v>159</v>
      </c>
      <c r="O21" s="1202">
        <v>109</v>
      </c>
      <c r="P21" s="1204">
        <v>50</v>
      </c>
      <c r="Q21" s="1201">
        <v>86</v>
      </c>
      <c r="R21" s="1202">
        <v>20</v>
      </c>
      <c r="S21" s="1201">
        <v>66</v>
      </c>
      <c r="T21" s="1203">
        <v>807</v>
      </c>
      <c r="U21" s="1202">
        <v>448</v>
      </c>
      <c r="V21" s="1202">
        <v>359</v>
      </c>
      <c r="W21" s="1201">
        <v>721</v>
      </c>
      <c r="X21" s="1203">
        <v>428</v>
      </c>
      <c r="Y21" s="1203">
        <v>293</v>
      </c>
    </row>
    <row r="22" spans="1:25" ht="16.5" customHeight="1">
      <c r="A22" s="808" t="s">
        <v>560</v>
      </c>
      <c r="B22" s="1084">
        <v>40604</v>
      </c>
      <c r="C22" s="1085" t="s">
        <v>580</v>
      </c>
      <c r="D22" s="1201">
        <v>-184</v>
      </c>
      <c r="E22" s="1202">
        <v>-134</v>
      </c>
      <c r="F22" s="1201">
        <v>-50</v>
      </c>
      <c r="G22" s="1203">
        <v>-231</v>
      </c>
      <c r="H22" s="1202">
        <v>-148</v>
      </c>
      <c r="I22" s="1201">
        <v>-83</v>
      </c>
      <c r="J22" s="1205" t="s">
        <v>188</v>
      </c>
      <c r="K22" s="1206" t="s">
        <v>188</v>
      </c>
      <c r="L22" s="1207" t="s">
        <v>188</v>
      </c>
      <c r="M22" s="1205"/>
      <c r="N22" s="1201">
        <v>231</v>
      </c>
      <c r="O22" s="1202">
        <v>148</v>
      </c>
      <c r="P22" s="1204">
        <v>83</v>
      </c>
      <c r="Q22" s="1201">
        <v>47</v>
      </c>
      <c r="R22" s="1202">
        <v>14</v>
      </c>
      <c r="S22" s="1201">
        <v>33</v>
      </c>
      <c r="T22" s="1203">
        <v>609</v>
      </c>
      <c r="U22" s="1202">
        <v>323</v>
      </c>
      <c r="V22" s="1202">
        <v>286</v>
      </c>
      <c r="W22" s="1201">
        <v>562</v>
      </c>
      <c r="X22" s="1203">
        <v>309</v>
      </c>
      <c r="Y22" s="1203">
        <v>253</v>
      </c>
    </row>
    <row r="23" spans="1:25" ht="16.5" customHeight="1">
      <c r="A23" s="178"/>
      <c r="B23" s="1084">
        <v>55742</v>
      </c>
      <c r="C23" s="1085" t="s">
        <v>581</v>
      </c>
      <c r="D23" s="1201">
        <v>-493</v>
      </c>
      <c r="E23" s="1202">
        <v>-315</v>
      </c>
      <c r="F23" s="1201">
        <v>-178</v>
      </c>
      <c r="G23" s="1203">
        <v>-515</v>
      </c>
      <c r="H23" s="1202">
        <v>-351</v>
      </c>
      <c r="I23" s="1201">
        <v>-164</v>
      </c>
      <c r="J23" s="1205" t="s">
        <v>188</v>
      </c>
      <c r="K23" s="1206" t="s">
        <v>188</v>
      </c>
      <c r="L23" s="1207" t="s">
        <v>188</v>
      </c>
      <c r="M23" s="1205"/>
      <c r="N23" s="1201">
        <v>515</v>
      </c>
      <c r="O23" s="1202">
        <v>351</v>
      </c>
      <c r="P23" s="1204">
        <v>164</v>
      </c>
      <c r="Q23" s="1201">
        <v>22</v>
      </c>
      <c r="R23" s="1202">
        <v>36</v>
      </c>
      <c r="S23" s="1201">
        <v>-14</v>
      </c>
      <c r="T23" s="1203">
        <v>608</v>
      </c>
      <c r="U23" s="1202">
        <v>325</v>
      </c>
      <c r="V23" s="1202">
        <v>283</v>
      </c>
      <c r="W23" s="1201">
        <v>586</v>
      </c>
      <c r="X23" s="1203">
        <v>289</v>
      </c>
      <c r="Y23" s="1203">
        <v>297</v>
      </c>
    </row>
    <row r="24" spans="1:25" ht="16.5" customHeight="1">
      <c r="A24" s="178"/>
      <c r="B24" s="1090">
        <v>51704</v>
      </c>
      <c r="C24" s="1088" t="s">
        <v>583</v>
      </c>
      <c r="D24" s="1208">
        <v>-692</v>
      </c>
      <c r="E24" s="1209">
        <v>-435</v>
      </c>
      <c r="F24" s="1208">
        <v>-257</v>
      </c>
      <c r="G24" s="1210">
        <v>-664</v>
      </c>
      <c r="H24" s="1209">
        <v>-442</v>
      </c>
      <c r="I24" s="1208">
        <v>-222</v>
      </c>
      <c r="J24" s="1211" t="s">
        <v>188</v>
      </c>
      <c r="K24" s="1212" t="s">
        <v>188</v>
      </c>
      <c r="L24" s="1213" t="s">
        <v>188</v>
      </c>
      <c r="M24" s="1211"/>
      <c r="N24" s="1208">
        <v>664</v>
      </c>
      <c r="O24" s="1209">
        <v>442</v>
      </c>
      <c r="P24" s="1214">
        <v>222</v>
      </c>
      <c r="Q24" s="1208">
        <v>-28</v>
      </c>
      <c r="R24" s="1209">
        <v>7</v>
      </c>
      <c r="S24" s="1208">
        <v>-35</v>
      </c>
      <c r="T24" s="1210">
        <v>415</v>
      </c>
      <c r="U24" s="1209">
        <v>206</v>
      </c>
      <c r="V24" s="1209">
        <v>209</v>
      </c>
      <c r="W24" s="1208">
        <v>443</v>
      </c>
      <c r="X24" s="1210">
        <v>199</v>
      </c>
      <c r="Y24" s="1210">
        <v>244</v>
      </c>
    </row>
    <row r="25" spans="1:25" ht="16.5" customHeight="1">
      <c r="A25" s="178"/>
      <c r="B25" s="1084">
        <v>45241</v>
      </c>
      <c r="C25" s="1085" t="s">
        <v>610</v>
      </c>
      <c r="D25" s="1201">
        <v>-1053</v>
      </c>
      <c r="E25" s="1202">
        <v>-632</v>
      </c>
      <c r="F25" s="1201">
        <v>-421</v>
      </c>
      <c r="G25" s="1203">
        <v>-996</v>
      </c>
      <c r="H25" s="1202">
        <v>-622</v>
      </c>
      <c r="I25" s="1201">
        <v>-374</v>
      </c>
      <c r="J25" s="1205" t="s">
        <v>188</v>
      </c>
      <c r="K25" s="1206" t="s">
        <v>188</v>
      </c>
      <c r="L25" s="1207" t="s">
        <v>188</v>
      </c>
      <c r="M25" s="1205"/>
      <c r="N25" s="1201">
        <v>996</v>
      </c>
      <c r="O25" s="1202">
        <v>622</v>
      </c>
      <c r="P25" s="1204">
        <v>374</v>
      </c>
      <c r="Q25" s="1201">
        <v>-57</v>
      </c>
      <c r="R25" s="1202">
        <v>-10</v>
      </c>
      <c r="S25" s="1201">
        <v>-47</v>
      </c>
      <c r="T25" s="1203">
        <v>308</v>
      </c>
      <c r="U25" s="1202">
        <v>132</v>
      </c>
      <c r="V25" s="1202">
        <v>176</v>
      </c>
      <c r="W25" s="1201">
        <v>365</v>
      </c>
      <c r="X25" s="1203">
        <v>142</v>
      </c>
      <c r="Y25" s="1203">
        <v>223</v>
      </c>
    </row>
    <row r="26" spans="1:25" ht="16.5" customHeight="1">
      <c r="A26" s="178"/>
      <c r="B26" s="1084">
        <v>35047</v>
      </c>
      <c r="C26" s="1085" t="s">
        <v>585</v>
      </c>
      <c r="D26" s="1201">
        <v>-1521</v>
      </c>
      <c r="E26" s="1202">
        <v>-858</v>
      </c>
      <c r="F26" s="1201">
        <v>-663</v>
      </c>
      <c r="G26" s="1203">
        <v>-1488</v>
      </c>
      <c r="H26" s="1202">
        <v>-860</v>
      </c>
      <c r="I26" s="1201">
        <v>-628</v>
      </c>
      <c r="J26" s="1205" t="s">
        <v>188</v>
      </c>
      <c r="K26" s="1206" t="s">
        <v>188</v>
      </c>
      <c r="L26" s="1207" t="s">
        <v>188</v>
      </c>
      <c r="M26" s="1205"/>
      <c r="N26" s="1201">
        <v>1488</v>
      </c>
      <c r="O26" s="1202">
        <v>860</v>
      </c>
      <c r="P26" s="1204">
        <v>628</v>
      </c>
      <c r="Q26" s="1201">
        <v>-33</v>
      </c>
      <c r="R26" s="1202">
        <v>2</v>
      </c>
      <c r="S26" s="1201">
        <v>-35</v>
      </c>
      <c r="T26" s="1203">
        <v>310</v>
      </c>
      <c r="U26" s="1202">
        <v>116</v>
      </c>
      <c r="V26" s="1202">
        <v>194</v>
      </c>
      <c r="W26" s="1201">
        <v>343</v>
      </c>
      <c r="X26" s="1203">
        <v>114</v>
      </c>
      <c r="Y26" s="1203">
        <v>229</v>
      </c>
    </row>
    <row r="27" spans="1:25" ht="16.5" customHeight="1">
      <c r="A27" s="178"/>
      <c r="B27" s="1084">
        <v>21407</v>
      </c>
      <c r="C27" s="1085" t="s">
        <v>611</v>
      </c>
      <c r="D27" s="1201">
        <v>-1822</v>
      </c>
      <c r="E27" s="1202">
        <v>-877</v>
      </c>
      <c r="F27" s="1201">
        <v>-945</v>
      </c>
      <c r="G27" s="1203">
        <v>-1735</v>
      </c>
      <c r="H27" s="1202">
        <v>-838</v>
      </c>
      <c r="I27" s="1201">
        <v>-897</v>
      </c>
      <c r="J27" s="1205" t="s">
        <v>188</v>
      </c>
      <c r="K27" s="1206" t="s">
        <v>188</v>
      </c>
      <c r="L27" s="1207" t="s">
        <v>188</v>
      </c>
      <c r="M27" s="1205"/>
      <c r="N27" s="1201">
        <v>1735</v>
      </c>
      <c r="O27" s="1202">
        <v>838</v>
      </c>
      <c r="P27" s="1204">
        <v>897</v>
      </c>
      <c r="Q27" s="1201">
        <v>-87</v>
      </c>
      <c r="R27" s="1202">
        <v>-39</v>
      </c>
      <c r="S27" s="1201">
        <v>-48</v>
      </c>
      <c r="T27" s="1203">
        <v>239</v>
      </c>
      <c r="U27" s="1202">
        <v>64</v>
      </c>
      <c r="V27" s="1202">
        <v>175</v>
      </c>
      <c r="W27" s="1201">
        <v>326</v>
      </c>
      <c r="X27" s="1203">
        <v>103</v>
      </c>
      <c r="Y27" s="1203">
        <v>223</v>
      </c>
    </row>
    <row r="28" spans="1:25" ht="16.5" customHeight="1">
      <c r="A28" s="178"/>
      <c r="B28" s="1084">
        <v>9835</v>
      </c>
      <c r="C28" s="1085" t="s">
        <v>587</v>
      </c>
      <c r="D28" s="1201">
        <v>-1426</v>
      </c>
      <c r="E28" s="1202">
        <v>-542</v>
      </c>
      <c r="F28" s="1201">
        <v>-884</v>
      </c>
      <c r="G28" s="1203">
        <v>-1386</v>
      </c>
      <c r="H28" s="1202">
        <v>-528</v>
      </c>
      <c r="I28" s="1201">
        <v>-858</v>
      </c>
      <c r="J28" s="1205" t="s">
        <v>188</v>
      </c>
      <c r="K28" s="1206" t="s">
        <v>188</v>
      </c>
      <c r="L28" s="1207" t="s">
        <v>188</v>
      </c>
      <c r="M28" s="1205"/>
      <c r="N28" s="1201">
        <v>1386</v>
      </c>
      <c r="O28" s="1202">
        <v>528</v>
      </c>
      <c r="P28" s="1204">
        <v>858</v>
      </c>
      <c r="Q28" s="1201">
        <v>-40</v>
      </c>
      <c r="R28" s="1202">
        <v>-14</v>
      </c>
      <c r="S28" s="1201">
        <v>-26</v>
      </c>
      <c r="T28" s="1203">
        <v>123</v>
      </c>
      <c r="U28" s="1202">
        <v>27</v>
      </c>
      <c r="V28" s="1202">
        <v>96</v>
      </c>
      <c r="W28" s="1201">
        <v>163</v>
      </c>
      <c r="X28" s="1203">
        <v>41</v>
      </c>
      <c r="Y28" s="1203">
        <v>122</v>
      </c>
    </row>
    <row r="29" spans="1:25" ht="16.5" customHeight="1">
      <c r="A29" s="178"/>
      <c r="B29" s="1090">
        <v>2666</v>
      </c>
      <c r="C29" s="1088" t="s">
        <v>612</v>
      </c>
      <c r="D29" s="1208">
        <v>-638</v>
      </c>
      <c r="E29" s="1209">
        <v>-151</v>
      </c>
      <c r="F29" s="1208">
        <v>-487</v>
      </c>
      <c r="G29" s="1210">
        <v>-642</v>
      </c>
      <c r="H29" s="1209">
        <v>-149</v>
      </c>
      <c r="I29" s="1208">
        <v>-493</v>
      </c>
      <c r="J29" s="1211" t="s">
        <v>188</v>
      </c>
      <c r="K29" s="1212" t="s">
        <v>188</v>
      </c>
      <c r="L29" s="1213" t="s">
        <v>188</v>
      </c>
      <c r="M29" s="1211"/>
      <c r="N29" s="1208">
        <v>642</v>
      </c>
      <c r="O29" s="1209">
        <v>149</v>
      </c>
      <c r="P29" s="1214">
        <v>493</v>
      </c>
      <c r="Q29" s="1208">
        <v>4</v>
      </c>
      <c r="R29" s="1209">
        <v>-2</v>
      </c>
      <c r="S29" s="1208">
        <v>6</v>
      </c>
      <c r="T29" s="1210">
        <v>38</v>
      </c>
      <c r="U29" s="1209">
        <v>6</v>
      </c>
      <c r="V29" s="1209">
        <v>32</v>
      </c>
      <c r="W29" s="1208">
        <v>34</v>
      </c>
      <c r="X29" s="1210">
        <v>8</v>
      </c>
      <c r="Y29" s="1210">
        <v>26</v>
      </c>
    </row>
    <row r="30" spans="1:25" ht="16.5" customHeight="1">
      <c r="A30" s="178"/>
      <c r="B30" s="1094">
        <v>509</v>
      </c>
      <c r="C30" s="1088" t="s">
        <v>613</v>
      </c>
      <c r="D30" s="1214">
        <v>-213</v>
      </c>
      <c r="E30" s="1209">
        <v>-47</v>
      </c>
      <c r="F30" s="1210">
        <v>-166</v>
      </c>
      <c r="G30" s="1210">
        <v>-210</v>
      </c>
      <c r="H30" s="1209">
        <v>-45</v>
      </c>
      <c r="I30" s="1208">
        <v>-165</v>
      </c>
      <c r="J30" s="1211" t="s">
        <v>188</v>
      </c>
      <c r="K30" s="1212" t="s">
        <v>188</v>
      </c>
      <c r="L30" s="1211" t="s">
        <v>188</v>
      </c>
      <c r="M30" s="1211"/>
      <c r="N30" s="1208">
        <v>210</v>
      </c>
      <c r="O30" s="1209">
        <v>45</v>
      </c>
      <c r="P30" s="1214">
        <v>165</v>
      </c>
      <c r="Q30" s="1208">
        <v>-3</v>
      </c>
      <c r="R30" s="1209">
        <v>-2</v>
      </c>
      <c r="S30" s="1210">
        <v>-1</v>
      </c>
      <c r="T30" s="1210">
        <v>6</v>
      </c>
      <c r="U30" s="1209">
        <v>0</v>
      </c>
      <c r="V30" s="1209">
        <v>6</v>
      </c>
      <c r="W30" s="1208">
        <v>9</v>
      </c>
      <c r="X30" s="1210">
        <v>2</v>
      </c>
      <c r="Y30" s="1210">
        <v>7</v>
      </c>
    </row>
    <row r="31" spans="1:25" ht="16.5" customHeight="1">
      <c r="A31" s="178"/>
      <c r="B31" s="1097">
        <v>2679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79018</v>
      </c>
      <c r="C32" s="1085" t="s">
        <v>614</v>
      </c>
      <c r="D32" s="1201">
        <v>4580</v>
      </c>
      <c r="E32" s="1202">
        <v>2270</v>
      </c>
      <c r="F32" s="1201">
        <v>2310</v>
      </c>
      <c r="G32" s="1203">
        <v>4175</v>
      </c>
      <c r="H32" s="1202">
        <v>2166</v>
      </c>
      <c r="I32" s="1201">
        <v>2009</v>
      </c>
      <c r="J32" s="1203">
        <v>4190</v>
      </c>
      <c r="K32" s="1202">
        <v>2176</v>
      </c>
      <c r="L32" s="1201">
        <v>2014</v>
      </c>
      <c r="M32" s="1203"/>
      <c r="N32" s="1201">
        <v>15</v>
      </c>
      <c r="O32" s="1202">
        <v>10</v>
      </c>
      <c r="P32" s="1204">
        <v>5</v>
      </c>
      <c r="Q32" s="1201">
        <v>405</v>
      </c>
      <c r="R32" s="1202">
        <v>104</v>
      </c>
      <c r="S32" s="1201">
        <v>301</v>
      </c>
      <c r="T32" s="1203">
        <v>3225</v>
      </c>
      <c r="U32" s="1202">
        <v>1593</v>
      </c>
      <c r="V32" s="1204">
        <v>1632</v>
      </c>
      <c r="W32" s="1201">
        <v>2820</v>
      </c>
      <c r="X32" s="1202">
        <v>1489</v>
      </c>
      <c r="Y32" s="1201">
        <v>1331</v>
      </c>
    </row>
    <row r="33" spans="1:25" ht="16.5" customHeight="1">
      <c r="A33" s="178"/>
      <c r="B33" s="1084">
        <v>401516</v>
      </c>
      <c r="C33" s="1085" t="s">
        <v>615</v>
      </c>
      <c r="D33" s="1201">
        <v>-1117</v>
      </c>
      <c r="E33" s="1202">
        <v>-703</v>
      </c>
      <c r="F33" s="1201">
        <v>-414</v>
      </c>
      <c r="G33" s="1203">
        <v>-715</v>
      </c>
      <c r="H33" s="1202">
        <v>-474</v>
      </c>
      <c r="I33" s="1201">
        <v>-241</v>
      </c>
      <c r="J33" s="1205" t="s">
        <v>188</v>
      </c>
      <c r="K33" s="1206" t="s">
        <v>188</v>
      </c>
      <c r="L33" s="1207" t="s">
        <v>188</v>
      </c>
      <c r="M33" s="1205"/>
      <c r="N33" s="1201">
        <v>715</v>
      </c>
      <c r="O33" s="1202">
        <v>474</v>
      </c>
      <c r="P33" s="1204">
        <v>241</v>
      </c>
      <c r="Q33" s="1201">
        <v>-402</v>
      </c>
      <c r="R33" s="1202">
        <v>-229</v>
      </c>
      <c r="S33" s="1201">
        <v>-173</v>
      </c>
      <c r="T33" s="1203">
        <v>22444</v>
      </c>
      <c r="U33" s="1202">
        <v>13041</v>
      </c>
      <c r="V33" s="1204">
        <v>9403</v>
      </c>
      <c r="W33" s="1201">
        <v>22846</v>
      </c>
      <c r="X33" s="1202">
        <v>13270</v>
      </c>
      <c r="Y33" s="1201">
        <v>9576</v>
      </c>
    </row>
    <row r="34" spans="1:25" ht="16.5" customHeight="1" thickBot="1">
      <c r="A34" s="178"/>
      <c r="B34" s="1084">
        <v>222151</v>
      </c>
      <c r="C34" s="1085" t="s">
        <v>616</v>
      </c>
      <c r="D34" s="1201">
        <v>-7858</v>
      </c>
      <c r="E34" s="1202">
        <v>-3857</v>
      </c>
      <c r="F34" s="1201">
        <v>-4001</v>
      </c>
      <c r="G34" s="1203">
        <v>-7636</v>
      </c>
      <c r="H34" s="1202">
        <v>-3835</v>
      </c>
      <c r="I34" s="1201">
        <v>-3801</v>
      </c>
      <c r="J34" s="1205" t="s">
        <v>188</v>
      </c>
      <c r="K34" s="1206" t="s">
        <v>188</v>
      </c>
      <c r="L34" s="1207" t="s">
        <v>188</v>
      </c>
      <c r="M34" s="1205"/>
      <c r="N34" s="1201">
        <v>7636</v>
      </c>
      <c r="O34" s="1202">
        <v>3835</v>
      </c>
      <c r="P34" s="1204">
        <v>3801</v>
      </c>
      <c r="Q34" s="1201">
        <v>-222</v>
      </c>
      <c r="R34" s="1202">
        <v>-22</v>
      </c>
      <c r="S34" s="1201">
        <v>-200</v>
      </c>
      <c r="T34" s="1203">
        <v>2047</v>
      </c>
      <c r="U34" s="1202">
        <v>876</v>
      </c>
      <c r="V34" s="1204">
        <v>1171</v>
      </c>
      <c r="W34" s="1201">
        <v>2269</v>
      </c>
      <c r="X34" s="1202">
        <v>898</v>
      </c>
      <c r="Y34" s="1201">
        <v>137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617</v>
      </c>
      <c r="E36" s="838" t="s">
        <v>618</v>
      </c>
      <c r="F36" s="837" t="s">
        <v>619</v>
      </c>
      <c r="G36" s="839" t="s">
        <v>619</v>
      </c>
      <c r="H36" s="838" t="s">
        <v>619</v>
      </c>
      <c r="I36" s="837" t="s">
        <v>620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617</v>
      </c>
      <c r="R36" s="838" t="s">
        <v>619</v>
      </c>
      <c r="S36" s="837" t="s">
        <v>620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3</v>
      </c>
      <c r="C38" s="829" t="s">
        <v>621</v>
      </c>
      <c r="D38" s="1179" t="s">
        <v>622</v>
      </c>
      <c r="E38" s="1178" t="s">
        <v>622</v>
      </c>
      <c r="F38" s="1179" t="s">
        <v>619</v>
      </c>
      <c r="G38" s="1177" t="s">
        <v>619</v>
      </c>
      <c r="H38" s="1178" t="s">
        <v>619</v>
      </c>
      <c r="I38" s="1179" t="s">
        <v>623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1</v>
      </c>
      <c r="Q38" s="1177" t="s">
        <v>619</v>
      </c>
      <c r="R38" s="1178" t="s">
        <v>619</v>
      </c>
      <c r="S38" s="1179" t="s">
        <v>624</v>
      </c>
      <c r="T38" s="1180">
        <v>6.5</v>
      </c>
      <c r="U38" s="1181">
        <v>5.7</v>
      </c>
      <c r="V38" s="1183">
        <v>7.6</v>
      </c>
      <c r="W38" s="1182">
        <v>5.0999999999999996</v>
      </c>
      <c r="X38" s="1181">
        <v>4.9000000000000004</v>
      </c>
      <c r="Y38" s="1182">
        <v>5.5</v>
      </c>
    </row>
    <row r="39" spans="1:25" ht="16.5" customHeight="1">
      <c r="A39" s="178"/>
      <c r="B39" s="847">
        <v>3.8</v>
      </c>
      <c r="C39" s="829" t="s">
        <v>625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3</v>
      </c>
      <c r="U39" s="1181">
        <v>3.1</v>
      </c>
      <c r="V39" s="1183">
        <v>3.7</v>
      </c>
      <c r="W39" s="1182">
        <v>3.1</v>
      </c>
      <c r="X39" s="1181">
        <v>2.9</v>
      </c>
      <c r="Y39" s="1182">
        <v>3.4</v>
      </c>
    </row>
    <row r="40" spans="1:25" ht="16.5" customHeight="1">
      <c r="A40" s="178"/>
      <c r="B40" s="847">
        <v>4.2</v>
      </c>
      <c r="C40" s="829" t="s">
        <v>626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8</v>
      </c>
      <c r="U40" s="1181">
        <v>1.5</v>
      </c>
      <c r="V40" s="1183">
        <v>2.1</v>
      </c>
      <c r="W40" s="1182">
        <v>1.9</v>
      </c>
      <c r="X40" s="1181">
        <v>1.8</v>
      </c>
      <c r="Y40" s="1182">
        <v>2</v>
      </c>
    </row>
    <row r="41" spans="1:25" ht="16.5" customHeight="1">
      <c r="A41" s="178"/>
      <c r="B41" s="847">
        <v>4.8</v>
      </c>
      <c r="C41" s="829" t="s">
        <v>627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9.8000000000000007</v>
      </c>
      <c r="U41" s="1181">
        <v>13.5</v>
      </c>
      <c r="V41" s="1183">
        <v>5</v>
      </c>
      <c r="W41" s="1182">
        <v>7.8</v>
      </c>
      <c r="X41" s="1181">
        <v>10.5</v>
      </c>
      <c r="Y41" s="1182">
        <v>4.4000000000000004</v>
      </c>
    </row>
    <row r="42" spans="1:25" ht="16.5" customHeight="1">
      <c r="A42" s="178"/>
      <c r="B42" s="845">
        <v>4.5</v>
      </c>
      <c r="C42" s="830" t="s">
        <v>628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1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3.4</v>
      </c>
      <c r="U42" s="1185">
        <v>14.8</v>
      </c>
      <c r="V42" s="1186">
        <v>11.6</v>
      </c>
      <c r="W42" s="1184">
        <v>17.3</v>
      </c>
      <c r="X42" s="1185">
        <v>19.3</v>
      </c>
      <c r="Y42" s="1184">
        <v>14.8</v>
      </c>
    </row>
    <row r="43" spans="1:25" ht="16.5" customHeight="1">
      <c r="A43" s="178"/>
      <c r="B43" s="847">
        <v>4</v>
      </c>
      <c r="C43" s="829" t="s">
        <v>629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1</v>
      </c>
      <c r="O43" s="1181">
        <v>0.1</v>
      </c>
      <c r="P43" s="1183">
        <v>0.1</v>
      </c>
      <c r="Q43" s="1177" t="s">
        <v>188</v>
      </c>
      <c r="R43" s="1178" t="s">
        <v>188</v>
      </c>
      <c r="S43" s="1179" t="s">
        <v>188</v>
      </c>
      <c r="T43" s="1180">
        <v>14.3</v>
      </c>
      <c r="U43" s="1181">
        <v>13.8</v>
      </c>
      <c r="V43" s="1183">
        <v>14.9</v>
      </c>
      <c r="W43" s="1182">
        <v>15.7</v>
      </c>
      <c r="X43" s="1181">
        <v>15</v>
      </c>
      <c r="Y43" s="1182">
        <v>16.5</v>
      </c>
    </row>
    <row r="44" spans="1:25" ht="16.5" customHeight="1">
      <c r="A44" s="808" t="s">
        <v>573</v>
      </c>
      <c r="B44" s="847">
        <v>4.5</v>
      </c>
      <c r="C44" s="829" t="s">
        <v>630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2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2.2</v>
      </c>
      <c r="U44" s="1181">
        <v>11.4</v>
      </c>
      <c r="V44" s="1183">
        <v>13.3</v>
      </c>
      <c r="W44" s="1182">
        <v>11.7</v>
      </c>
      <c r="X44" s="1181">
        <v>11.1</v>
      </c>
      <c r="Y44" s="1182">
        <v>12.5</v>
      </c>
    </row>
    <row r="45" spans="1:25" ht="16.5" customHeight="1">
      <c r="A45" s="808"/>
      <c r="B45" s="847">
        <v>5.4</v>
      </c>
      <c r="C45" s="829" t="s">
        <v>631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3</v>
      </c>
      <c r="O45" s="1181">
        <v>0.4</v>
      </c>
      <c r="P45" s="1183">
        <v>0.2</v>
      </c>
      <c r="Q45" s="1177" t="s">
        <v>188</v>
      </c>
      <c r="R45" s="1178" t="s">
        <v>188</v>
      </c>
      <c r="S45" s="1179" t="s">
        <v>188</v>
      </c>
      <c r="T45" s="1180">
        <v>9.4</v>
      </c>
      <c r="U45" s="1181">
        <v>9</v>
      </c>
      <c r="V45" s="1183">
        <v>9.9</v>
      </c>
      <c r="W45" s="1182">
        <v>8.5</v>
      </c>
      <c r="X45" s="1181">
        <v>8.1</v>
      </c>
      <c r="Y45" s="1182">
        <v>9</v>
      </c>
    </row>
    <row r="46" spans="1:25" ht="16.5" customHeight="1">
      <c r="A46" s="809"/>
      <c r="B46" s="847">
        <v>7.2</v>
      </c>
      <c r="C46" s="829" t="s">
        <v>632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6</v>
      </c>
      <c r="O46" s="1181">
        <v>0.8</v>
      </c>
      <c r="P46" s="1183">
        <v>0.5</v>
      </c>
      <c r="Q46" s="1177" t="s">
        <v>188</v>
      </c>
      <c r="R46" s="1178" t="s">
        <v>188</v>
      </c>
      <c r="S46" s="1179" t="s">
        <v>188</v>
      </c>
      <c r="T46" s="1180">
        <v>7.2</v>
      </c>
      <c r="U46" s="1181">
        <v>7</v>
      </c>
      <c r="V46" s="1183">
        <v>7.5</v>
      </c>
      <c r="W46" s="1182">
        <v>6.6</v>
      </c>
      <c r="X46" s="1181">
        <v>6.2</v>
      </c>
      <c r="Y46" s="1182">
        <v>7.2</v>
      </c>
    </row>
    <row r="47" spans="1:25" ht="16.5" customHeight="1">
      <c r="A47" s="809"/>
      <c r="B47" s="845">
        <v>8.1</v>
      </c>
      <c r="C47" s="830" t="s">
        <v>633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</v>
      </c>
      <c r="O47" s="1185">
        <v>1.3</v>
      </c>
      <c r="P47" s="1186">
        <v>0.7</v>
      </c>
      <c r="Q47" s="1187" t="s">
        <v>188</v>
      </c>
      <c r="R47" s="1188" t="s">
        <v>188</v>
      </c>
      <c r="S47" s="1189" t="s">
        <v>188</v>
      </c>
      <c r="T47" s="1190">
        <v>5.7</v>
      </c>
      <c r="U47" s="1185">
        <v>5.6</v>
      </c>
      <c r="V47" s="1186">
        <v>5.7</v>
      </c>
      <c r="W47" s="1184">
        <v>5.7</v>
      </c>
      <c r="X47" s="1185">
        <v>5.9</v>
      </c>
      <c r="Y47" s="1184">
        <v>5.5</v>
      </c>
    </row>
    <row r="48" spans="1:25" ht="16.5" customHeight="1">
      <c r="A48" s="808" t="s">
        <v>311</v>
      </c>
      <c r="B48" s="847">
        <v>6.9</v>
      </c>
      <c r="C48" s="829" t="s">
        <v>634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4</v>
      </c>
      <c r="O48" s="1181">
        <v>1.9</v>
      </c>
      <c r="P48" s="1183">
        <v>0.9</v>
      </c>
      <c r="Q48" s="1177" t="s">
        <v>188</v>
      </c>
      <c r="R48" s="1178" t="s">
        <v>188</v>
      </c>
      <c r="S48" s="1179" t="s">
        <v>188</v>
      </c>
      <c r="T48" s="1180">
        <v>3.9</v>
      </c>
      <c r="U48" s="1181">
        <v>4</v>
      </c>
      <c r="V48" s="1183">
        <v>3.8</v>
      </c>
      <c r="W48" s="1182">
        <v>3.9</v>
      </c>
      <c r="X48" s="1181">
        <v>4.0999999999999996</v>
      </c>
      <c r="Y48" s="1182">
        <v>3.7</v>
      </c>
    </row>
    <row r="49" spans="1:25" ht="16.5" customHeight="1">
      <c r="A49" s="809"/>
      <c r="B49" s="847">
        <v>5.9</v>
      </c>
      <c r="C49" s="829" t="s">
        <v>635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1.9</v>
      </c>
      <c r="O49" s="1181">
        <v>2.5</v>
      </c>
      <c r="P49" s="1183">
        <v>1.2</v>
      </c>
      <c r="Q49" s="1177" t="s">
        <v>188</v>
      </c>
      <c r="R49" s="1178" t="s">
        <v>188</v>
      </c>
      <c r="S49" s="1179" t="s">
        <v>188</v>
      </c>
      <c r="T49" s="1180">
        <v>2.9</v>
      </c>
      <c r="U49" s="1181">
        <v>2.9</v>
      </c>
      <c r="V49" s="1183">
        <v>2.9</v>
      </c>
      <c r="W49" s="1182">
        <v>2.6</v>
      </c>
      <c r="X49" s="1181">
        <v>2.7</v>
      </c>
      <c r="Y49" s="1182">
        <v>2.4</v>
      </c>
    </row>
    <row r="50" spans="1:25" ht="16.5" customHeight="1">
      <c r="A50" s="808"/>
      <c r="B50" s="847">
        <v>5.8</v>
      </c>
      <c r="C50" s="829" t="s">
        <v>636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2.8</v>
      </c>
      <c r="O50" s="1181">
        <v>3.4</v>
      </c>
      <c r="P50" s="1183">
        <v>2.1</v>
      </c>
      <c r="Q50" s="1177" t="s">
        <v>188</v>
      </c>
      <c r="R50" s="1178" t="s">
        <v>188</v>
      </c>
      <c r="S50" s="1179" t="s">
        <v>188</v>
      </c>
      <c r="T50" s="1180">
        <v>2.2000000000000002</v>
      </c>
      <c r="U50" s="1181">
        <v>2.1</v>
      </c>
      <c r="V50" s="1183">
        <v>2.2999999999999998</v>
      </c>
      <c r="W50" s="1182">
        <v>2</v>
      </c>
      <c r="X50" s="1181">
        <v>2</v>
      </c>
      <c r="Y50" s="1182">
        <v>2.1</v>
      </c>
    </row>
    <row r="51" spans="1:25" ht="16.5" customHeight="1">
      <c r="A51" s="809"/>
      <c r="B51" s="847">
        <v>7.9</v>
      </c>
      <c r="C51" s="829" t="s">
        <v>637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6.2</v>
      </c>
      <c r="O51" s="1181">
        <v>8.1</v>
      </c>
      <c r="P51" s="1183">
        <v>4.0999999999999996</v>
      </c>
      <c r="Q51" s="1177" t="s">
        <v>188</v>
      </c>
      <c r="R51" s="1178" t="s">
        <v>188</v>
      </c>
      <c r="S51" s="1179" t="s">
        <v>188</v>
      </c>
      <c r="T51" s="1180">
        <v>2.2000000000000002</v>
      </c>
      <c r="U51" s="1181">
        <v>2.1</v>
      </c>
      <c r="V51" s="1183">
        <v>2.2999999999999998</v>
      </c>
      <c r="W51" s="1182">
        <v>2.1</v>
      </c>
      <c r="X51" s="1181">
        <v>1.8</v>
      </c>
      <c r="Y51" s="1182">
        <v>2.4</v>
      </c>
    </row>
    <row r="52" spans="1:25" ht="16.5" customHeight="1">
      <c r="A52" s="808" t="s">
        <v>582</v>
      </c>
      <c r="B52" s="845">
        <v>7.4</v>
      </c>
      <c r="C52" s="830" t="s">
        <v>638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7.9</v>
      </c>
      <c r="O52" s="1185">
        <v>10.199999999999999</v>
      </c>
      <c r="P52" s="1186">
        <v>5.5</v>
      </c>
      <c r="Q52" s="1187" t="s">
        <v>188</v>
      </c>
      <c r="R52" s="1188" t="s">
        <v>188</v>
      </c>
      <c r="S52" s="1189" t="s">
        <v>188</v>
      </c>
      <c r="T52" s="1190">
        <v>1.5</v>
      </c>
      <c r="U52" s="1185">
        <v>1.3</v>
      </c>
      <c r="V52" s="1186">
        <v>1.7</v>
      </c>
      <c r="W52" s="1184">
        <v>1.6</v>
      </c>
      <c r="X52" s="1185">
        <v>1.3</v>
      </c>
      <c r="Y52" s="1184">
        <v>2</v>
      </c>
    </row>
    <row r="53" spans="1:25" ht="16.5" customHeight="1">
      <c r="A53" s="178"/>
      <c r="B53" s="847">
        <v>6.4</v>
      </c>
      <c r="C53" s="829" t="s">
        <v>639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1.9</v>
      </c>
      <c r="O53" s="1181">
        <v>14.4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1.1000000000000001</v>
      </c>
      <c r="U53" s="1181">
        <v>0.9</v>
      </c>
      <c r="V53" s="1183">
        <v>1.4</v>
      </c>
      <c r="W53" s="1182">
        <v>1.3</v>
      </c>
      <c r="X53" s="1181">
        <v>0.9</v>
      </c>
      <c r="Y53" s="1182">
        <v>1.8</v>
      </c>
    </row>
    <row r="54" spans="1:25" ht="16.5" customHeight="1">
      <c r="A54" s="178"/>
      <c r="B54" s="847">
        <v>5</v>
      </c>
      <c r="C54" s="829" t="s">
        <v>640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8</v>
      </c>
      <c r="O54" s="1181">
        <v>19.899999999999999</v>
      </c>
      <c r="P54" s="1183">
        <v>15.5</v>
      </c>
      <c r="Q54" s="1177" t="s">
        <v>188</v>
      </c>
      <c r="R54" s="1178" t="s">
        <v>188</v>
      </c>
      <c r="S54" s="1179" t="s">
        <v>188</v>
      </c>
      <c r="T54" s="1180">
        <v>1.1000000000000001</v>
      </c>
      <c r="U54" s="1181">
        <v>0.7</v>
      </c>
      <c r="V54" s="1183">
        <v>1.6</v>
      </c>
      <c r="W54" s="1182">
        <v>1.2</v>
      </c>
      <c r="X54" s="1181">
        <v>0.7</v>
      </c>
      <c r="Y54" s="1182">
        <v>1.9</v>
      </c>
    </row>
    <row r="55" spans="1:25" ht="16.5" customHeight="1">
      <c r="A55" s="178"/>
      <c r="B55" s="847">
        <v>3</v>
      </c>
      <c r="C55" s="829" t="s">
        <v>641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20.7</v>
      </c>
      <c r="O55" s="1181">
        <v>19.399999999999999</v>
      </c>
      <c r="P55" s="1183">
        <v>22.2</v>
      </c>
      <c r="Q55" s="1177" t="s">
        <v>188</v>
      </c>
      <c r="R55" s="1178" t="s">
        <v>188</v>
      </c>
      <c r="S55" s="1179" t="s">
        <v>188</v>
      </c>
      <c r="T55" s="1180">
        <v>0.9</v>
      </c>
      <c r="U55" s="1181">
        <v>0.4</v>
      </c>
      <c r="V55" s="1183">
        <v>1.4</v>
      </c>
      <c r="W55" s="1182">
        <v>1.2</v>
      </c>
      <c r="X55" s="1181">
        <v>0.7</v>
      </c>
      <c r="Y55" s="1182">
        <v>1.8</v>
      </c>
    </row>
    <row r="56" spans="1:25" ht="16.5" customHeight="1">
      <c r="A56" s="178"/>
      <c r="B56" s="847">
        <v>1.4</v>
      </c>
      <c r="C56" s="829" t="s">
        <v>642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6.600000000000001</v>
      </c>
      <c r="O56" s="1181">
        <v>12.2</v>
      </c>
      <c r="P56" s="1183">
        <v>21.2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8</v>
      </c>
      <c r="W56" s="1182">
        <v>0.6</v>
      </c>
      <c r="X56" s="1181">
        <v>0.3</v>
      </c>
      <c r="Y56" s="1182">
        <v>1</v>
      </c>
    </row>
    <row r="57" spans="1:25" ht="16.5" customHeight="1">
      <c r="A57" s="178"/>
      <c r="B57" s="845">
        <v>0.4</v>
      </c>
      <c r="C57" s="830" t="s">
        <v>643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7</v>
      </c>
      <c r="O57" s="1185">
        <v>3.4</v>
      </c>
      <c r="P57" s="1186">
        <v>12.2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3</v>
      </c>
      <c r="W57" s="1184">
        <v>0.1</v>
      </c>
      <c r="X57" s="1185">
        <v>0.1</v>
      </c>
      <c r="Y57" s="1184">
        <v>0.2</v>
      </c>
    </row>
    <row r="58" spans="1:25" ht="16.5" customHeight="1">
      <c r="A58" s="178"/>
      <c r="B58" s="848">
        <v>0.1</v>
      </c>
      <c r="C58" s="830" t="s">
        <v>644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5</v>
      </c>
      <c r="O58" s="1185">
        <v>1</v>
      </c>
      <c r="P58" s="1185">
        <v>4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.1</v>
      </c>
    </row>
    <row r="59" spans="1:25" ht="16.5" customHeight="1">
      <c r="A59" s="178"/>
      <c r="B59" s="859" t="s">
        <v>617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1.2</v>
      </c>
      <c r="C60" s="829" t="s">
        <v>645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2</v>
      </c>
      <c r="O60" s="1181">
        <v>0.2</v>
      </c>
      <c r="P60" s="1183">
        <v>0.1</v>
      </c>
      <c r="Q60" s="1177" t="s">
        <v>188</v>
      </c>
      <c r="R60" s="1178" t="s">
        <v>188</v>
      </c>
      <c r="S60" s="1179" t="s">
        <v>188</v>
      </c>
      <c r="T60" s="1180">
        <v>11.6</v>
      </c>
      <c r="U60" s="1181">
        <v>10.3</v>
      </c>
      <c r="V60" s="1183">
        <v>13.4</v>
      </c>
      <c r="W60" s="1182">
        <v>10.1</v>
      </c>
      <c r="X60" s="1181">
        <v>9.5</v>
      </c>
      <c r="Y60" s="1182">
        <v>10.8</v>
      </c>
    </row>
    <row r="61" spans="1:25" ht="16.5" customHeight="1">
      <c r="A61" s="178"/>
      <c r="B61" s="847">
        <v>57.1</v>
      </c>
      <c r="C61" s="829" t="s">
        <v>646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8.5</v>
      </c>
      <c r="O61" s="1181">
        <v>11</v>
      </c>
      <c r="P61" s="1183">
        <v>6</v>
      </c>
      <c r="Q61" s="1177" t="s">
        <v>188</v>
      </c>
      <c r="R61" s="1178" t="s">
        <v>188</v>
      </c>
      <c r="S61" s="1179" t="s">
        <v>188</v>
      </c>
      <c r="T61" s="1180">
        <v>81</v>
      </c>
      <c r="U61" s="1181">
        <v>84.1</v>
      </c>
      <c r="V61" s="1183">
        <v>77</v>
      </c>
      <c r="W61" s="1182">
        <v>81.8</v>
      </c>
      <c r="X61" s="1181">
        <v>84.8</v>
      </c>
      <c r="Y61" s="1182">
        <v>78</v>
      </c>
    </row>
    <row r="62" spans="1:25" ht="16.5" customHeight="1" thickBot="1">
      <c r="A62" s="850"/>
      <c r="B62" s="851">
        <v>31.6</v>
      </c>
      <c r="C62" s="852" t="s">
        <v>647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91.3</v>
      </c>
      <c r="O62" s="1196">
        <v>88.8</v>
      </c>
      <c r="P62" s="1197">
        <v>93.9</v>
      </c>
      <c r="Q62" s="1198" t="s">
        <v>188</v>
      </c>
      <c r="R62" s="1199" t="s">
        <v>188</v>
      </c>
      <c r="S62" s="1199" t="s">
        <v>188</v>
      </c>
      <c r="T62" s="1200">
        <v>7.4</v>
      </c>
      <c r="U62" s="1196">
        <v>5.6</v>
      </c>
      <c r="V62" s="1197">
        <v>9.6</v>
      </c>
      <c r="W62" s="1195">
        <v>8.1</v>
      </c>
      <c r="X62" s="1196">
        <v>5.7</v>
      </c>
      <c r="Y62" s="1195">
        <v>11.2</v>
      </c>
    </row>
    <row r="63" spans="1:25" ht="15" thickTop="1">
      <c r="A63" s="285" t="s">
        <v>648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649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30" fitToWidth="0" orientation="portrait" blackAndWhite="1" useFirstPageNumber="1" r:id="rId1"/>
  <headerFooter>
    <oddFooter>&amp;C&amp;"ＭＳ ゴシック,太字"&amp;12-&amp;P--</oddFooter>
    <evenFooter>&amp;C－31－</evenFooter>
  </headerFooter>
  <colBreaks count="1" manualBreakCount="1">
    <brk id="13" max="64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5" width="9" style="132"/>
    <col min="256" max="256" width="8.125" style="132" customWidth="1"/>
    <col min="257" max="257" width="15.625" style="132" customWidth="1"/>
    <col min="258" max="258" width="13.75" style="132" customWidth="1"/>
    <col min="259" max="264" width="9.75" style="132" customWidth="1"/>
    <col min="265" max="267" width="9.625" style="132" customWidth="1"/>
    <col min="268" max="268" width="1.5" style="132" customWidth="1"/>
    <col min="269" max="269" width="13.25" style="132" customWidth="1"/>
    <col min="270" max="274" width="10.125" style="132" customWidth="1"/>
    <col min="275" max="280" width="9.625" style="132" customWidth="1"/>
    <col min="281" max="281" width="10" style="132" bestFit="1" customWidth="1"/>
    <col min="282" max="511" width="9" style="132"/>
    <col min="512" max="512" width="8.125" style="132" customWidth="1"/>
    <col min="513" max="513" width="15.625" style="132" customWidth="1"/>
    <col min="514" max="514" width="13.75" style="132" customWidth="1"/>
    <col min="515" max="520" width="9.75" style="132" customWidth="1"/>
    <col min="521" max="523" width="9.625" style="132" customWidth="1"/>
    <col min="524" max="524" width="1.5" style="132" customWidth="1"/>
    <col min="525" max="525" width="13.25" style="132" customWidth="1"/>
    <col min="526" max="530" width="10.125" style="132" customWidth="1"/>
    <col min="531" max="536" width="9.625" style="132" customWidth="1"/>
    <col min="537" max="537" width="10" style="132" bestFit="1" customWidth="1"/>
    <col min="538" max="767" width="9" style="132"/>
    <col min="768" max="768" width="8.125" style="132" customWidth="1"/>
    <col min="769" max="769" width="15.625" style="132" customWidth="1"/>
    <col min="770" max="770" width="13.75" style="132" customWidth="1"/>
    <col min="771" max="776" width="9.75" style="132" customWidth="1"/>
    <col min="777" max="779" width="9.625" style="132" customWidth="1"/>
    <col min="780" max="780" width="1.5" style="132" customWidth="1"/>
    <col min="781" max="781" width="13.25" style="132" customWidth="1"/>
    <col min="782" max="786" width="10.125" style="132" customWidth="1"/>
    <col min="787" max="792" width="9.625" style="132" customWidth="1"/>
    <col min="793" max="793" width="10" style="132" bestFit="1" customWidth="1"/>
    <col min="794" max="1023" width="9" style="132"/>
    <col min="1024" max="1024" width="8.125" style="132" customWidth="1"/>
    <col min="1025" max="1025" width="15.625" style="132" customWidth="1"/>
    <col min="1026" max="1026" width="13.75" style="132" customWidth="1"/>
    <col min="1027" max="1032" width="9.75" style="132" customWidth="1"/>
    <col min="1033" max="1035" width="9.625" style="132" customWidth="1"/>
    <col min="1036" max="1036" width="1.5" style="132" customWidth="1"/>
    <col min="1037" max="1037" width="13.25" style="132" customWidth="1"/>
    <col min="1038" max="1042" width="10.125" style="132" customWidth="1"/>
    <col min="1043" max="1048" width="9.625" style="132" customWidth="1"/>
    <col min="1049" max="1049" width="10" style="132" bestFit="1" customWidth="1"/>
    <col min="1050" max="1279" width="9" style="132"/>
    <col min="1280" max="1280" width="8.125" style="132" customWidth="1"/>
    <col min="1281" max="1281" width="15.625" style="132" customWidth="1"/>
    <col min="1282" max="1282" width="13.75" style="132" customWidth="1"/>
    <col min="1283" max="1288" width="9.75" style="132" customWidth="1"/>
    <col min="1289" max="1291" width="9.625" style="132" customWidth="1"/>
    <col min="1292" max="1292" width="1.5" style="132" customWidth="1"/>
    <col min="1293" max="1293" width="13.25" style="132" customWidth="1"/>
    <col min="1294" max="1298" width="10.125" style="132" customWidth="1"/>
    <col min="1299" max="1304" width="9.625" style="132" customWidth="1"/>
    <col min="1305" max="1305" width="10" style="132" bestFit="1" customWidth="1"/>
    <col min="1306" max="1535" width="9" style="132"/>
    <col min="1536" max="1536" width="8.125" style="132" customWidth="1"/>
    <col min="1537" max="1537" width="15.625" style="132" customWidth="1"/>
    <col min="1538" max="1538" width="13.75" style="132" customWidth="1"/>
    <col min="1539" max="1544" width="9.75" style="132" customWidth="1"/>
    <col min="1545" max="1547" width="9.625" style="132" customWidth="1"/>
    <col min="1548" max="1548" width="1.5" style="132" customWidth="1"/>
    <col min="1549" max="1549" width="13.25" style="132" customWidth="1"/>
    <col min="1550" max="1554" width="10.125" style="132" customWidth="1"/>
    <col min="1555" max="1560" width="9.625" style="132" customWidth="1"/>
    <col min="1561" max="1561" width="10" style="132" bestFit="1" customWidth="1"/>
    <col min="1562" max="1791" width="9" style="132"/>
    <col min="1792" max="1792" width="8.125" style="132" customWidth="1"/>
    <col min="1793" max="1793" width="15.625" style="132" customWidth="1"/>
    <col min="1794" max="1794" width="13.75" style="132" customWidth="1"/>
    <col min="1795" max="1800" width="9.75" style="132" customWidth="1"/>
    <col min="1801" max="1803" width="9.625" style="132" customWidth="1"/>
    <col min="1804" max="1804" width="1.5" style="132" customWidth="1"/>
    <col min="1805" max="1805" width="13.25" style="132" customWidth="1"/>
    <col min="1806" max="1810" width="10.125" style="132" customWidth="1"/>
    <col min="1811" max="1816" width="9.625" style="132" customWidth="1"/>
    <col min="1817" max="1817" width="10" style="132" bestFit="1" customWidth="1"/>
    <col min="1818" max="2047" width="9" style="132"/>
    <col min="2048" max="2048" width="8.125" style="132" customWidth="1"/>
    <col min="2049" max="2049" width="15.625" style="132" customWidth="1"/>
    <col min="2050" max="2050" width="13.75" style="132" customWidth="1"/>
    <col min="2051" max="2056" width="9.75" style="132" customWidth="1"/>
    <col min="2057" max="2059" width="9.625" style="132" customWidth="1"/>
    <col min="2060" max="2060" width="1.5" style="132" customWidth="1"/>
    <col min="2061" max="2061" width="13.25" style="132" customWidth="1"/>
    <col min="2062" max="2066" width="10.125" style="132" customWidth="1"/>
    <col min="2067" max="2072" width="9.625" style="132" customWidth="1"/>
    <col min="2073" max="2073" width="10" style="132" bestFit="1" customWidth="1"/>
    <col min="2074" max="2303" width="9" style="132"/>
    <col min="2304" max="2304" width="8.125" style="132" customWidth="1"/>
    <col min="2305" max="2305" width="15.625" style="132" customWidth="1"/>
    <col min="2306" max="2306" width="13.75" style="132" customWidth="1"/>
    <col min="2307" max="2312" width="9.75" style="132" customWidth="1"/>
    <col min="2313" max="2315" width="9.625" style="132" customWidth="1"/>
    <col min="2316" max="2316" width="1.5" style="132" customWidth="1"/>
    <col min="2317" max="2317" width="13.25" style="132" customWidth="1"/>
    <col min="2318" max="2322" width="10.125" style="132" customWidth="1"/>
    <col min="2323" max="2328" width="9.625" style="132" customWidth="1"/>
    <col min="2329" max="2329" width="10" style="132" bestFit="1" customWidth="1"/>
    <col min="2330" max="2559" width="9" style="132"/>
    <col min="2560" max="2560" width="8.125" style="132" customWidth="1"/>
    <col min="2561" max="2561" width="15.625" style="132" customWidth="1"/>
    <col min="2562" max="2562" width="13.75" style="132" customWidth="1"/>
    <col min="2563" max="2568" width="9.75" style="132" customWidth="1"/>
    <col min="2569" max="2571" width="9.625" style="132" customWidth="1"/>
    <col min="2572" max="2572" width="1.5" style="132" customWidth="1"/>
    <col min="2573" max="2573" width="13.25" style="132" customWidth="1"/>
    <col min="2574" max="2578" width="10.125" style="132" customWidth="1"/>
    <col min="2579" max="2584" width="9.625" style="132" customWidth="1"/>
    <col min="2585" max="2585" width="10" style="132" bestFit="1" customWidth="1"/>
    <col min="2586" max="2815" width="9" style="132"/>
    <col min="2816" max="2816" width="8.125" style="132" customWidth="1"/>
    <col min="2817" max="2817" width="15.625" style="132" customWidth="1"/>
    <col min="2818" max="2818" width="13.75" style="132" customWidth="1"/>
    <col min="2819" max="2824" width="9.75" style="132" customWidth="1"/>
    <col min="2825" max="2827" width="9.625" style="132" customWidth="1"/>
    <col min="2828" max="2828" width="1.5" style="132" customWidth="1"/>
    <col min="2829" max="2829" width="13.25" style="132" customWidth="1"/>
    <col min="2830" max="2834" width="10.125" style="132" customWidth="1"/>
    <col min="2835" max="2840" width="9.625" style="132" customWidth="1"/>
    <col min="2841" max="2841" width="10" style="132" bestFit="1" customWidth="1"/>
    <col min="2842" max="3071" width="9" style="132"/>
    <col min="3072" max="3072" width="8.125" style="132" customWidth="1"/>
    <col min="3073" max="3073" width="15.625" style="132" customWidth="1"/>
    <col min="3074" max="3074" width="13.75" style="132" customWidth="1"/>
    <col min="3075" max="3080" width="9.75" style="132" customWidth="1"/>
    <col min="3081" max="3083" width="9.625" style="132" customWidth="1"/>
    <col min="3084" max="3084" width="1.5" style="132" customWidth="1"/>
    <col min="3085" max="3085" width="13.25" style="132" customWidth="1"/>
    <col min="3086" max="3090" width="10.125" style="132" customWidth="1"/>
    <col min="3091" max="3096" width="9.625" style="132" customWidth="1"/>
    <col min="3097" max="3097" width="10" style="132" bestFit="1" customWidth="1"/>
    <col min="3098" max="3327" width="9" style="132"/>
    <col min="3328" max="3328" width="8.125" style="132" customWidth="1"/>
    <col min="3329" max="3329" width="15.625" style="132" customWidth="1"/>
    <col min="3330" max="3330" width="13.75" style="132" customWidth="1"/>
    <col min="3331" max="3336" width="9.75" style="132" customWidth="1"/>
    <col min="3337" max="3339" width="9.625" style="132" customWidth="1"/>
    <col min="3340" max="3340" width="1.5" style="132" customWidth="1"/>
    <col min="3341" max="3341" width="13.25" style="132" customWidth="1"/>
    <col min="3342" max="3346" width="10.125" style="132" customWidth="1"/>
    <col min="3347" max="3352" width="9.625" style="132" customWidth="1"/>
    <col min="3353" max="3353" width="10" style="132" bestFit="1" customWidth="1"/>
    <col min="3354" max="3583" width="9" style="132"/>
    <col min="3584" max="3584" width="8.125" style="132" customWidth="1"/>
    <col min="3585" max="3585" width="15.625" style="132" customWidth="1"/>
    <col min="3586" max="3586" width="13.75" style="132" customWidth="1"/>
    <col min="3587" max="3592" width="9.75" style="132" customWidth="1"/>
    <col min="3593" max="3595" width="9.625" style="132" customWidth="1"/>
    <col min="3596" max="3596" width="1.5" style="132" customWidth="1"/>
    <col min="3597" max="3597" width="13.25" style="132" customWidth="1"/>
    <col min="3598" max="3602" width="10.125" style="132" customWidth="1"/>
    <col min="3603" max="3608" width="9.625" style="132" customWidth="1"/>
    <col min="3609" max="3609" width="10" style="132" bestFit="1" customWidth="1"/>
    <col min="3610" max="3839" width="9" style="132"/>
    <col min="3840" max="3840" width="8.125" style="132" customWidth="1"/>
    <col min="3841" max="3841" width="15.625" style="132" customWidth="1"/>
    <col min="3842" max="3842" width="13.75" style="132" customWidth="1"/>
    <col min="3843" max="3848" width="9.75" style="132" customWidth="1"/>
    <col min="3849" max="3851" width="9.625" style="132" customWidth="1"/>
    <col min="3852" max="3852" width="1.5" style="132" customWidth="1"/>
    <col min="3853" max="3853" width="13.25" style="132" customWidth="1"/>
    <col min="3854" max="3858" width="10.125" style="132" customWidth="1"/>
    <col min="3859" max="3864" width="9.625" style="132" customWidth="1"/>
    <col min="3865" max="3865" width="10" style="132" bestFit="1" customWidth="1"/>
    <col min="3866" max="4095" width="9" style="132"/>
    <col min="4096" max="4096" width="8.125" style="132" customWidth="1"/>
    <col min="4097" max="4097" width="15.625" style="132" customWidth="1"/>
    <col min="4098" max="4098" width="13.75" style="132" customWidth="1"/>
    <col min="4099" max="4104" width="9.75" style="132" customWidth="1"/>
    <col min="4105" max="4107" width="9.625" style="132" customWidth="1"/>
    <col min="4108" max="4108" width="1.5" style="132" customWidth="1"/>
    <col min="4109" max="4109" width="13.25" style="132" customWidth="1"/>
    <col min="4110" max="4114" width="10.125" style="132" customWidth="1"/>
    <col min="4115" max="4120" width="9.625" style="132" customWidth="1"/>
    <col min="4121" max="4121" width="10" style="132" bestFit="1" customWidth="1"/>
    <col min="4122" max="4351" width="9" style="132"/>
    <col min="4352" max="4352" width="8.125" style="132" customWidth="1"/>
    <col min="4353" max="4353" width="15.625" style="132" customWidth="1"/>
    <col min="4354" max="4354" width="13.75" style="132" customWidth="1"/>
    <col min="4355" max="4360" width="9.75" style="132" customWidth="1"/>
    <col min="4361" max="4363" width="9.625" style="132" customWidth="1"/>
    <col min="4364" max="4364" width="1.5" style="132" customWidth="1"/>
    <col min="4365" max="4365" width="13.25" style="132" customWidth="1"/>
    <col min="4366" max="4370" width="10.125" style="132" customWidth="1"/>
    <col min="4371" max="4376" width="9.625" style="132" customWidth="1"/>
    <col min="4377" max="4377" width="10" style="132" bestFit="1" customWidth="1"/>
    <col min="4378" max="4607" width="9" style="132"/>
    <col min="4608" max="4608" width="8.125" style="132" customWidth="1"/>
    <col min="4609" max="4609" width="15.625" style="132" customWidth="1"/>
    <col min="4610" max="4610" width="13.75" style="132" customWidth="1"/>
    <col min="4611" max="4616" width="9.75" style="132" customWidth="1"/>
    <col min="4617" max="4619" width="9.625" style="132" customWidth="1"/>
    <col min="4620" max="4620" width="1.5" style="132" customWidth="1"/>
    <col min="4621" max="4621" width="13.25" style="132" customWidth="1"/>
    <col min="4622" max="4626" width="10.125" style="132" customWidth="1"/>
    <col min="4627" max="4632" width="9.625" style="132" customWidth="1"/>
    <col min="4633" max="4633" width="10" style="132" bestFit="1" customWidth="1"/>
    <col min="4634" max="4863" width="9" style="132"/>
    <col min="4864" max="4864" width="8.125" style="132" customWidth="1"/>
    <col min="4865" max="4865" width="15.625" style="132" customWidth="1"/>
    <col min="4866" max="4866" width="13.75" style="132" customWidth="1"/>
    <col min="4867" max="4872" width="9.75" style="132" customWidth="1"/>
    <col min="4873" max="4875" width="9.625" style="132" customWidth="1"/>
    <col min="4876" max="4876" width="1.5" style="132" customWidth="1"/>
    <col min="4877" max="4877" width="13.25" style="132" customWidth="1"/>
    <col min="4878" max="4882" width="10.125" style="132" customWidth="1"/>
    <col min="4883" max="4888" width="9.625" style="132" customWidth="1"/>
    <col min="4889" max="4889" width="10" style="132" bestFit="1" customWidth="1"/>
    <col min="4890" max="5119" width="9" style="132"/>
    <col min="5120" max="5120" width="8.125" style="132" customWidth="1"/>
    <col min="5121" max="5121" width="15.625" style="132" customWidth="1"/>
    <col min="5122" max="5122" width="13.75" style="132" customWidth="1"/>
    <col min="5123" max="5128" width="9.75" style="132" customWidth="1"/>
    <col min="5129" max="5131" width="9.625" style="132" customWidth="1"/>
    <col min="5132" max="5132" width="1.5" style="132" customWidth="1"/>
    <col min="5133" max="5133" width="13.25" style="132" customWidth="1"/>
    <col min="5134" max="5138" width="10.125" style="132" customWidth="1"/>
    <col min="5139" max="5144" width="9.625" style="132" customWidth="1"/>
    <col min="5145" max="5145" width="10" style="132" bestFit="1" customWidth="1"/>
    <col min="5146" max="5375" width="9" style="132"/>
    <col min="5376" max="5376" width="8.125" style="132" customWidth="1"/>
    <col min="5377" max="5377" width="15.625" style="132" customWidth="1"/>
    <col min="5378" max="5378" width="13.75" style="132" customWidth="1"/>
    <col min="5379" max="5384" width="9.75" style="132" customWidth="1"/>
    <col min="5385" max="5387" width="9.625" style="132" customWidth="1"/>
    <col min="5388" max="5388" width="1.5" style="132" customWidth="1"/>
    <col min="5389" max="5389" width="13.25" style="132" customWidth="1"/>
    <col min="5390" max="5394" width="10.125" style="132" customWidth="1"/>
    <col min="5395" max="5400" width="9.625" style="132" customWidth="1"/>
    <col min="5401" max="5401" width="10" style="132" bestFit="1" customWidth="1"/>
    <col min="5402" max="5631" width="9" style="132"/>
    <col min="5632" max="5632" width="8.125" style="132" customWidth="1"/>
    <col min="5633" max="5633" width="15.625" style="132" customWidth="1"/>
    <col min="5634" max="5634" width="13.75" style="132" customWidth="1"/>
    <col min="5635" max="5640" width="9.75" style="132" customWidth="1"/>
    <col min="5641" max="5643" width="9.625" style="132" customWidth="1"/>
    <col min="5644" max="5644" width="1.5" style="132" customWidth="1"/>
    <col min="5645" max="5645" width="13.25" style="132" customWidth="1"/>
    <col min="5646" max="5650" width="10.125" style="132" customWidth="1"/>
    <col min="5651" max="5656" width="9.625" style="132" customWidth="1"/>
    <col min="5657" max="5657" width="10" style="132" bestFit="1" customWidth="1"/>
    <col min="5658" max="5887" width="9" style="132"/>
    <col min="5888" max="5888" width="8.125" style="132" customWidth="1"/>
    <col min="5889" max="5889" width="15.625" style="132" customWidth="1"/>
    <col min="5890" max="5890" width="13.75" style="132" customWidth="1"/>
    <col min="5891" max="5896" width="9.75" style="132" customWidth="1"/>
    <col min="5897" max="5899" width="9.625" style="132" customWidth="1"/>
    <col min="5900" max="5900" width="1.5" style="132" customWidth="1"/>
    <col min="5901" max="5901" width="13.25" style="132" customWidth="1"/>
    <col min="5902" max="5906" width="10.125" style="132" customWidth="1"/>
    <col min="5907" max="5912" width="9.625" style="132" customWidth="1"/>
    <col min="5913" max="5913" width="10" style="132" bestFit="1" customWidth="1"/>
    <col min="5914" max="6143" width="9" style="132"/>
    <col min="6144" max="6144" width="8.125" style="132" customWidth="1"/>
    <col min="6145" max="6145" width="15.625" style="132" customWidth="1"/>
    <col min="6146" max="6146" width="13.75" style="132" customWidth="1"/>
    <col min="6147" max="6152" width="9.75" style="132" customWidth="1"/>
    <col min="6153" max="6155" width="9.625" style="132" customWidth="1"/>
    <col min="6156" max="6156" width="1.5" style="132" customWidth="1"/>
    <col min="6157" max="6157" width="13.25" style="132" customWidth="1"/>
    <col min="6158" max="6162" width="10.125" style="132" customWidth="1"/>
    <col min="6163" max="6168" width="9.625" style="132" customWidth="1"/>
    <col min="6169" max="6169" width="10" style="132" bestFit="1" customWidth="1"/>
    <col min="6170" max="6399" width="9" style="132"/>
    <col min="6400" max="6400" width="8.125" style="132" customWidth="1"/>
    <col min="6401" max="6401" width="15.625" style="132" customWidth="1"/>
    <col min="6402" max="6402" width="13.75" style="132" customWidth="1"/>
    <col min="6403" max="6408" width="9.75" style="132" customWidth="1"/>
    <col min="6409" max="6411" width="9.625" style="132" customWidth="1"/>
    <col min="6412" max="6412" width="1.5" style="132" customWidth="1"/>
    <col min="6413" max="6413" width="13.25" style="132" customWidth="1"/>
    <col min="6414" max="6418" width="10.125" style="132" customWidth="1"/>
    <col min="6419" max="6424" width="9.625" style="132" customWidth="1"/>
    <col min="6425" max="6425" width="10" style="132" bestFit="1" customWidth="1"/>
    <col min="6426" max="6655" width="9" style="132"/>
    <col min="6656" max="6656" width="8.125" style="132" customWidth="1"/>
    <col min="6657" max="6657" width="15.625" style="132" customWidth="1"/>
    <col min="6658" max="6658" width="13.75" style="132" customWidth="1"/>
    <col min="6659" max="6664" width="9.75" style="132" customWidth="1"/>
    <col min="6665" max="6667" width="9.625" style="132" customWidth="1"/>
    <col min="6668" max="6668" width="1.5" style="132" customWidth="1"/>
    <col min="6669" max="6669" width="13.25" style="132" customWidth="1"/>
    <col min="6670" max="6674" width="10.125" style="132" customWidth="1"/>
    <col min="6675" max="6680" width="9.625" style="132" customWidth="1"/>
    <col min="6681" max="6681" width="10" style="132" bestFit="1" customWidth="1"/>
    <col min="6682" max="6911" width="9" style="132"/>
    <col min="6912" max="6912" width="8.125" style="132" customWidth="1"/>
    <col min="6913" max="6913" width="15.625" style="132" customWidth="1"/>
    <col min="6914" max="6914" width="13.75" style="132" customWidth="1"/>
    <col min="6915" max="6920" width="9.75" style="132" customWidth="1"/>
    <col min="6921" max="6923" width="9.625" style="132" customWidth="1"/>
    <col min="6924" max="6924" width="1.5" style="132" customWidth="1"/>
    <col min="6925" max="6925" width="13.25" style="132" customWidth="1"/>
    <col min="6926" max="6930" width="10.125" style="132" customWidth="1"/>
    <col min="6931" max="6936" width="9.625" style="132" customWidth="1"/>
    <col min="6937" max="6937" width="10" style="132" bestFit="1" customWidth="1"/>
    <col min="6938" max="7167" width="9" style="132"/>
    <col min="7168" max="7168" width="8.125" style="132" customWidth="1"/>
    <col min="7169" max="7169" width="15.625" style="132" customWidth="1"/>
    <col min="7170" max="7170" width="13.75" style="132" customWidth="1"/>
    <col min="7171" max="7176" width="9.75" style="132" customWidth="1"/>
    <col min="7177" max="7179" width="9.625" style="132" customWidth="1"/>
    <col min="7180" max="7180" width="1.5" style="132" customWidth="1"/>
    <col min="7181" max="7181" width="13.25" style="132" customWidth="1"/>
    <col min="7182" max="7186" width="10.125" style="132" customWidth="1"/>
    <col min="7187" max="7192" width="9.625" style="132" customWidth="1"/>
    <col min="7193" max="7193" width="10" style="132" bestFit="1" customWidth="1"/>
    <col min="7194" max="7423" width="9" style="132"/>
    <col min="7424" max="7424" width="8.125" style="132" customWidth="1"/>
    <col min="7425" max="7425" width="15.625" style="132" customWidth="1"/>
    <col min="7426" max="7426" width="13.75" style="132" customWidth="1"/>
    <col min="7427" max="7432" width="9.75" style="132" customWidth="1"/>
    <col min="7433" max="7435" width="9.625" style="132" customWidth="1"/>
    <col min="7436" max="7436" width="1.5" style="132" customWidth="1"/>
    <col min="7437" max="7437" width="13.25" style="132" customWidth="1"/>
    <col min="7438" max="7442" width="10.125" style="132" customWidth="1"/>
    <col min="7443" max="7448" width="9.625" style="132" customWidth="1"/>
    <col min="7449" max="7449" width="10" style="132" bestFit="1" customWidth="1"/>
    <col min="7450" max="7679" width="9" style="132"/>
    <col min="7680" max="7680" width="8.125" style="132" customWidth="1"/>
    <col min="7681" max="7681" width="15.625" style="132" customWidth="1"/>
    <col min="7682" max="7682" width="13.75" style="132" customWidth="1"/>
    <col min="7683" max="7688" width="9.75" style="132" customWidth="1"/>
    <col min="7689" max="7691" width="9.625" style="132" customWidth="1"/>
    <col min="7692" max="7692" width="1.5" style="132" customWidth="1"/>
    <col min="7693" max="7693" width="13.25" style="132" customWidth="1"/>
    <col min="7694" max="7698" width="10.125" style="132" customWidth="1"/>
    <col min="7699" max="7704" width="9.625" style="132" customWidth="1"/>
    <col min="7705" max="7705" width="10" style="132" bestFit="1" customWidth="1"/>
    <col min="7706" max="7935" width="9" style="132"/>
    <col min="7936" max="7936" width="8.125" style="132" customWidth="1"/>
    <col min="7937" max="7937" width="15.625" style="132" customWidth="1"/>
    <col min="7938" max="7938" width="13.75" style="132" customWidth="1"/>
    <col min="7939" max="7944" width="9.75" style="132" customWidth="1"/>
    <col min="7945" max="7947" width="9.625" style="132" customWidth="1"/>
    <col min="7948" max="7948" width="1.5" style="132" customWidth="1"/>
    <col min="7949" max="7949" width="13.25" style="132" customWidth="1"/>
    <col min="7950" max="7954" width="10.125" style="132" customWidth="1"/>
    <col min="7955" max="7960" width="9.625" style="132" customWidth="1"/>
    <col min="7961" max="7961" width="10" style="132" bestFit="1" customWidth="1"/>
    <col min="7962" max="8191" width="9" style="132"/>
    <col min="8192" max="8192" width="8.125" style="132" customWidth="1"/>
    <col min="8193" max="8193" width="15.625" style="132" customWidth="1"/>
    <col min="8194" max="8194" width="13.75" style="132" customWidth="1"/>
    <col min="8195" max="8200" width="9.75" style="132" customWidth="1"/>
    <col min="8201" max="8203" width="9.625" style="132" customWidth="1"/>
    <col min="8204" max="8204" width="1.5" style="132" customWidth="1"/>
    <col min="8205" max="8205" width="13.25" style="132" customWidth="1"/>
    <col min="8206" max="8210" width="10.125" style="132" customWidth="1"/>
    <col min="8211" max="8216" width="9.625" style="132" customWidth="1"/>
    <col min="8217" max="8217" width="10" style="132" bestFit="1" customWidth="1"/>
    <col min="8218" max="8447" width="9" style="132"/>
    <col min="8448" max="8448" width="8.125" style="132" customWidth="1"/>
    <col min="8449" max="8449" width="15.625" style="132" customWidth="1"/>
    <col min="8450" max="8450" width="13.75" style="132" customWidth="1"/>
    <col min="8451" max="8456" width="9.75" style="132" customWidth="1"/>
    <col min="8457" max="8459" width="9.625" style="132" customWidth="1"/>
    <col min="8460" max="8460" width="1.5" style="132" customWidth="1"/>
    <col min="8461" max="8461" width="13.25" style="132" customWidth="1"/>
    <col min="8462" max="8466" width="10.125" style="132" customWidth="1"/>
    <col min="8467" max="8472" width="9.625" style="132" customWidth="1"/>
    <col min="8473" max="8473" width="10" style="132" bestFit="1" customWidth="1"/>
    <col min="8474" max="8703" width="9" style="132"/>
    <col min="8704" max="8704" width="8.125" style="132" customWidth="1"/>
    <col min="8705" max="8705" width="15.625" style="132" customWidth="1"/>
    <col min="8706" max="8706" width="13.75" style="132" customWidth="1"/>
    <col min="8707" max="8712" width="9.75" style="132" customWidth="1"/>
    <col min="8713" max="8715" width="9.625" style="132" customWidth="1"/>
    <col min="8716" max="8716" width="1.5" style="132" customWidth="1"/>
    <col min="8717" max="8717" width="13.25" style="132" customWidth="1"/>
    <col min="8718" max="8722" width="10.125" style="132" customWidth="1"/>
    <col min="8723" max="8728" width="9.625" style="132" customWidth="1"/>
    <col min="8729" max="8729" width="10" style="132" bestFit="1" customWidth="1"/>
    <col min="8730" max="8959" width="9" style="132"/>
    <col min="8960" max="8960" width="8.125" style="132" customWidth="1"/>
    <col min="8961" max="8961" width="15.625" style="132" customWidth="1"/>
    <col min="8962" max="8962" width="13.75" style="132" customWidth="1"/>
    <col min="8963" max="8968" width="9.75" style="132" customWidth="1"/>
    <col min="8969" max="8971" width="9.625" style="132" customWidth="1"/>
    <col min="8972" max="8972" width="1.5" style="132" customWidth="1"/>
    <col min="8973" max="8973" width="13.25" style="132" customWidth="1"/>
    <col min="8974" max="8978" width="10.125" style="132" customWidth="1"/>
    <col min="8979" max="8984" width="9.625" style="132" customWidth="1"/>
    <col min="8985" max="8985" width="10" style="132" bestFit="1" customWidth="1"/>
    <col min="8986" max="9215" width="9" style="132"/>
    <col min="9216" max="9216" width="8.125" style="132" customWidth="1"/>
    <col min="9217" max="9217" width="15.625" style="132" customWidth="1"/>
    <col min="9218" max="9218" width="13.75" style="132" customWidth="1"/>
    <col min="9219" max="9224" width="9.75" style="132" customWidth="1"/>
    <col min="9225" max="9227" width="9.625" style="132" customWidth="1"/>
    <col min="9228" max="9228" width="1.5" style="132" customWidth="1"/>
    <col min="9229" max="9229" width="13.25" style="132" customWidth="1"/>
    <col min="9230" max="9234" width="10.125" style="132" customWidth="1"/>
    <col min="9235" max="9240" width="9.625" style="132" customWidth="1"/>
    <col min="9241" max="9241" width="10" style="132" bestFit="1" customWidth="1"/>
    <col min="9242" max="9471" width="9" style="132"/>
    <col min="9472" max="9472" width="8.125" style="132" customWidth="1"/>
    <col min="9473" max="9473" width="15.625" style="132" customWidth="1"/>
    <col min="9474" max="9474" width="13.75" style="132" customWidth="1"/>
    <col min="9475" max="9480" width="9.75" style="132" customWidth="1"/>
    <col min="9481" max="9483" width="9.625" style="132" customWidth="1"/>
    <col min="9484" max="9484" width="1.5" style="132" customWidth="1"/>
    <col min="9485" max="9485" width="13.25" style="132" customWidth="1"/>
    <col min="9486" max="9490" width="10.125" style="132" customWidth="1"/>
    <col min="9491" max="9496" width="9.625" style="132" customWidth="1"/>
    <col min="9497" max="9497" width="10" style="132" bestFit="1" customWidth="1"/>
    <col min="9498" max="9727" width="9" style="132"/>
    <col min="9728" max="9728" width="8.125" style="132" customWidth="1"/>
    <col min="9729" max="9729" width="15.625" style="132" customWidth="1"/>
    <col min="9730" max="9730" width="13.75" style="132" customWidth="1"/>
    <col min="9731" max="9736" width="9.75" style="132" customWidth="1"/>
    <col min="9737" max="9739" width="9.625" style="132" customWidth="1"/>
    <col min="9740" max="9740" width="1.5" style="132" customWidth="1"/>
    <col min="9741" max="9741" width="13.25" style="132" customWidth="1"/>
    <col min="9742" max="9746" width="10.125" style="132" customWidth="1"/>
    <col min="9747" max="9752" width="9.625" style="132" customWidth="1"/>
    <col min="9753" max="9753" width="10" style="132" bestFit="1" customWidth="1"/>
    <col min="9754" max="9983" width="9" style="132"/>
    <col min="9984" max="9984" width="8.125" style="132" customWidth="1"/>
    <col min="9985" max="9985" width="15.625" style="132" customWidth="1"/>
    <col min="9986" max="9986" width="13.75" style="132" customWidth="1"/>
    <col min="9987" max="9992" width="9.75" style="132" customWidth="1"/>
    <col min="9993" max="9995" width="9.625" style="132" customWidth="1"/>
    <col min="9996" max="9996" width="1.5" style="132" customWidth="1"/>
    <col min="9997" max="9997" width="13.25" style="132" customWidth="1"/>
    <col min="9998" max="10002" width="10.125" style="132" customWidth="1"/>
    <col min="10003" max="10008" width="9.625" style="132" customWidth="1"/>
    <col min="10009" max="10009" width="10" style="132" bestFit="1" customWidth="1"/>
    <col min="10010" max="10239" width="9" style="132"/>
    <col min="10240" max="10240" width="8.125" style="132" customWidth="1"/>
    <col min="10241" max="10241" width="15.625" style="132" customWidth="1"/>
    <col min="10242" max="10242" width="13.75" style="132" customWidth="1"/>
    <col min="10243" max="10248" width="9.75" style="132" customWidth="1"/>
    <col min="10249" max="10251" width="9.625" style="132" customWidth="1"/>
    <col min="10252" max="10252" width="1.5" style="132" customWidth="1"/>
    <col min="10253" max="10253" width="13.25" style="132" customWidth="1"/>
    <col min="10254" max="10258" width="10.125" style="132" customWidth="1"/>
    <col min="10259" max="10264" width="9.625" style="132" customWidth="1"/>
    <col min="10265" max="10265" width="10" style="132" bestFit="1" customWidth="1"/>
    <col min="10266" max="10495" width="9" style="132"/>
    <col min="10496" max="10496" width="8.125" style="132" customWidth="1"/>
    <col min="10497" max="10497" width="15.625" style="132" customWidth="1"/>
    <col min="10498" max="10498" width="13.75" style="132" customWidth="1"/>
    <col min="10499" max="10504" width="9.75" style="132" customWidth="1"/>
    <col min="10505" max="10507" width="9.625" style="132" customWidth="1"/>
    <col min="10508" max="10508" width="1.5" style="132" customWidth="1"/>
    <col min="10509" max="10509" width="13.25" style="132" customWidth="1"/>
    <col min="10510" max="10514" width="10.125" style="132" customWidth="1"/>
    <col min="10515" max="10520" width="9.625" style="132" customWidth="1"/>
    <col min="10521" max="10521" width="10" style="132" bestFit="1" customWidth="1"/>
    <col min="10522" max="10751" width="9" style="132"/>
    <col min="10752" max="10752" width="8.125" style="132" customWidth="1"/>
    <col min="10753" max="10753" width="15.625" style="132" customWidth="1"/>
    <col min="10754" max="10754" width="13.75" style="132" customWidth="1"/>
    <col min="10755" max="10760" width="9.75" style="132" customWidth="1"/>
    <col min="10761" max="10763" width="9.625" style="132" customWidth="1"/>
    <col min="10764" max="10764" width="1.5" style="132" customWidth="1"/>
    <col min="10765" max="10765" width="13.25" style="132" customWidth="1"/>
    <col min="10766" max="10770" width="10.125" style="132" customWidth="1"/>
    <col min="10771" max="10776" width="9.625" style="132" customWidth="1"/>
    <col min="10777" max="10777" width="10" style="132" bestFit="1" customWidth="1"/>
    <col min="10778" max="11007" width="9" style="132"/>
    <col min="11008" max="11008" width="8.125" style="132" customWidth="1"/>
    <col min="11009" max="11009" width="15.625" style="132" customWidth="1"/>
    <col min="11010" max="11010" width="13.75" style="132" customWidth="1"/>
    <col min="11011" max="11016" width="9.75" style="132" customWidth="1"/>
    <col min="11017" max="11019" width="9.625" style="132" customWidth="1"/>
    <col min="11020" max="11020" width="1.5" style="132" customWidth="1"/>
    <col min="11021" max="11021" width="13.25" style="132" customWidth="1"/>
    <col min="11022" max="11026" width="10.125" style="132" customWidth="1"/>
    <col min="11027" max="11032" width="9.625" style="132" customWidth="1"/>
    <col min="11033" max="11033" width="10" style="132" bestFit="1" customWidth="1"/>
    <col min="11034" max="11263" width="9" style="132"/>
    <col min="11264" max="11264" width="8.125" style="132" customWidth="1"/>
    <col min="11265" max="11265" width="15.625" style="132" customWidth="1"/>
    <col min="11266" max="11266" width="13.75" style="132" customWidth="1"/>
    <col min="11267" max="11272" width="9.75" style="132" customWidth="1"/>
    <col min="11273" max="11275" width="9.625" style="132" customWidth="1"/>
    <col min="11276" max="11276" width="1.5" style="132" customWidth="1"/>
    <col min="11277" max="11277" width="13.25" style="132" customWidth="1"/>
    <col min="11278" max="11282" width="10.125" style="132" customWidth="1"/>
    <col min="11283" max="11288" width="9.625" style="132" customWidth="1"/>
    <col min="11289" max="11289" width="10" style="132" bestFit="1" customWidth="1"/>
    <col min="11290" max="11519" width="9" style="132"/>
    <col min="11520" max="11520" width="8.125" style="132" customWidth="1"/>
    <col min="11521" max="11521" width="15.625" style="132" customWidth="1"/>
    <col min="11522" max="11522" width="13.75" style="132" customWidth="1"/>
    <col min="11523" max="11528" width="9.75" style="132" customWidth="1"/>
    <col min="11529" max="11531" width="9.625" style="132" customWidth="1"/>
    <col min="11532" max="11532" width="1.5" style="132" customWidth="1"/>
    <col min="11533" max="11533" width="13.25" style="132" customWidth="1"/>
    <col min="11534" max="11538" width="10.125" style="132" customWidth="1"/>
    <col min="11539" max="11544" width="9.625" style="132" customWidth="1"/>
    <col min="11545" max="11545" width="10" style="132" bestFit="1" customWidth="1"/>
    <col min="11546" max="11775" width="9" style="132"/>
    <col min="11776" max="11776" width="8.125" style="132" customWidth="1"/>
    <col min="11777" max="11777" width="15.625" style="132" customWidth="1"/>
    <col min="11778" max="11778" width="13.75" style="132" customWidth="1"/>
    <col min="11779" max="11784" width="9.75" style="132" customWidth="1"/>
    <col min="11785" max="11787" width="9.625" style="132" customWidth="1"/>
    <col min="11788" max="11788" width="1.5" style="132" customWidth="1"/>
    <col min="11789" max="11789" width="13.25" style="132" customWidth="1"/>
    <col min="11790" max="11794" width="10.125" style="132" customWidth="1"/>
    <col min="11795" max="11800" width="9.625" style="132" customWidth="1"/>
    <col min="11801" max="11801" width="10" style="132" bestFit="1" customWidth="1"/>
    <col min="11802" max="12031" width="9" style="132"/>
    <col min="12032" max="12032" width="8.125" style="132" customWidth="1"/>
    <col min="12033" max="12033" width="15.625" style="132" customWidth="1"/>
    <col min="12034" max="12034" width="13.75" style="132" customWidth="1"/>
    <col min="12035" max="12040" width="9.75" style="132" customWidth="1"/>
    <col min="12041" max="12043" width="9.625" style="132" customWidth="1"/>
    <col min="12044" max="12044" width="1.5" style="132" customWidth="1"/>
    <col min="12045" max="12045" width="13.25" style="132" customWidth="1"/>
    <col min="12046" max="12050" width="10.125" style="132" customWidth="1"/>
    <col min="12051" max="12056" width="9.625" style="132" customWidth="1"/>
    <col min="12057" max="12057" width="10" style="132" bestFit="1" customWidth="1"/>
    <col min="12058" max="12287" width="9" style="132"/>
    <col min="12288" max="12288" width="8.125" style="132" customWidth="1"/>
    <col min="12289" max="12289" width="15.625" style="132" customWidth="1"/>
    <col min="12290" max="12290" width="13.75" style="132" customWidth="1"/>
    <col min="12291" max="12296" width="9.75" style="132" customWidth="1"/>
    <col min="12297" max="12299" width="9.625" style="132" customWidth="1"/>
    <col min="12300" max="12300" width="1.5" style="132" customWidth="1"/>
    <col min="12301" max="12301" width="13.25" style="132" customWidth="1"/>
    <col min="12302" max="12306" width="10.125" style="132" customWidth="1"/>
    <col min="12307" max="12312" width="9.625" style="132" customWidth="1"/>
    <col min="12313" max="12313" width="10" style="132" bestFit="1" customWidth="1"/>
    <col min="12314" max="12543" width="9" style="132"/>
    <col min="12544" max="12544" width="8.125" style="132" customWidth="1"/>
    <col min="12545" max="12545" width="15.625" style="132" customWidth="1"/>
    <col min="12546" max="12546" width="13.75" style="132" customWidth="1"/>
    <col min="12547" max="12552" width="9.75" style="132" customWidth="1"/>
    <col min="12553" max="12555" width="9.625" style="132" customWidth="1"/>
    <col min="12556" max="12556" width="1.5" style="132" customWidth="1"/>
    <col min="12557" max="12557" width="13.25" style="132" customWidth="1"/>
    <col min="12558" max="12562" width="10.125" style="132" customWidth="1"/>
    <col min="12563" max="12568" width="9.625" style="132" customWidth="1"/>
    <col min="12569" max="12569" width="10" style="132" bestFit="1" customWidth="1"/>
    <col min="12570" max="12799" width="9" style="132"/>
    <col min="12800" max="12800" width="8.125" style="132" customWidth="1"/>
    <col min="12801" max="12801" width="15.625" style="132" customWidth="1"/>
    <col min="12802" max="12802" width="13.75" style="132" customWidth="1"/>
    <col min="12803" max="12808" width="9.75" style="132" customWidth="1"/>
    <col min="12809" max="12811" width="9.625" style="132" customWidth="1"/>
    <col min="12812" max="12812" width="1.5" style="132" customWidth="1"/>
    <col min="12813" max="12813" width="13.25" style="132" customWidth="1"/>
    <col min="12814" max="12818" width="10.125" style="132" customWidth="1"/>
    <col min="12819" max="12824" width="9.625" style="132" customWidth="1"/>
    <col min="12825" max="12825" width="10" style="132" bestFit="1" customWidth="1"/>
    <col min="12826" max="13055" width="9" style="132"/>
    <col min="13056" max="13056" width="8.125" style="132" customWidth="1"/>
    <col min="13057" max="13057" width="15.625" style="132" customWidth="1"/>
    <col min="13058" max="13058" width="13.75" style="132" customWidth="1"/>
    <col min="13059" max="13064" width="9.75" style="132" customWidth="1"/>
    <col min="13065" max="13067" width="9.625" style="132" customWidth="1"/>
    <col min="13068" max="13068" width="1.5" style="132" customWidth="1"/>
    <col min="13069" max="13069" width="13.25" style="132" customWidth="1"/>
    <col min="13070" max="13074" width="10.125" style="132" customWidth="1"/>
    <col min="13075" max="13080" width="9.625" style="132" customWidth="1"/>
    <col min="13081" max="13081" width="10" style="132" bestFit="1" customWidth="1"/>
    <col min="13082" max="13311" width="9" style="132"/>
    <col min="13312" max="13312" width="8.125" style="132" customWidth="1"/>
    <col min="13313" max="13313" width="15.625" style="132" customWidth="1"/>
    <col min="13314" max="13314" width="13.75" style="132" customWidth="1"/>
    <col min="13315" max="13320" width="9.75" style="132" customWidth="1"/>
    <col min="13321" max="13323" width="9.625" style="132" customWidth="1"/>
    <col min="13324" max="13324" width="1.5" style="132" customWidth="1"/>
    <col min="13325" max="13325" width="13.25" style="132" customWidth="1"/>
    <col min="13326" max="13330" width="10.125" style="132" customWidth="1"/>
    <col min="13331" max="13336" width="9.625" style="132" customWidth="1"/>
    <col min="13337" max="13337" width="10" style="132" bestFit="1" customWidth="1"/>
    <col min="13338" max="13567" width="9" style="132"/>
    <col min="13568" max="13568" width="8.125" style="132" customWidth="1"/>
    <col min="13569" max="13569" width="15.625" style="132" customWidth="1"/>
    <col min="13570" max="13570" width="13.75" style="132" customWidth="1"/>
    <col min="13571" max="13576" width="9.75" style="132" customWidth="1"/>
    <col min="13577" max="13579" width="9.625" style="132" customWidth="1"/>
    <col min="13580" max="13580" width="1.5" style="132" customWidth="1"/>
    <col min="13581" max="13581" width="13.25" style="132" customWidth="1"/>
    <col min="13582" max="13586" width="10.125" style="132" customWidth="1"/>
    <col min="13587" max="13592" width="9.625" style="132" customWidth="1"/>
    <col min="13593" max="13593" width="10" style="132" bestFit="1" customWidth="1"/>
    <col min="13594" max="13823" width="9" style="132"/>
    <col min="13824" max="13824" width="8.125" style="132" customWidth="1"/>
    <col min="13825" max="13825" width="15.625" style="132" customWidth="1"/>
    <col min="13826" max="13826" width="13.75" style="132" customWidth="1"/>
    <col min="13827" max="13832" width="9.75" style="132" customWidth="1"/>
    <col min="13833" max="13835" width="9.625" style="132" customWidth="1"/>
    <col min="13836" max="13836" width="1.5" style="132" customWidth="1"/>
    <col min="13837" max="13837" width="13.25" style="132" customWidth="1"/>
    <col min="13838" max="13842" width="10.125" style="132" customWidth="1"/>
    <col min="13843" max="13848" width="9.625" style="132" customWidth="1"/>
    <col min="13849" max="13849" width="10" style="132" bestFit="1" customWidth="1"/>
    <col min="13850" max="14079" width="9" style="132"/>
    <col min="14080" max="14080" width="8.125" style="132" customWidth="1"/>
    <col min="14081" max="14081" width="15.625" style="132" customWidth="1"/>
    <col min="14082" max="14082" width="13.75" style="132" customWidth="1"/>
    <col min="14083" max="14088" width="9.75" style="132" customWidth="1"/>
    <col min="14089" max="14091" width="9.625" style="132" customWidth="1"/>
    <col min="14092" max="14092" width="1.5" style="132" customWidth="1"/>
    <col min="14093" max="14093" width="13.25" style="132" customWidth="1"/>
    <col min="14094" max="14098" width="10.125" style="132" customWidth="1"/>
    <col min="14099" max="14104" width="9.625" style="132" customWidth="1"/>
    <col min="14105" max="14105" width="10" style="132" bestFit="1" customWidth="1"/>
    <col min="14106" max="14335" width="9" style="132"/>
    <col min="14336" max="14336" width="8.125" style="132" customWidth="1"/>
    <col min="14337" max="14337" width="15.625" style="132" customWidth="1"/>
    <col min="14338" max="14338" width="13.75" style="132" customWidth="1"/>
    <col min="14339" max="14344" width="9.75" style="132" customWidth="1"/>
    <col min="14345" max="14347" width="9.625" style="132" customWidth="1"/>
    <col min="14348" max="14348" width="1.5" style="132" customWidth="1"/>
    <col min="14349" max="14349" width="13.25" style="132" customWidth="1"/>
    <col min="14350" max="14354" width="10.125" style="132" customWidth="1"/>
    <col min="14355" max="14360" width="9.625" style="132" customWidth="1"/>
    <col min="14361" max="14361" width="10" style="132" bestFit="1" customWidth="1"/>
    <col min="14362" max="14591" width="9" style="132"/>
    <col min="14592" max="14592" width="8.125" style="132" customWidth="1"/>
    <col min="14593" max="14593" width="15.625" style="132" customWidth="1"/>
    <col min="14594" max="14594" width="13.75" style="132" customWidth="1"/>
    <col min="14595" max="14600" width="9.75" style="132" customWidth="1"/>
    <col min="14601" max="14603" width="9.625" style="132" customWidth="1"/>
    <col min="14604" max="14604" width="1.5" style="132" customWidth="1"/>
    <col min="14605" max="14605" width="13.25" style="132" customWidth="1"/>
    <col min="14606" max="14610" width="10.125" style="132" customWidth="1"/>
    <col min="14611" max="14616" width="9.625" style="132" customWidth="1"/>
    <col min="14617" max="14617" width="10" style="132" bestFit="1" customWidth="1"/>
    <col min="14618" max="14847" width="9" style="132"/>
    <col min="14848" max="14848" width="8.125" style="132" customWidth="1"/>
    <col min="14849" max="14849" width="15.625" style="132" customWidth="1"/>
    <col min="14850" max="14850" width="13.75" style="132" customWidth="1"/>
    <col min="14851" max="14856" width="9.75" style="132" customWidth="1"/>
    <col min="14857" max="14859" width="9.625" style="132" customWidth="1"/>
    <col min="14860" max="14860" width="1.5" style="132" customWidth="1"/>
    <col min="14861" max="14861" width="13.25" style="132" customWidth="1"/>
    <col min="14862" max="14866" width="10.125" style="132" customWidth="1"/>
    <col min="14867" max="14872" width="9.625" style="132" customWidth="1"/>
    <col min="14873" max="14873" width="10" style="132" bestFit="1" customWidth="1"/>
    <col min="14874" max="15103" width="9" style="132"/>
    <col min="15104" max="15104" width="8.125" style="132" customWidth="1"/>
    <col min="15105" max="15105" width="15.625" style="132" customWidth="1"/>
    <col min="15106" max="15106" width="13.75" style="132" customWidth="1"/>
    <col min="15107" max="15112" width="9.75" style="132" customWidth="1"/>
    <col min="15113" max="15115" width="9.625" style="132" customWidth="1"/>
    <col min="15116" max="15116" width="1.5" style="132" customWidth="1"/>
    <col min="15117" max="15117" width="13.25" style="132" customWidth="1"/>
    <col min="15118" max="15122" width="10.125" style="132" customWidth="1"/>
    <col min="15123" max="15128" width="9.625" style="132" customWidth="1"/>
    <col min="15129" max="15129" width="10" style="132" bestFit="1" customWidth="1"/>
    <col min="15130" max="15359" width="9" style="132"/>
    <col min="15360" max="15360" width="8.125" style="132" customWidth="1"/>
    <col min="15361" max="15361" width="15.625" style="132" customWidth="1"/>
    <col min="15362" max="15362" width="13.75" style="132" customWidth="1"/>
    <col min="15363" max="15368" width="9.75" style="132" customWidth="1"/>
    <col min="15369" max="15371" width="9.625" style="132" customWidth="1"/>
    <col min="15372" max="15372" width="1.5" style="132" customWidth="1"/>
    <col min="15373" max="15373" width="13.25" style="132" customWidth="1"/>
    <col min="15374" max="15378" width="10.125" style="132" customWidth="1"/>
    <col min="15379" max="15384" width="9.625" style="132" customWidth="1"/>
    <col min="15385" max="15385" width="10" style="132" bestFit="1" customWidth="1"/>
    <col min="15386" max="15615" width="9" style="132"/>
    <col min="15616" max="15616" width="8.125" style="132" customWidth="1"/>
    <col min="15617" max="15617" width="15.625" style="132" customWidth="1"/>
    <col min="15618" max="15618" width="13.75" style="132" customWidth="1"/>
    <col min="15619" max="15624" width="9.75" style="132" customWidth="1"/>
    <col min="15625" max="15627" width="9.625" style="132" customWidth="1"/>
    <col min="15628" max="15628" width="1.5" style="132" customWidth="1"/>
    <col min="15629" max="15629" width="13.25" style="132" customWidth="1"/>
    <col min="15630" max="15634" width="10.125" style="132" customWidth="1"/>
    <col min="15635" max="15640" width="9.625" style="132" customWidth="1"/>
    <col min="15641" max="15641" width="10" style="132" bestFit="1" customWidth="1"/>
    <col min="15642" max="15871" width="9" style="132"/>
    <col min="15872" max="15872" width="8.125" style="132" customWidth="1"/>
    <col min="15873" max="15873" width="15.625" style="132" customWidth="1"/>
    <col min="15874" max="15874" width="13.75" style="132" customWidth="1"/>
    <col min="15875" max="15880" width="9.75" style="132" customWidth="1"/>
    <col min="15881" max="15883" width="9.625" style="132" customWidth="1"/>
    <col min="15884" max="15884" width="1.5" style="132" customWidth="1"/>
    <col min="15885" max="15885" width="13.25" style="132" customWidth="1"/>
    <col min="15886" max="15890" width="10.125" style="132" customWidth="1"/>
    <col min="15891" max="15896" width="9.625" style="132" customWidth="1"/>
    <col min="15897" max="15897" width="10" style="132" bestFit="1" customWidth="1"/>
    <col min="15898" max="16127" width="9" style="132"/>
    <col min="16128" max="16128" width="8.125" style="132" customWidth="1"/>
    <col min="16129" max="16129" width="15.625" style="132" customWidth="1"/>
    <col min="16130" max="16130" width="13.75" style="132" customWidth="1"/>
    <col min="16131" max="16136" width="9.75" style="132" customWidth="1"/>
    <col min="16137" max="16139" width="9.625" style="132" customWidth="1"/>
    <col min="16140" max="16140" width="1.5" style="132" customWidth="1"/>
    <col min="16141" max="16141" width="13.25" style="132" customWidth="1"/>
    <col min="16142" max="16146" width="10.125" style="132" customWidth="1"/>
    <col min="16147" max="16152" width="9.625" style="132" customWidth="1"/>
    <col min="16153" max="16153" width="10" style="132" bestFit="1" customWidth="1"/>
    <col min="16154" max="16384" width="9" style="132"/>
  </cols>
  <sheetData>
    <row r="1" spans="1:25" ht="21" customHeight="1" thickBot="1">
      <c r="A1" s="1067" t="s">
        <v>650</v>
      </c>
      <c r="B1" s="284"/>
      <c r="C1" s="358"/>
      <c r="D1" s="358"/>
      <c r="E1" s="358"/>
      <c r="F1" s="358"/>
      <c r="R1" s="358" t="s">
        <v>650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51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2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572147</v>
      </c>
      <c r="C8" s="884" t="s">
        <v>238</v>
      </c>
      <c r="D8" s="888">
        <v>3608</v>
      </c>
      <c r="E8" s="887">
        <v>1798</v>
      </c>
      <c r="F8" s="888">
        <v>1810</v>
      </c>
      <c r="G8" s="886">
        <v>-1669</v>
      </c>
      <c r="H8" s="887">
        <v>-1490</v>
      </c>
      <c r="I8" s="888">
        <v>-179</v>
      </c>
      <c r="J8" s="886">
        <v>11521</v>
      </c>
      <c r="K8" s="887">
        <v>5876</v>
      </c>
      <c r="L8" s="888">
        <v>5645</v>
      </c>
      <c r="M8" s="886"/>
      <c r="N8" s="888">
        <v>13190</v>
      </c>
      <c r="O8" s="887">
        <v>7366</v>
      </c>
      <c r="P8" s="889">
        <v>5824</v>
      </c>
      <c r="Q8" s="888">
        <v>5277</v>
      </c>
      <c r="R8" s="887">
        <v>3288</v>
      </c>
      <c r="S8" s="888">
        <v>1989</v>
      </c>
      <c r="T8" s="886">
        <v>77857</v>
      </c>
      <c r="U8" s="887">
        <v>42461</v>
      </c>
      <c r="V8" s="889">
        <v>35396</v>
      </c>
      <c r="W8" s="888">
        <v>72580</v>
      </c>
      <c r="X8" s="887">
        <v>39173</v>
      </c>
      <c r="Y8" s="888">
        <v>33407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60092</v>
      </c>
      <c r="C10" s="1085" t="s">
        <v>490</v>
      </c>
      <c r="D10" s="1201">
        <v>11709</v>
      </c>
      <c r="E10" s="1202">
        <v>6005</v>
      </c>
      <c r="F10" s="1201">
        <v>5704</v>
      </c>
      <c r="G10" s="1203">
        <v>11476</v>
      </c>
      <c r="H10" s="1202">
        <v>5852</v>
      </c>
      <c r="I10" s="1201">
        <v>5624</v>
      </c>
      <c r="J10" s="1203">
        <v>11521</v>
      </c>
      <c r="K10" s="1203">
        <v>5876</v>
      </c>
      <c r="L10" s="1203">
        <v>5645</v>
      </c>
      <c r="M10" s="1203"/>
      <c r="N10" s="1201">
        <v>45</v>
      </c>
      <c r="O10" s="1203">
        <v>24</v>
      </c>
      <c r="P10" s="1202">
        <v>21</v>
      </c>
      <c r="Q10" s="1201">
        <v>233</v>
      </c>
      <c r="R10" s="1202">
        <v>153</v>
      </c>
      <c r="S10" s="1201">
        <v>80</v>
      </c>
      <c r="T10" s="1203">
        <v>4758</v>
      </c>
      <c r="U10" s="1202">
        <v>2455</v>
      </c>
      <c r="V10" s="1202">
        <v>2303</v>
      </c>
      <c r="W10" s="1201">
        <v>4525</v>
      </c>
      <c r="X10" s="1203">
        <v>2302</v>
      </c>
      <c r="Y10" s="1203">
        <v>2223</v>
      </c>
    </row>
    <row r="11" spans="1:25" ht="16.5" customHeight="1">
      <c r="A11" s="178"/>
      <c r="B11" s="1084">
        <v>65409</v>
      </c>
      <c r="C11" s="1085" t="s">
        <v>491</v>
      </c>
      <c r="D11" s="1201">
        <v>-35</v>
      </c>
      <c r="E11" s="1202">
        <v>17</v>
      </c>
      <c r="F11" s="1201">
        <v>-52</v>
      </c>
      <c r="G11" s="1203">
        <v>-5</v>
      </c>
      <c r="H11" s="1202">
        <v>-3</v>
      </c>
      <c r="I11" s="1201">
        <v>-2</v>
      </c>
      <c r="J11" s="1205" t="s">
        <v>188</v>
      </c>
      <c r="K11" s="1206" t="s">
        <v>188</v>
      </c>
      <c r="L11" s="1207" t="s">
        <v>188</v>
      </c>
      <c r="M11" s="1205"/>
      <c r="N11" s="1201">
        <v>5</v>
      </c>
      <c r="O11" s="1203">
        <v>3</v>
      </c>
      <c r="P11" s="1202">
        <v>2</v>
      </c>
      <c r="Q11" s="1201">
        <v>-30</v>
      </c>
      <c r="R11" s="1202">
        <v>20</v>
      </c>
      <c r="S11" s="1201">
        <v>-50</v>
      </c>
      <c r="T11" s="1203">
        <v>2100</v>
      </c>
      <c r="U11" s="1202">
        <v>1086</v>
      </c>
      <c r="V11" s="1202">
        <v>1014</v>
      </c>
      <c r="W11" s="1201">
        <v>2130</v>
      </c>
      <c r="X11" s="1203">
        <v>1066</v>
      </c>
      <c r="Y11" s="1203">
        <v>1064</v>
      </c>
    </row>
    <row r="12" spans="1:25" ht="16.5" customHeight="1">
      <c r="A12" s="178"/>
      <c r="B12" s="1084">
        <v>67031</v>
      </c>
      <c r="C12" s="1085" t="s">
        <v>492</v>
      </c>
      <c r="D12" s="1201">
        <v>97</v>
      </c>
      <c r="E12" s="1202">
        <v>40</v>
      </c>
      <c r="F12" s="1201">
        <v>57</v>
      </c>
      <c r="G12" s="1203">
        <v>-3</v>
      </c>
      <c r="H12" s="1202">
        <v>-3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3</v>
      </c>
      <c r="O12" s="1203">
        <v>3</v>
      </c>
      <c r="P12" s="1202">
        <v>0</v>
      </c>
      <c r="Q12" s="1201">
        <v>100</v>
      </c>
      <c r="R12" s="1202">
        <v>43</v>
      </c>
      <c r="S12" s="1201">
        <v>57</v>
      </c>
      <c r="T12" s="1203">
        <v>1148</v>
      </c>
      <c r="U12" s="1202">
        <v>573</v>
      </c>
      <c r="V12" s="1202">
        <v>575</v>
      </c>
      <c r="W12" s="1201">
        <v>1048</v>
      </c>
      <c r="X12" s="1203">
        <v>530</v>
      </c>
      <c r="Y12" s="1203">
        <v>518</v>
      </c>
    </row>
    <row r="13" spans="1:25" ht="16.5" customHeight="1">
      <c r="A13" s="178"/>
      <c r="B13" s="1084">
        <v>74226</v>
      </c>
      <c r="C13" s="1085" t="s">
        <v>558</v>
      </c>
      <c r="D13" s="1201">
        <v>1237</v>
      </c>
      <c r="E13" s="1202">
        <v>683</v>
      </c>
      <c r="F13" s="1201">
        <v>554</v>
      </c>
      <c r="G13" s="1203">
        <v>-12</v>
      </c>
      <c r="H13" s="1202">
        <v>-9</v>
      </c>
      <c r="I13" s="1201">
        <v>-3</v>
      </c>
      <c r="J13" s="1205" t="s">
        <v>188</v>
      </c>
      <c r="K13" s="1206" t="s">
        <v>188</v>
      </c>
      <c r="L13" s="1207" t="s">
        <v>188</v>
      </c>
      <c r="M13" s="1205"/>
      <c r="N13" s="1201">
        <v>12</v>
      </c>
      <c r="O13" s="1203">
        <v>9</v>
      </c>
      <c r="P13" s="1202">
        <v>3</v>
      </c>
      <c r="Q13" s="1201">
        <v>1249</v>
      </c>
      <c r="R13" s="1202">
        <v>692</v>
      </c>
      <c r="S13" s="1201">
        <v>557</v>
      </c>
      <c r="T13" s="1203">
        <v>3502</v>
      </c>
      <c r="U13" s="1202">
        <v>1856</v>
      </c>
      <c r="V13" s="1202">
        <v>1646</v>
      </c>
      <c r="W13" s="1201">
        <v>2253</v>
      </c>
      <c r="X13" s="1203">
        <v>1164</v>
      </c>
      <c r="Y13" s="1203">
        <v>1089</v>
      </c>
    </row>
    <row r="14" spans="1:25" ht="16.5" customHeight="1">
      <c r="A14" s="178"/>
      <c r="B14" s="1090">
        <v>90331</v>
      </c>
      <c r="C14" s="1088" t="s">
        <v>653</v>
      </c>
      <c r="D14" s="1208">
        <v>1595</v>
      </c>
      <c r="E14" s="1209">
        <v>989</v>
      </c>
      <c r="F14" s="1208">
        <v>606</v>
      </c>
      <c r="G14" s="1210">
        <v>-29</v>
      </c>
      <c r="H14" s="1209">
        <v>-20</v>
      </c>
      <c r="I14" s="1208">
        <v>-9</v>
      </c>
      <c r="J14" s="1211" t="s">
        <v>188</v>
      </c>
      <c r="K14" s="1212" t="s">
        <v>188</v>
      </c>
      <c r="L14" s="1213" t="s">
        <v>188</v>
      </c>
      <c r="M14" s="1211"/>
      <c r="N14" s="1208">
        <v>29</v>
      </c>
      <c r="O14" s="1210">
        <v>20</v>
      </c>
      <c r="P14" s="1209">
        <v>9</v>
      </c>
      <c r="Q14" s="1208">
        <v>1624</v>
      </c>
      <c r="R14" s="1209">
        <v>1009</v>
      </c>
      <c r="S14" s="1208">
        <v>615</v>
      </c>
      <c r="T14" s="1210">
        <v>13000</v>
      </c>
      <c r="U14" s="1209">
        <v>6832</v>
      </c>
      <c r="V14" s="1209">
        <v>6168</v>
      </c>
      <c r="W14" s="1208">
        <v>11376</v>
      </c>
      <c r="X14" s="1210">
        <v>5823</v>
      </c>
      <c r="Y14" s="1210">
        <v>5553</v>
      </c>
    </row>
    <row r="15" spans="1:25" ht="16.5" customHeight="1">
      <c r="A15" s="178"/>
      <c r="B15" s="1084">
        <v>81548</v>
      </c>
      <c r="C15" s="1085" t="s">
        <v>495</v>
      </c>
      <c r="D15" s="1201">
        <v>464</v>
      </c>
      <c r="E15" s="1202">
        <v>597</v>
      </c>
      <c r="F15" s="1201">
        <v>-133</v>
      </c>
      <c r="G15" s="1203">
        <v>-37</v>
      </c>
      <c r="H15" s="1202">
        <v>-21</v>
      </c>
      <c r="I15" s="1201">
        <v>-16</v>
      </c>
      <c r="J15" s="1205" t="s">
        <v>188</v>
      </c>
      <c r="K15" s="1206" t="s">
        <v>188</v>
      </c>
      <c r="L15" s="1207" t="s">
        <v>188</v>
      </c>
      <c r="M15" s="1205"/>
      <c r="N15" s="1201">
        <v>37</v>
      </c>
      <c r="O15" s="1203">
        <v>21</v>
      </c>
      <c r="P15" s="1202">
        <v>16</v>
      </c>
      <c r="Q15" s="1201">
        <v>501</v>
      </c>
      <c r="R15" s="1202">
        <v>618</v>
      </c>
      <c r="S15" s="1201">
        <v>-117</v>
      </c>
      <c r="T15" s="1203">
        <v>14726</v>
      </c>
      <c r="U15" s="1202">
        <v>8023</v>
      </c>
      <c r="V15" s="1202">
        <v>6703</v>
      </c>
      <c r="W15" s="1201">
        <v>14225</v>
      </c>
      <c r="X15" s="1203">
        <v>7405</v>
      </c>
      <c r="Y15" s="1203">
        <v>6820</v>
      </c>
    </row>
    <row r="16" spans="1:25" ht="16.5" customHeight="1">
      <c r="A16" s="178"/>
      <c r="B16" s="1084">
        <v>88778</v>
      </c>
      <c r="C16" s="1085" t="s">
        <v>496</v>
      </c>
      <c r="D16" s="1201">
        <v>240</v>
      </c>
      <c r="E16" s="1202">
        <v>205</v>
      </c>
      <c r="F16" s="1201">
        <v>35</v>
      </c>
      <c r="G16" s="1203">
        <v>-38</v>
      </c>
      <c r="H16" s="1202">
        <v>-25</v>
      </c>
      <c r="I16" s="1201">
        <v>-13</v>
      </c>
      <c r="J16" s="1205" t="s">
        <v>188</v>
      </c>
      <c r="K16" s="1206" t="s">
        <v>188</v>
      </c>
      <c r="L16" s="1207" t="s">
        <v>188</v>
      </c>
      <c r="M16" s="1205"/>
      <c r="N16" s="1201">
        <v>38</v>
      </c>
      <c r="O16" s="1203">
        <v>25</v>
      </c>
      <c r="P16" s="1202">
        <v>13</v>
      </c>
      <c r="Q16" s="1201">
        <v>278</v>
      </c>
      <c r="R16" s="1202">
        <v>230</v>
      </c>
      <c r="S16" s="1201">
        <v>48</v>
      </c>
      <c r="T16" s="1203">
        <v>10967</v>
      </c>
      <c r="U16" s="1202">
        <v>6203</v>
      </c>
      <c r="V16" s="1202">
        <v>4764</v>
      </c>
      <c r="W16" s="1201">
        <v>10689</v>
      </c>
      <c r="X16" s="1203">
        <v>5973</v>
      </c>
      <c r="Y16" s="1203">
        <v>4716</v>
      </c>
    </row>
    <row r="17" spans="1:25" ht="16.5" customHeight="1">
      <c r="A17" s="808" t="s">
        <v>559</v>
      </c>
      <c r="B17" s="1084">
        <v>101101</v>
      </c>
      <c r="C17" s="1085" t="s">
        <v>497</v>
      </c>
      <c r="D17" s="1201">
        <v>116</v>
      </c>
      <c r="E17" s="1202">
        <v>119</v>
      </c>
      <c r="F17" s="1201">
        <v>-3</v>
      </c>
      <c r="G17" s="1203">
        <v>-67</v>
      </c>
      <c r="H17" s="1202">
        <v>-47</v>
      </c>
      <c r="I17" s="1201">
        <v>-20</v>
      </c>
      <c r="J17" s="1205" t="s">
        <v>188</v>
      </c>
      <c r="K17" s="1206" t="s">
        <v>188</v>
      </c>
      <c r="L17" s="1207" t="s">
        <v>188</v>
      </c>
      <c r="M17" s="1205"/>
      <c r="N17" s="1201">
        <v>67</v>
      </c>
      <c r="O17" s="1203">
        <v>47</v>
      </c>
      <c r="P17" s="1202">
        <v>20</v>
      </c>
      <c r="Q17" s="1201">
        <v>183</v>
      </c>
      <c r="R17" s="1202">
        <v>166</v>
      </c>
      <c r="S17" s="1201">
        <v>17</v>
      </c>
      <c r="T17" s="1203">
        <v>7184</v>
      </c>
      <c r="U17" s="1202">
        <v>4190</v>
      </c>
      <c r="V17" s="1202">
        <v>2994</v>
      </c>
      <c r="W17" s="1201">
        <v>7001</v>
      </c>
      <c r="X17" s="1203">
        <v>4024</v>
      </c>
      <c r="Y17" s="1203">
        <v>2977</v>
      </c>
    </row>
    <row r="18" spans="1:25" ht="16.5" customHeight="1">
      <c r="A18" s="809"/>
      <c r="B18" s="1084">
        <v>124367</v>
      </c>
      <c r="C18" s="1085" t="s">
        <v>498</v>
      </c>
      <c r="D18" s="1201">
        <v>7</v>
      </c>
      <c r="E18" s="1202">
        <v>-25</v>
      </c>
      <c r="F18" s="1201">
        <v>32</v>
      </c>
      <c r="G18" s="1203">
        <v>-113</v>
      </c>
      <c r="H18" s="1202">
        <v>-79</v>
      </c>
      <c r="I18" s="1201">
        <v>-34</v>
      </c>
      <c r="J18" s="1205" t="s">
        <v>188</v>
      </c>
      <c r="K18" s="1206" t="s">
        <v>188</v>
      </c>
      <c r="L18" s="1207" t="s">
        <v>188</v>
      </c>
      <c r="M18" s="1205"/>
      <c r="N18" s="1201">
        <v>113</v>
      </c>
      <c r="O18" s="1203">
        <v>79</v>
      </c>
      <c r="P18" s="1202">
        <v>34</v>
      </c>
      <c r="Q18" s="1201">
        <v>120</v>
      </c>
      <c r="R18" s="1202">
        <v>54</v>
      </c>
      <c r="S18" s="1201">
        <v>66</v>
      </c>
      <c r="T18" s="1203">
        <v>5266</v>
      </c>
      <c r="U18" s="1202">
        <v>3100</v>
      </c>
      <c r="V18" s="1202">
        <v>2166</v>
      </c>
      <c r="W18" s="1201">
        <v>5146</v>
      </c>
      <c r="X18" s="1203">
        <v>3046</v>
      </c>
      <c r="Y18" s="1203">
        <v>2100</v>
      </c>
    </row>
    <row r="19" spans="1:25" ht="16.5" customHeight="1">
      <c r="A19" s="809"/>
      <c r="B19" s="1090">
        <v>131777</v>
      </c>
      <c r="C19" s="1088" t="s">
        <v>499</v>
      </c>
      <c r="D19" s="1208">
        <v>19</v>
      </c>
      <c r="E19" s="1209">
        <v>-10</v>
      </c>
      <c r="F19" s="1208">
        <v>29</v>
      </c>
      <c r="G19" s="1210">
        <v>-206</v>
      </c>
      <c r="H19" s="1209">
        <v>-129</v>
      </c>
      <c r="I19" s="1208">
        <v>-77</v>
      </c>
      <c r="J19" s="1211" t="s">
        <v>188</v>
      </c>
      <c r="K19" s="1212" t="s">
        <v>188</v>
      </c>
      <c r="L19" s="1213" t="s">
        <v>188</v>
      </c>
      <c r="M19" s="1211"/>
      <c r="N19" s="1208">
        <v>206</v>
      </c>
      <c r="O19" s="1210">
        <v>129</v>
      </c>
      <c r="P19" s="1209">
        <v>77</v>
      </c>
      <c r="Q19" s="1208">
        <v>225</v>
      </c>
      <c r="R19" s="1209">
        <v>119</v>
      </c>
      <c r="S19" s="1208">
        <v>106</v>
      </c>
      <c r="T19" s="1210">
        <v>4118</v>
      </c>
      <c r="U19" s="1209">
        <v>2422</v>
      </c>
      <c r="V19" s="1209">
        <v>1696</v>
      </c>
      <c r="W19" s="1208">
        <v>3893</v>
      </c>
      <c r="X19" s="1210">
        <v>2303</v>
      </c>
      <c r="Y19" s="1210">
        <v>1590</v>
      </c>
    </row>
    <row r="20" spans="1:25" ht="16.5" customHeight="1">
      <c r="A20" s="809"/>
      <c r="B20" s="1084">
        <v>109316</v>
      </c>
      <c r="C20" s="1085" t="s">
        <v>501</v>
      </c>
      <c r="D20" s="1201">
        <v>-105</v>
      </c>
      <c r="E20" s="1202">
        <v>-140</v>
      </c>
      <c r="F20" s="1201">
        <v>35</v>
      </c>
      <c r="G20" s="1203">
        <v>-278</v>
      </c>
      <c r="H20" s="1202">
        <v>-179</v>
      </c>
      <c r="I20" s="1201">
        <v>-99</v>
      </c>
      <c r="J20" s="1205" t="s">
        <v>188</v>
      </c>
      <c r="K20" s="1206" t="s">
        <v>188</v>
      </c>
      <c r="L20" s="1207" t="s">
        <v>188</v>
      </c>
      <c r="M20" s="1205"/>
      <c r="N20" s="1201">
        <v>278</v>
      </c>
      <c r="O20" s="1203">
        <v>179</v>
      </c>
      <c r="P20" s="1202">
        <v>99</v>
      </c>
      <c r="Q20" s="1201">
        <v>173</v>
      </c>
      <c r="R20" s="1202">
        <v>39</v>
      </c>
      <c r="S20" s="1201">
        <v>134</v>
      </c>
      <c r="T20" s="1203">
        <v>2889</v>
      </c>
      <c r="U20" s="1202">
        <v>1709</v>
      </c>
      <c r="V20" s="1202">
        <v>1180</v>
      </c>
      <c r="W20" s="1201">
        <v>2716</v>
      </c>
      <c r="X20" s="1203">
        <v>1670</v>
      </c>
      <c r="Y20" s="1203">
        <v>1046</v>
      </c>
    </row>
    <row r="21" spans="1:25" ht="16.5" customHeight="1">
      <c r="A21" s="809"/>
      <c r="B21" s="1084">
        <v>88956</v>
      </c>
      <c r="C21" s="1085" t="s">
        <v>502</v>
      </c>
      <c r="D21" s="1201">
        <v>-262</v>
      </c>
      <c r="E21" s="1202">
        <v>-212</v>
      </c>
      <c r="F21" s="1201">
        <v>-50</v>
      </c>
      <c r="G21" s="1203">
        <v>-331</v>
      </c>
      <c r="H21" s="1202">
        <v>-230</v>
      </c>
      <c r="I21" s="1201">
        <v>-101</v>
      </c>
      <c r="J21" s="1205" t="s">
        <v>188</v>
      </c>
      <c r="K21" s="1206" t="s">
        <v>188</v>
      </c>
      <c r="L21" s="1207" t="s">
        <v>188</v>
      </c>
      <c r="M21" s="1205"/>
      <c r="N21" s="1201">
        <v>331</v>
      </c>
      <c r="O21" s="1203">
        <v>230</v>
      </c>
      <c r="P21" s="1202">
        <v>101</v>
      </c>
      <c r="Q21" s="1201">
        <v>69</v>
      </c>
      <c r="R21" s="1202">
        <v>18</v>
      </c>
      <c r="S21" s="1201">
        <v>51</v>
      </c>
      <c r="T21" s="1203">
        <v>1869</v>
      </c>
      <c r="U21" s="1202">
        <v>1081</v>
      </c>
      <c r="V21" s="1202">
        <v>788</v>
      </c>
      <c r="W21" s="1201">
        <v>1800</v>
      </c>
      <c r="X21" s="1203">
        <v>1063</v>
      </c>
      <c r="Y21" s="1203">
        <v>737</v>
      </c>
    </row>
    <row r="22" spans="1:25" ht="16.5" customHeight="1">
      <c r="A22" s="808" t="s">
        <v>560</v>
      </c>
      <c r="B22" s="1084">
        <v>84951</v>
      </c>
      <c r="C22" s="1085" t="s">
        <v>503</v>
      </c>
      <c r="D22" s="1201">
        <v>-552</v>
      </c>
      <c r="E22" s="1202">
        <v>-369</v>
      </c>
      <c r="F22" s="1201">
        <v>-183</v>
      </c>
      <c r="G22" s="1203">
        <v>-498</v>
      </c>
      <c r="H22" s="1202">
        <v>-342</v>
      </c>
      <c r="I22" s="1201">
        <v>-156</v>
      </c>
      <c r="J22" s="1205" t="s">
        <v>188</v>
      </c>
      <c r="K22" s="1206" t="s">
        <v>188</v>
      </c>
      <c r="L22" s="1207" t="s">
        <v>188</v>
      </c>
      <c r="M22" s="1205"/>
      <c r="N22" s="1201">
        <v>498</v>
      </c>
      <c r="O22" s="1203">
        <v>342</v>
      </c>
      <c r="P22" s="1202">
        <v>156</v>
      </c>
      <c r="Q22" s="1201">
        <v>-54</v>
      </c>
      <c r="R22" s="1202">
        <v>-27</v>
      </c>
      <c r="S22" s="1201">
        <v>-27</v>
      </c>
      <c r="T22" s="1203">
        <v>1425</v>
      </c>
      <c r="U22" s="1202">
        <v>829</v>
      </c>
      <c r="V22" s="1202">
        <v>596</v>
      </c>
      <c r="W22" s="1201">
        <v>1479</v>
      </c>
      <c r="X22" s="1203">
        <v>856</v>
      </c>
      <c r="Y22" s="1203">
        <v>623</v>
      </c>
    </row>
    <row r="23" spans="1:25" ht="16.5" customHeight="1">
      <c r="A23" s="178"/>
      <c r="B23" s="1084">
        <v>114041</v>
      </c>
      <c r="C23" s="1085" t="s">
        <v>504</v>
      </c>
      <c r="D23" s="1201">
        <v>-1114</v>
      </c>
      <c r="E23" s="1202">
        <v>-777</v>
      </c>
      <c r="F23" s="1201">
        <v>-337</v>
      </c>
      <c r="G23" s="1203">
        <v>-1041</v>
      </c>
      <c r="H23" s="1202">
        <v>-723</v>
      </c>
      <c r="I23" s="1201">
        <v>-318</v>
      </c>
      <c r="J23" s="1205" t="s">
        <v>188</v>
      </c>
      <c r="K23" s="1206" t="s">
        <v>188</v>
      </c>
      <c r="L23" s="1207" t="s">
        <v>188</v>
      </c>
      <c r="M23" s="1205"/>
      <c r="N23" s="1201">
        <v>1041</v>
      </c>
      <c r="O23" s="1203">
        <v>723</v>
      </c>
      <c r="P23" s="1202">
        <v>318</v>
      </c>
      <c r="Q23" s="1201">
        <v>-73</v>
      </c>
      <c r="R23" s="1202">
        <v>-54</v>
      </c>
      <c r="S23" s="1201">
        <v>-19</v>
      </c>
      <c r="T23" s="1203">
        <v>1381</v>
      </c>
      <c r="U23" s="1202">
        <v>745</v>
      </c>
      <c r="V23" s="1202">
        <v>636</v>
      </c>
      <c r="W23" s="1201">
        <v>1454</v>
      </c>
      <c r="X23" s="1203">
        <v>799</v>
      </c>
      <c r="Y23" s="1203">
        <v>655</v>
      </c>
    </row>
    <row r="24" spans="1:25" ht="16.5" customHeight="1">
      <c r="A24" s="178"/>
      <c r="B24" s="1090">
        <v>98481</v>
      </c>
      <c r="C24" s="1088" t="s">
        <v>505</v>
      </c>
      <c r="D24" s="1208">
        <v>-1444</v>
      </c>
      <c r="E24" s="1209">
        <v>-948</v>
      </c>
      <c r="F24" s="1208">
        <v>-496</v>
      </c>
      <c r="G24" s="1210">
        <v>-1437</v>
      </c>
      <c r="H24" s="1209">
        <v>-955</v>
      </c>
      <c r="I24" s="1208">
        <v>-482</v>
      </c>
      <c r="J24" s="1211" t="s">
        <v>188</v>
      </c>
      <c r="K24" s="1212" t="s">
        <v>188</v>
      </c>
      <c r="L24" s="1213" t="s">
        <v>188</v>
      </c>
      <c r="M24" s="1211"/>
      <c r="N24" s="1208">
        <v>1437</v>
      </c>
      <c r="O24" s="1210">
        <v>955</v>
      </c>
      <c r="P24" s="1209">
        <v>482</v>
      </c>
      <c r="Q24" s="1208">
        <v>-7</v>
      </c>
      <c r="R24" s="1209">
        <v>7</v>
      </c>
      <c r="S24" s="1208">
        <v>-14</v>
      </c>
      <c r="T24" s="1210">
        <v>923</v>
      </c>
      <c r="U24" s="1209">
        <v>454</v>
      </c>
      <c r="V24" s="1209">
        <v>469</v>
      </c>
      <c r="W24" s="1208">
        <v>930</v>
      </c>
      <c r="X24" s="1210">
        <v>447</v>
      </c>
      <c r="Y24" s="1210">
        <v>483</v>
      </c>
    </row>
    <row r="25" spans="1:25" ht="16.5" customHeight="1">
      <c r="A25" s="178"/>
      <c r="B25" s="1084">
        <v>82835</v>
      </c>
      <c r="C25" s="1085" t="s">
        <v>506</v>
      </c>
      <c r="D25" s="1201">
        <v>-1763</v>
      </c>
      <c r="E25" s="1202">
        <v>-1190</v>
      </c>
      <c r="F25" s="1201">
        <v>-573</v>
      </c>
      <c r="G25" s="1203">
        <v>-1907</v>
      </c>
      <c r="H25" s="1202">
        <v>-1233</v>
      </c>
      <c r="I25" s="1201">
        <v>-674</v>
      </c>
      <c r="J25" s="1205" t="s">
        <v>188</v>
      </c>
      <c r="K25" s="1206" t="s">
        <v>188</v>
      </c>
      <c r="L25" s="1207" t="s">
        <v>188</v>
      </c>
      <c r="M25" s="1205"/>
      <c r="N25" s="1201">
        <v>1907</v>
      </c>
      <c r="O25" s="1203">
        <v>1233</v>
      </c>
      <c r="P25" s="1202">
        <v>674</v>
      </c>
      <c r="Q25" s="1201">
        <v>144</v>
      </c>
      <c r="R25" s="1202">
        <v>43</v>
      </c>
      <c r="S25" s="1201">
        <v>101</v>
      </c>
      <c r="T25" s="1203">
        <v>830</v>
      </c>
      <c r="U25" s="1202">
        <v>367</v>
      </c>
      <c r="V25" s="1202">
        <v>463</v>
      </c>
      <c r="W25" s="1201">
        <v>686</v>
      </c>
      <c r="X25" s="1203">
        <v>324</v>
      </c>
      <c r="Y25" s="1203">
        <v>362</v>
      </c>
    </row>
    <row r="26" spans="1:25" ht="16.5" customHeight="1">
      <c r="A26" s="178"/>
      <c r="B26" s="1084">
        <v>52954</v>
      </c>
      <c r="C26" s="1085" t="s">
        <v>561</v>
      </c>
      <c r="D26" s="1201">
        <v>-2074</v>
      </c>
      <c r="E26" s="1202">
        <v>-1325</v>
      </c>
      <c r="F26" s="1201">
        <v>-749</v>
      </c>
      <c r="G26" s="1203">
        <v>-2251</v>
      </c>
      <c r="H26" s="1202">
        <v>-1372</v>
      </c>
      <c r="I26" s="1201">
        <v>-879</v>
      </c>
      <c r="J26" s="1205" t="s">
        <v>188</v>
      </c>
      <c r="K26" s="1206" t="s">
        <v>188</v>
      </c>
      <c r="L26" s="1207" t="s">
        <v>188</v>
      </c>
      <c r="M26" s="1205"/>
      <c r="N26" s="1201">
        <v>2251</v>
      </c>
      <c r="O26" s="1203">
        <v>1372</v>
      </c>
      <c r="P26" s="1202">
        <v>879</v>
      </c>
      <c r="Q26" s="1201">
        <v>177</v>
      </c>
      <c r="R26" s="1202">
        <v>47</v>
      </c>
      <c r="S26" s="1201">
        <v>130</v>
      </c>
      <c r="T26" s="1203">
        <v>748</v>
      </c>
      <c r="U26" s="1202">
        <v>254</v>
      </c>
      <c r="V26" s="1202">
        <v>494</v>
      </c>
      <c r="W26" s="1201">
        <v>571</v>
      </c>
      <c r="X26" s="1203">
        <v>207</v>
      </c>
      <c r="Y26" s="1203">
        <v>364</v>
      </c>
    </row>
    <row r="27" spans="1:25" ht="16.5" customHeight="1">
      <c r="A27" s="178"/>
      <c r="B27" s="1084">
        <v>28335</v>
      </c>
      <c r="C27" s="1085" t="s">
        <v>508</v>
      </c>
      <c r="D27" s="1201">
        <v>-1950</v>
      </c>
      <c r="E27" s="1202">
        <v>-1035</v>
      </c>
      <c r="F27" s="1201">
        <v>-915</v>
      </c>
      <c r="G27" s="1203">
        <v>-2181</v>
      </c>
      <c r="H27" s="1202">
        <v>-1107</v>
      </c>
      <c r="I27" s="1201">
        <v>-1074</v>
      </c>
      <c r="J27" s="1205" t="s">
        <v>188</v>
      </c>
      <c r="K27" s="1206" t="s">
        <v>188</v>
      </c>
      <c r="L27" s="1207" t="s">
        <v>188</v>
      </c>
      <c r="M27" s="1205"/>
      <c r="N27" s="1201">
        <v>2181</v>
      </c>
      <c r="O27" s="1203">
        <v>1107</v>
      </c>
      <c r="P27" s="1202">
        <v>1074</v>
      </c>
      <c r="Q27" s="1201">
        <v>231</v>
      </c>
      <c r="R27" s="1202">
        <v>72</v>
      </c>
      <c r="S27" s="1201">
        <v>159</v>
      </c>
      <c r="T27" s="1203">
        <v>604</v>
      </c>
      <c r="U27" s="1202">
        <v>180</v>
      </c>
      <c r="V27" s="1202">
        <v>424</v>
      </c>
      <c r="W27" s="1201">
        <v>373</v>
      </c>
      <c r="X27" s="1203">
        <v>108</v>
      </c>
      <c r="Y27" s="1203">
        <v>265</v>
      </c>
    </row>
    <row r="28" spans="1:25" ht="16.5" customHeight="1">
      <c r="A28" s="178"/>
      <c r="B28" s="1084">
        <v>12000</v>
      </c>
      <c r="C28" s="1085" t="s">
        <v>509</v>
      </c>
      <c r="D28" s="1201">
        <v>-1590</v>
      </c>
      <c r="E28" s="1202">
        <v>-622</v>
      </c>
      <c r="F28" s="1201">
        <v>-968</v>
      </c>
      <c r="G28" s="1203">
        <v>-1694</v>
      </c>
      <c r="H28" s="1202">
        <v>-651</v>
      </c>
      <c r="I28" s="1201">
        <v>-1043</v>
      </c>
      <c r="J28" s="1205" t="s">
        <v>188</v>
      </c>
      <c r="K28" s="1206" t="s">
        <v>188</v>
      </c>
      <c r="L28" s="1207" t="s">
        <v>188</v>
      </c>
      <c r="M28" s="1205"/>
      <c r="N28" s="1201">
        <v>1694</v>
      </c>
      <c r="O28" s="1203">
        <v>651</v>
      </c>
      <c r="P28" s="1202">
        <v>1043</v>
      </c>
      <c r="Q28" s="1201">
        <v>104</v>
      </c>
      <c r="R28" s="1202">
        <v>29</v>
      </c>
      <c r="S28" s="1201">
        <v>75</v>
      </c>
      <c r="T28" s="1203">
        <v>333</v>
      </c>
      <c r="U28" s="1202">
        <v>86</v>
      </c>
      <c r="V28" s="1202">
        <v>247</v>
      </c>
      <c r="W28" s="1201">
        <v>229</v>
      </c>
      <c r="X28" s="1203">
        <v>57</v>
      </c>
      <c r="Y28" s="1203">
        <v>172</v>
      </c>
    </row>
    <row r="29" spans="1:25" ht="16.5" customHeight="1">
      <c r="A29" s="178"/>
      <c r="B29" s="1090">
        <v>3303</v>
      </c>
      <c r="C29" s="1088" t="s">
        <v>510</v>
      </c>
      <c r="D29" s="1208">
        <v>-767</v>
      </c>
      <c r="E29" s="1209">
        <v>-165</v>
      </c>
      <c r="F29" s="1208">
        <v>-602</v>
      </c>
      <c r="G29" s="1210">
        <v>-797</v>
      </c>
      <c r="H29" s="1209">
        <v>-175</v>
      </c>
      <c r="I29" s="1208">
        <v>-622</v>
      </c>
      <c r="J29" s="1211" t="s">
        <v>188</v>
      </c>
      <c r="K29" s="1212" t="s">
        <v>188</v>
      </c>
      <c r="L29" s="1213" t="s">
        <v>188</v>
      </c>
      <c r="M29" s="1211"/>
      <c r="N29" s="1208">
        <v>797</v>
      </c>
      <c r="O29" s="1210">
        <v>175</v>
      </c>
      <c r="P29" s="1209">
        <v>622</v>
      </c>
      <c r="Q29" s="1208">
        <v>30</v>
      </c>
      <c r="R29" s="1209">
        <v>10</v>
      </c>
      <c r="S29" s="1208">
        <v>20</v>
      </c>
      <c r="T29" s="1210">
        <v>81</v>
      </c>
      <c r="U29" s="1209">
        <v>16</v>
      </c>
      <c r="V29" s="1209">
        <v>65</v>
      </c>
      <c r="W29" s="1208">
        <v>51</v>
      </c>
      <c r="X29" s="1210">
        <v>6</v>
      </c>
      <c r="Y29" s="1210">
        <v>45</v>
      </c>
    </row>
    <row r="30" spans="1:25" ht="16.5" customHeight="1">
      <c r="A30" s="178"/>
      <c r="B30" s="1094">
        <v>638</v>
      </c>
      <c r="C30" s="1088" t="s">
        <v>562</v>
      </c>
      <c r="D30" s="1214">
        <v>-220</v>
      </c>
      <c r="E30" s="1209">
        <v>-39</v>
      </c>
      <c r="F30" s="1210">
        <v>-181</v>
      </c>
      <c r="G30" s="1210">
        <v>-220</v>
      </c>
      <c r="H30" s="1209">
        <v>-39</v>
      </c>
      <c r="I30" s="1208">
        <v>-181</v>
      </c>
      <c r="J30" s="1211" t="s">
        <v>188</v>
      </c>
      <c r="K30" s="1212" t="s">
        <v>188</v>
      </c>
      <c r="L30" s="1211" t="s">
        <v>188</v>
      </c>
      <c r="M30" s="1211"/>
      <c r="N30" s="1208">
        <v>220</v>
      </c>
      <c r="O30" s="1210">
        <v>39</v>
      </c>
      <c r="P30" s="1209">
        <v>181</v>
      </c>
      <c r="Q30" s="1208">
        <v>0</v>
      </c>
      <c r="R30" s="1209">
        <v>0</v>
      </c>
      <c r="S30" s="1210">
        <v>0</v>
      </c>
      <c r="T30" s="1210">
        <v>5</v>
      </c>
      <c r="U30" s="1209">
        <v>0</v>
      </c>
      <c r="V30" s="1209">
        <v>5</v>
      </c>
      <c r="W30" s="1208">
        <v>5</v>
      </c>
      <c r="X30" s="1210">
        <v>0</v>
      </c>
      <c r="Y30" s="1210">
        <v>5</v>
      </c>
    </row>
    <row r="31" spans="1:25" ht="16.5" customHeight="1">
      <c r="A31" s="178"/>
      <c r="B31" s="1097">
        <v>11677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92532</v>
      </c>
      <c r="C32" s="1085" t="s">
        <v>563</v>
      </c>
      <c r="D32" s="1201">
        <v>11771</v>
      </c>
      <c r="E32" s="1202">
        <v>6062</v>
      </c>
      <c r="F32" s="1201">
        <v>5709</v>
      </c>
      <c r="G32" s="1203">
        <v>11468</v>
      </c>
      <c r="H32" s="1202">
        <v>5846</v>
      </c>
      <c r="I32" s="1201">
        <v>5622</v>
      </c>
      <c r="J32" s="1203">
        <v>11521</v>
      </c>
      <c r="K32" s="1202">
        <v>5876</v>
      </c>
      <c r="L32" s="1201">
        <v>5645</v>
      </c>
      <c r="M32" s="1203"/>
      <c r="N32" s="1201">
        <v>53</v>
      </c>
      <c r="O32" s="1202">
        <v>30</v>
      </c>
      <c r="P32" s="1204">
        <v>23</v>
      </c>
      <c r="Q32" s="1201">
        <v>303</v>
      </c>
      <c r="R32" s="1202">
        <v>216</v>
      </c>
      <c r="S32" s="1201">
        <v>87</v>
      </c>
      <c r="T32" s="1203">
        <v>8006</v>
      </c>
      <c r="U32" s="1202">
        <v>4114</v>
      </c>
      <c r="V32" s="1204">
        <v>3892</v>
      </c>
      <c r="W32" s="1201">
        <v>7703</v>
      </c>
      <c r="X32" s="1202">
        <v>3898</v>
      </c>
      <c r="Y32" s="1201">
        <v>3805</v>
      </c>
    </row>
    <row r="33" spans="1:25" ht="16.5" customHeight="1">
      <c r="A33" s="178"/>
      <c r="B33" s="1084">
        <v>975351</v>
      </c>
      <c r="C33" s="1085" t="s">
        <v>564</v>
      </c>
      <c r="D33" s="1201">
        <v>2759</v>
      </c>
      <c r="E33" s="1202">
        <v>1837</v>
      </c>
      <c r="F33" s="1201">
        <v>922</v>
      </c>
      <c r="G33" s="1203">
        <v>-1609</v>
      </c>
      <c r="H33" s="1202">
        <v>-1081</v>
      </c>
      <c r="I33" s="1201">
        <v>-528</v>
      </c>
      <c r="J33" s="1205" t="s">
        <v>188</v>
      </c>
      <c r="K33" s="1206" t="s">
        <v>188</v>
      </c>
      <c r="L33" s="1207" t="s">
        <v>188</v>
      </c>
      <c r="M33" s="1205"/>
      <c r="N33" s="1201">
        <v>1609</v>
      </c>
      <c r="O33" s="1202">
        <v>1081</v>
      </c>
      <c r="P33" s="1204">
        <v>528</v>
      </c>
      <c r="Q33" s="1201">
        <v>4368</v>
      </c>
      <c r="R33" s="1202">
        <v>2918</v>
      </c>
      <c r="S33" s="1201">
        <v>1450</v>
      </c>
      <c r="T33" s="1203">
        <v>64946</v>
      </c>
      <c r="U33" s="1202">
        <v>36245</v>
      </c>
      <c r="V33" s="1204">
        <v>28701</v>
      </c>
      <c r="W33" s="1201">
        <v>60578</v>
      </c>
      <c r="X33" s="1202">
        <v>33327</v>
      </c>
      <c r="Y33" s="1201">
        <v>27251</v>
      </c>
    </row>
    <row r="34" spans="1:25" ht="16.5" customHeight="1" thickBot="1">
      <c r="A34" s="178"/>
      <c r="B34" s="1084">
        <v>392587</v>
      </c>
      <c r="C34" s="1085" t="s">
        <v>565</v>
      </c>
      <c r="D34" s="1201">
        <v>-10922</v>
      </c>
      <c r="E34" s="1202">
        <v>-6101</v>
      </c>
      <c r="F34" s="1201">
        <v>-4821</v>
      </c>
      <c r="G34" s="1203">
        <v>-11528</v>
      </c>
      <c r="H34" s="1202">
        <v>-6255</v>
      </c>
      <c r="I34" s="1201">
        <v>-5273</v>
      </c>
      <c r="J34" s="1205" t="s">
        <v>188</v>
      </c>
      <c r="K34" s="1206" t="s">
        <v>188</v>
      </c>
      <c r="L34" s="1207" t="s">
        <v>188</v>
      </c>
      <c r="M34" s="1205"/>
      <c r="N34" s="1201">
        <v>11528</v>
      </c>
      <c r="O34" s="1202">
        <v>6255</v>
      </c>
      <c r="P34" s="1204">
        <v>5273</v>
      </c>
      <c r="Q34" s="1201">
        <v>606</v>
      </c>
      <c r="R34" s="1202">
        <v>154</v>
      </c>
      <c r="S34" s="1201">
        <v>452</v>
      </c>
      <c r="T34" s="1203">
        <v>4905</v>
      </c>
      <c r="U34" s="1202">
        <v>2102</v>
      </c>
      <c r="V34" s="1204">
        <v>2803</v>
      </c>
      <c r="W34" s="1201">
        <v>4299</v>
      </c>
      <c r="X34" s="1202">
        <v>1948</v>
      </c>
      <c r="Y34" s="1201">
        <v>235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3</v>
      </c>
      <c r="O38" s="1181">
        <v>0.3</v>
      </c>
      <c r="P38" s="1183">
        <v>0.4</v>
      </c>
      <c r="Q38" s="1177" t="s">
        <v>386</v>
      </c>
      <c r="R38" s="1178" t="s">
        <v>386</v>
      </c>
      <c r="S38" s="1179" t="s">
        <v>386</v>
      </c>
      <c r="T38" s="1180">
        <v>6.1</v>
      </c>
      <c r="U38" s="1181">
        <v>5.8</v>
      </c>
      <c r="V38" s="1183">
        <v>6.5</v>
      </c>
      <c r="W38" s="1182">
        <v>6.2</v>
      </c>
      <c r="X38" s="1181">
        <v>5.9</v>
      </c>
      <c r="Y38" s="1182">
        <v>6.7</v>
      </c>
    </row>
    <row r="39" spans="1:25" ht="16.5" customHeight="1">
      <c r="A39" s="178"/>
      <c r="B39" s="847">
        <v>4.2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2.7</v>
      </c>
      <c r="U39" s="1181">
        <v>2.6</v>
      </c>
      <c r="V39" s="1183">
        <v>2.9</v>
      </c>
      <c r="W39" s="1182">
        <v>2.9</v>
      </c>
      <c r="X39" s="1181">
        <v>2.7</v>
      </c>
      <c r="Y39" s="1182">
        <v>3.2</v>
      </c>
    </row>
    <row r="40" spans="1:25" ht="16.5" customHeight="1">
      <c r="A40" s="178"/>
      <c r="B40" s="847">
        <v>4.3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5</v>
      </c>
      <c r="U40" s="1181">
        <v>1.3</v>
      </c>
      <c r="V40" s="1183">
        <v>1.6</v>
      </c>
      <c r="W40" s="1182">
        <v>1.4</v>
      </c>
      <c r="X40" s="1181">
        <v>1.4</v>
      </c>
      <c r="Y40" s="1182">
        <v>1.6</v>
      </c>
    </row>
    <row r="41" spans="1:25" ht="16.5" customHeight="1">
      <c r="A41" s="178"/>
      <c r="B41" s="847">
        <v>4.8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.1</v>
      </c>
      <c r="Q41" s="1177" t="s">
        <v>188</v>
      </c>
      <c r="R41" s="1178" t="s">
        <v>188</v>
      </c>
      <c r="S41" s="1179" t="s">
        <v>188</v>
      </c>
      <c r="T41" s="1180">
        <v>4.5</v>
      </c>
      <c r="U41" s="1181">
        <v>4.4000000000000004</v>
      </c>
      <c r="V41" s="1183">
        <v>4.7</v>
      </c>
      <c r="W41" s="1182">
        <v>3.1</v>
      </c>
      <c r="X41" s="1181">
        <v>3</v>
      </c>
      <c r="Y41" s="1182">
        <v>3.3</v>
      </c>
    </row>
    <row r="42" spans="1:25" ht="16.5" customHeight="1">
      <c r="A42" s="178"/>
      <c r="B42" s="845">
        <v>5.8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3</v>
      </c>
      <c r="P42" s="1186">
        <v>0.2</v>
      </c>
      <c r="Q42" s="1187" t="s">
        <v>188</v>
      </c>
      <c r="R42" s="1188" t="s">
        <v>188</v>
      </c>
      <c r="S42" s="1189" t="s">
        <v>188</v>
      </c>
      <c r="T42" s="1190">
        <v>16.7</v>
      </c>
      <c r="U42" s="1185">
        <v>16.100000000000001</v>
      </c>
      <c r="V42" s="1186">
        <v>17.399999999999999</v>
      </c>
      <c r="W42" s="1184">
        <v>15.7</v>
      </c>
      <c r="X42" s="1185">
        <v>14.9</v>
      </c>
      <c r="Y42" s="1184">
        <v>16.600000000000001</v>
      </c>
    </row>
    <row r="43" spans="1:25" ht="16.5" customHeight="1">
      <c r="A43" s="178"/>
      <c r="B43" s="847">
        <v>5.2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3</v>
      </c>
      <c r="O43" s="1181">
        <v>0.3</v>
      </c>
      <c r="P43" s="1183">
        <v>0.3</v>
      </c>
      <c r="Q43" s="1177" t="s">
        <v>188</v>
      </c>
      <c r="R43" s="1178" t="s">
        <v>188</v>
      </c>
      <c r="S43" s="1179" t="s">
        <v>188</v>
      </c>
      <c r="T43" s="1180">
        <v>18.899999999999999</v>
      </c>
      <c r="U43" s="1181">
        <v>18.899999999999999</v>
      </c>
      <c r="V43" s="1183">
        <v>18.899999999999999</v>
      </c>
      <c r="W43" s="1182">
        <v>19.600000000000001</v>
      </c>
      <c r="X43" s="1181">
        <v>18.899999999999999</v>
      </c>
      <c r="Y43" s="1182">
        <v>20.399999999999999</v>
      </c>
    </row>
    <row r="44" spans="1:25" ht="16.5" customHeight="1">
      <c r="A44" s="808" t="s">
        <v>573</v>
      </c>
      <c r="B44" s="847">
        <v>5.7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3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4.1</v>
      </c>
      <c r="U44" s="1181">
        <v>14.6</v>
      </c>
      <c r="V44" s="1183">
        <v>13.5</v>
      </c>
      <c r="W44" s="1182">
        <v>14.7</v>
      </c>
      <c r="X44" s="1181">
        <v>15.2</v>
      </c>
      <c r="Y44" s="1182">
        <v>14.1</v>
      </c>
    </row>
    <row r="45" spans="1:25" ht="16.5" customHeight="1">
      <c r="A45" s="808"/>
      <c r="B45" s="847">
        <v>6.5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5</v>
      </c>
      <c r="O45" s="1181">
        <v>0.6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9.1999999999999993</v>
      </c>
      <c r="U45" s="1181">
        <v>9.9</v>
      </c>
      <c r="V45" s="1183">
        <v>8.5</v>
      </c>
      <c r="W45" s="1182">
        <v>9.6</v>
      </c>
      <c r="X45" s="1181">
        <v>10.3</v>
      </c>
      <c r="Y45" s="1182">
        <v>8.9</v>
      </c>
    </row>
    <row r="46" spans="1:25" ht="16.5" customHeight="1">
      <c r="A46" s="809"/>
      <c r="B46" s="847">
        <v>8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9</v>
      </c>
      <c r="O46" s="1181">
        <v>1.1000000000000001</v>
      </c>
      <c r="P46" s="1183">
        <v>0.6</v>
      </c>
      <c r="Q46" s="1177" t="s">
        <v>188</v>
      </c>
      <c r="R46" s="1178" t="s">
        <v>188</v>
      </c>
      <c r="S46" s="1179" t="s">
        <v>188</v>
      </c>
      <c r="T46" s="1180">
        <v>6.8</v>
      </c>
      <c r="U46" s="1181">
        <v>7.3</v>
      </c>
      <c r="V46" s="1183">
        <v>6.1</v>
      </c>
      <c r="W46" s="1182">
        <v>7.1</v>
      </c>
      <c r="X46" s="1181">
        <v>7.8</v>
      </c>
      <c r="Y46" s="1182">
        <v>6.3</v>
      </c>
    </row>
    <row r="47" spans="1:25" ht="16.5" customHeight="1">
      <c r="A47" s="809"/>
      <c r="B47" s="845">
        <v>8.4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6</v>
      </c>
      <c r="O47" s="1185">
        <v>1.8</v>
      </c>
      <c r="P47" s="1186">
        <v>1.3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7</v>
      </c>
      <c r="V47" s="1186">
        <v>4.8</v>
      </c>
      <c r="W47" s="1184">
        <v>5.4</v>
      </c>
      <c r="X47" s="1185">
        <v>5.9</v>
      </c>
      <c r="Y47" s="1184">
        <v>4.8</v>
      </c>
    </row>
    <row r="48" spans="1:25" ht="16.5" customHeight="1">
      <c r="A48" s="808" t="s">
        <v>311</v>
      </c>
      <c r="B48" s="847">
        <v>7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2.1</v>
      </c>
      <c r="O48" s="1181">
        <v>2.4</v>
      </c>
      <c r="P48" s="1183">
        <v>1.7</v>
      </c>
      <c r="Q48" s="1177" t="s">
        <v>188</v>
      </c>
      <c r="R48" s="1178" t="s">
        <v>188</v>
      </c>
      <c r="S48" s="1179" t="s">
        <v>188</v>
      </c>
      <c r="T48" s="1180">
        <v>3.7</v>
      </c>
      <c r="U48" s="1181">
        <v>4</v>
      </c>
      <c r="V48" s="1183">
        <v>3.3</v>
      </c>
      <c r="W48" s="1182">
        <v>3.7</v>
      </c>
      <c r="X48" s="1181">
        <v>4.3</v>
      </c>
      <c r="Y48" s="1182">
        <v>3.1</v>
      </c>
    </row>
    <row r="49" spans="1:25" ht="16.5" customHeight="1">
      <c r="A49" s="809"/>
      <c r="B49" s="847">
        <v>5.7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5</v>
      </c>
      <c r="O49" s="1181">
        <v>3.1</v>
      </c>
      <c r="P49" s="1183">
        <v>1.7</v>
      </c>
      <c r="Q49" s="1177" t="s">
        <v>188</v>
      </c>
      <c r="R49" s="1178" t="s">
        <v>188</v>
      </c>
      <c r="S49" s="1179" t="s">
        <v>188</v>
      </c>
      <c r="T49" s="1180">
        <v>2.4</v>
      </c>
      <c r="U49" s="1181">
        <v>2.5</v>
      </c>
      <c r="V49" s="1183">
        <v>2.2000000000000002</v>
      </c>
      <c r="W49" s="1182">
        <v>2.5</v>
      </c>
      <c r="X49" s="1181">
        <v>2.7</v>
      </c>
      <c r="Y49" s="1182">
        <v>2.2000000000000002</v>
      </c>
    </row>
    <row r="50" spans="1:25" ht="16.5" customHeight="1">
      <c r="A50" s="808"/>
      <c r="B50" s="847">
        <v>5.4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8</v>
      </c>
      <c r="O50" s="1181">
        <v>4.5999999999999996</v>
      </c>
      <c r="P50" s="1183">
        <v>2.7</v>
      </c>
      <c r="Q50" s="1177" t="s">
        <v>188</v>
      </c>
      <c r="R50" s="1178" t="s">
        <v>188</v>
      </c>
      <c r="S50" s="1179" t="s">
        <v>188</v>
      </c>
      <c r="T50" s="1180">
        <v>1.8</v>
      </c>
      <c r="U50" s="1181">
        <v>2</v>
      </c>
      <c r="V50" s="1183">
        <v>1.7</v>
      </c>
      <c r="W50" s="1182">
        <v>2</v>
      </c>
      <c r="X50" s="1181">
        <v>2.2000000000000002</v>
      </c>
      <c r="Y50" s="1182">
        <v>1.9</v>
      </c>
    </row>
    <row r="51" spans="1:25" ht="16.5" customHeight="1">
      <c r="A51" s="809"/>
      <c r="B51" s="847">
        <v>7.3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9</v>
      </c>
      <c r="O51" s="1181">
        <v>9.8000000000000007</v>
      </c>
      <c r="P51" s="1183">
        <v>5.5</v>
      </c>
      <c r="Q51" s="1177" t="s">
        <v>188</v>
      </c>
      <c r="R51" s="1178" t="s">
        <v>188</v>
      </c>
      <c r="S51" s="1179" t="s">
        <v>188</v>
      </c>
      <c r="T51" s="1180">
        <v>1.8</v>
      </c>
      <c r="U51" s="1181">
        <v>1.8</v>
      </c>
      <c r="V51" s="1183">
        <v>1.8</v>
      </c>
      <c r="W51" s="1182">
        <v>2</v>
      </c>
      <c r="X51" s="1181">
        <v>2</v>
      </c>
      <c r="Y51" s="1182">
        <v>2</v>
      </c>
    </row>
    <row r="52" spans="1:25" ht="16.5" customHeight="1">
      <c r="A52" s="808" t="s">
        <v>582</v>
      </c>
      <c r="B52" s="845">
        <v>6.3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10.9</v>
      </c>
      <c r="O52" s="1185">
        <v>13</v>
      </c>
      <c r="P52" s="1186">
        <v>8.3000000000000007</v>
      </c>
      <c r="Q52" s="1187" t="s">
        <v>188</v>
      </c>
      <c r="R52" s="1188" t="s">
        <v>188</v>
      </c>
      <c r="S52" s="1189" t="s">
        <v>188</v>
      </c>
      <c r="T52" s="1190">
        <v>1.2</v>
      </c>
      <c r="U52" s="1185">
        <v>1.1000000000000001</v>
      </c>
      <c r="V52" s="1186">
        <v>1.3</v>
      </c>
      <c r="W52" s="1184">
        <v>1.3</v>
      </c>
      <c r="X52" s="1185">
        <v>1.1000000000000001</v>
      </c>
      <c r="Y52" s="1184">
        <v>1.4</v>
      </c>
    </row>
    <row r="53" spans="1:25" ht="16.5" customHeight="1">
      <c r="A53" s="178"/>
      <c r="B53" s="847">
        <v>5.3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4.5</v>
      </c>
      <c r="O53" s="1181">
        <v>16.7</v>
      </c>
      <c r="P53" s="1183">
        <v>11.6</v>
      </c>
      <c r="Q53" s="1177" t="s">
        <v>188</v>
      </c>
      <c r="R53" s="1178" t="s">
        <v>188</v>
      </c>
      <c r="S53" s="1179" t="s">
        <v>188</v>
      </c>
      <c r="T53" s="1180">
        <v>1.1000000000000001</v>
      </c>
      <c r="U53" s="1181">
        <v>0.9</v>
      </c>
      <c r="V53" s="1183">
        <v>1.3</v>
      </c>
      <c r="W53" s="1182">
        <v>0.9</v>
      </c>
      <c r="X53" s="1181">
        <v>0.8</v>
      </c>
      <c r="Y53" s="1182">
        <v>1.1000000000000001</v>
      </c>
    </row>
    <row r="54" spans="1:25" ht="16.5" customHeight="1">
      <c r="A54" s="178"/>
      <c r="B54" s="847">
        <v>3.4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7.100000000000001</v>
      </c>
      <c r="O54" s="1181">
        <v>18.600000000000001</v>
      </c>
      <c r="P54" s="1183">
        <v>15.1</v>
      </c>
      <c r="Q54" s="1177" t="s">
        <v>188</v>
      </c>
      <c r="R54" s="1178" t="s">
        <v>188</v>
      </c>
      <c r="S54" s="1179" t="s">
        <v>188</v>
      </c>
      <c r="T54" s="1180">
        <v>1</v>
      </c>
      <c r="U54" s="1181">
        <v>0.6</v>
      </c>
      <c r="V54" s="1183">
        <v>1.4</v>
      </c>
      <c r="W54" s="1182">
        <v>0.8</v>
      </c>
      <c r="X54" s="1181">
        <v>0.5</v>
      </c>
      <c r="Y54" s="1182">
        <v>1.1000000000000001</v>
      </c>
    </row>
    <row r="55" spans="1:25" ht="16.5" customHeight="1">
      <c r="A55" s="178"/>
      <c r="B55" s="847">
        <v>1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6.5</v>
      </c>
      <c r="O55" s="1181">
        <v>15</v>
      </c>
      <c r="P55" s="1183">
        <v>18.399999999999999</v>
      </c>
      <c r="Q55" s="1177" t="s">
        <v>188</v>
      </c>
      <c r="R55" s="1178" t="s">
        <v>188</v>
      </c>
      <c r="S55" s="1179" t="s">
        <v>188</v>
      </c>
      <c r="T55" s="1180">
        <v>0.8</v>
      </c>
      <c r="U55" s="1181">
        <v>0.4</v>
      </c>
      <c r="V55" s="1183">
        <v>1.2</v>
      </c>
      <c r="W55" s="1182">
        <v>0.5</v>
      </c>
      <c r="X55" s="1181">
        <v>0.3</v>
      </c>
      <c r="Y55" s="1182">
        <v>0.8</v>
      </c>
    </row>
    <row r="56" spans="1:25" ht="16.5" customHeight="1">
      <c r="A56" s="178"/>
      <c r="B56" s="847">
        <v>0.8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2.8</v>
      </c>
      <c r="O56" s="1181">
        <v>8.8000000000000007</v>
      </c>
      <c r="P56" s="1183">
        <v>17.899999999999999</v>
      </c>
      <c r="Q56" s="1177" t="s">
        <v>188</v>
      </c>
      <c r="R56" s="1178" t="s">
        <v>188</v>
      </c>
      <c r="S56" s="1179" t="s">
        <v>188</v>
      </c>
      <c r="T56" s="1180">
        <v>0.4</v>
      </c>
      <c r="U56" s="1181">
        <v>0.2</v>
      </c>
      <c r="V56" s="1183">
        <v>0.7</v>
      </c>
      <c r="W56" s="1182">
        <v>0.3</v>
      </c>
      <c r="X56" s="1181">
        <v>0.1</v>
      </c>
      <c r="Y56" s="1182">
        <v>0.5</v>
      </c>
    </row>
    <row r="57" spans="1:25" ht="16.5" customHeight="1">
      <c r="A57" s="178"/>
      <c r="B57" s="845">
        <v>0.2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6</v>
      </c>
      <c r="O57" s="1185">
        <v>2.4</v>
      </c>
      <c r="P57" s="1186">
        <v>10.7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</v>
      </c>
      <c r="V57" s="1186">
        <v>0.2</v>
      </c>
      <c r="W57" s="1184">
        <v>0.1</v>
      </c>
      <c r="X57" s="1185">
        <v>0</v>
      </c>
      <c r="Y57" s="1184">
        <v>0.1</v>
      </c>
    </row>
    <row r="58" spans="1:25" ht="16.5" customHeight="1">
      <c r="A58" s="178"/>
      <c r="B58" s="848">
        <v>0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1.7</v>
      </c>
      <c r="O58" s="1185">
        <v>0.5</v>
      </c>
      <c r="P58" s="1185">
        <v>3.1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3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4</v>
      </c>
      <c r="O60" s="1181">
        <v>0.4</v>
      </c>
      <c r="P60" s="1183">
        <v>0.4</v>
      </c>
      <c r="Q60" s="1177" t="s">
        <v>188</v>
      </c>
      <c r="R60" s="1178" t="s">
        <v>188</v>
      </c>
      <c r="S60" s="1179" t="s">
        <v>188</v>
      </c>
      <c r="T60" s="1180">
        <v>10.3</v>
      </c>
      <c r="U60" s="1181">
        <v>9.6999999999999993</v>
      </c>
      <c r="V60" s="1183">
        <v>11</v>
      </c>
      <c r="W60" s="1182">
        <v>10.6</v>
      </c>
      <c r="X60" s="1181">
        <v>10</v>
      </c>
      <c r="Y60" s="1182">
        <v>11.4</v>
      </c>
    </row>
    <row r="61" spans="1:25" ht="16.5" customHeight="1">
      <c r="A61" s="178"/>
      <c r="B61" s="847">
        <v>62.5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2.2</v>
      </c>
      <c r="O61" s="1181">
        <v>14.7</v>
      </c>
      <c r="P61" s="1183">
        <v>9.1</v>
      </c>
      <c r="Q61" s="1177" t="s">
        <v>188</v>
      </c>
      <c r="R61" s="1178" t="s">
        <v>188</v>
      </c>
      <c r="S61" s="1179" t="s">
        <v>188</v>
      </c>
      <c r="T61" s="1180">
        <v>83.4</v>
      </c>
      <c r="U61" s="1181">
        <v>85.4</v>
      </c>
      <c r="V61" s="1183">
        <v>81.099999999999994</v>
      </c>
      <c r="W61" s="1182">
        <v>83.5</v>
      </c>
      <c r="X61" s="1181">
        <v>85.1</v>
      </c>
      <c r="Y61" s="1182">
        <v>81.599999999999994</v>
      </c>
    </row>
    <row r="62" spans="1:25" ht="16.5" customHeight="1" thickBot="1">
      <c r="A62" s="850"/>
      <c r="B62" s="851">
        <v>25.2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7.4</v>
      </c>
      <c r="O62" s="1196">
        <v>84.9</v>
      </c>
      <c r="P62" s="1197">
        <v>90.5</v>
      </c>
      <c r="Q62" s="1198" t="s">
        <v>188</v>
      </c>
      <c r="R62" s="1199" t="s">
        <v>188</v>
      </c>
      <c r="S62" s="1199" t="s">
        <v>188</v>
      </c>
      <c r="T62" s="1200">
        <v>6.3</v>
      </c>
      <c r="U62" s="1196">
        <v>5</v>
      </c>
      <c r="V62" s="1197">
        <v>7.9</v>
      </c>
      <c r="W62" s="1195">
        <v>5.9</v>
      </c>
      <c r="X62" s="1196">
        <v>5</v>
      </c>
      <c r="Y62" s="1195">
        <v>7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32" fitToWidth="0" orientation="portrait" blackAndWhite="1" useFirstPageNumber="1" r:id="rId1"/>
  <headerFooter>
    <oddFooter>&amp;C&amp;"ＭＳ ゴシック,太字"&amp;12-&amp;P--</oddFooter>
    <evenFooter>&amp;C－33－</evenFooter>
  </headerFooter>
  <colBreaks count="1" manualBreakCount="1">
    <brk id="13" max="64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6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4" width="9" style="132"/>
    <col min="255" max="255" width="8.125" style="132" customWidth="1"/>
    <col min="256" max="256" width="15.625" style="132" customWidth="1"/>
    <col min="257" max="257" width="13.75" style="132" customWidth="1"/>
    <col min="258" max="263" width="9.75" style="132" customWidth="1"/>
    <col min="264" max="266" width="9.625" style="132" customWidth="1"/>
    <col min="267" max="267" width="1.5" style="132" customWidth="1"/>
    <col min="268" max="268" width="13.25" style="132" customWidth="1"/>
    <col min="269" max="273" width="10.125" style="132" customWidth="1"/>
    <col min="274" max="279" width="9.625" style="132" customWidth="1"/>
    <col min="280" max="280" width="10" style="132" bestFit="1" customWidth="1"/>
    <col min="281" max="510" width="9" style="132"/>
    <col min="511" max="511" width="8.125" style="132" customWidth="1"/>
    <col min="512" max="512" width="15.625" style="132" customWidth="1"/>
    <col min="513" max="513" width="13.75" style="132" customWidth="1"/>
    <col min="514" max="519" width="9.75" style="132" customWidth="1"/>
    <col min="520" max="522" width="9.625" style="132" customWidth="1"/>
    <col min="523" max="523" width="1.5" style="132" customWidth="1"/>
    <col min="524" max="524" width="13.25" style="132" customWidth="1"/>
    <col min="525" max="529" width="10.125" style="132" customWidth="1"/>
    <col min="530" max="535" width="9.625" style="132" customWidth="1"/>
    <col min="536" max="536" width="10" style="132" bestFit="1" customWidth="1"/>
    <col min="537" max="766" width="9" style="132"/>
    <col min="767" max="767" width="8.125" style="132" customWidth="1"/>
    <col min="768" max="768" width="15.625" style="132" customWidth="1"/>
    <col min="769" max="769" width="13.75" style="132" customWidth="1"/>
    <col min="770" max="775" width="9.75" style="132" customWidth="1"/>
    <col min="776" max="778" width="9.625" style="132" customWidth="1"/>
    <col min="779" max="779" width="1.5" style="132" customWidth="1"/>
    <col min="780" max="780" width="13.25" style="132" customWidth="1"/>
    <col min="781" max="785" width="10.125" style="132" customWidth="1"/>
    <col min="786" max="791" width="9.625" style="132" customWidth="1"/>
    <col min="792" max="792" width="10" style="132" bestFit="1" customWidth="1"/>
    <col min="793" max="1022" width="9" style="132"/>
    <col min="1023" max="1023" width="8.125" style="132" customWidth="1"/>
    <col min="1024" max="1024" width="15.625" style="132" customWidth="1"/>
    <col min="1025" max="1025" width="13.75" style="132" customWidth="1"/>
    <col min="1026" max="1031" width="9.75" style="132" customWidth="1"/>
    <col min="1032" max="1034" width="9.625" style="132" customWidth="1"/>
    <col min="1035" max="1035" width="1.5" style="132" customWidth="1"/>
    <col min="1036" max="1036" width="13.25" style="132" customWidth="1"/>
    <col min="1037" max="1041" width="10.125" style="132" customWidth="1"/>
    <col min="1042" max="1047" width="9.625" style="132" customWidth="1"/>
    <col min="1048" max="1048" width="10" style="132" bestFit="1" customWidth="1"/>
    <col min="1049" max="1278" width="9" style="132"/>
    <col min="1279" max="1279" width="8.125" style="132" customWidth="1"/>
    <col min="1280" max="1280" width="15.625" style="132" customWidth="1"/>
    <col min="1281" max="1281" width="13.75" style="132" customWidth="1"/>
    <col min="1282" max="1287" width="9.75" style="132" customWidth="1"/>
    <col min="1288" max="1290" width="9.625" style="132" customWidth="1"/>
    <col min="1291" max="1291" width="1.5" style="132" customWidth="1"/>
    <col min="1292" max="1292" width="13.25" style="132" customWidth="1"/>
    <col min="1293" max="1297" width="10.125" style="132" customWidth="1"/>
    <col min="1298" max="1303" width="9.625" style="132" customWidth="1"/>
    <col min="1304" max="1304" width="10" style="132" bestFit="1" customWidth="1"/>
    <col min="1305" max="1534" width="9" style="132"/>
    <col min="1535" max="1535" width="8.125" style="132" customWidth="1"/>
    <col min="1536" max="1536" width="15.625" style="132" customWidth="1"/>
    <col min="1537" max="1537" width="13.75" style="132" customWidth="1"/>
    <col min="1538" max="1543" width="9.75" style="132" customWidth="1"/>
    <col min="1544" max="1546" width="9.625" style="132" customWidth="1"/>
    <col min="1547" max="1547" width="1.5" style="132" customWidth="1"/>
    <col min="1548" max="1548" width="13.25" style="132" customWidth="1"/>
    <col min="1549" max="1553" width="10.125" style="132" customWidth="1"/>
    <col min="1554" max="1559" width="9.625" style="132" customWidth="1"/>
    <col min="1560" max="1560" width="10" style="132" bestFit="1" customWidth="1"/>
    <col min="1561" max="1790" width="9" style="132"/>
    <col min="1791" max="1791" width="8.125" style="132" customWidth="1"/>
    <col min="1792" max="1792" width="15.625" style="132" customWidth="1"/>
    <col min="1793" max="1793" width="13.75" style="132" customWidth="1"/>
    <col min="1794" max="1799" width="9.75" style="132" customWidth="1"/>
    <col min="1800" max="1802" width="9.625" style="132" customWidth="1"/>
    <col min="1803" max="1803" width="1.5" style="132" customWidth="1"/>
    <col min="1804" max="1804" width="13.25" style="132" customWidth="1"/>
    <col min="1805" max="1809" width="10.125" style="132" customWidth="1"/>
    <col min="1810" max="1815" width="9.625" style="132" customWidth="1"/>
    <col min="1816" max="1816" width="10" style="132" bestFit="1" customWidth="1"/>
    <col min="1817" max="2046" width="9" style="132"/>
    <col min="2047" max="2047" width="8.125" style="132" customWidth="1"/>
    <col min="2048" max="2048" width="15.625" style="132" customWidth="1"/>
    <col min="2049" max="2049" width="13.75" style="132" customWidth="1"/>
    <col min="2050" max="2055" width="9.75" style="132" customWidth="1"/>
    <col min="2056" max="2058" width="9.625" style="132" customWidth="1"/>
    <col min="2059" max="2059" width="1.5" style="132" customWidth="1"/>
    <col min="2060" max="2060" width="13.25" style="132" customWidth="1"/>
    <col min="2061" max="2065" width="10.125" style="132" customWidth="1"/>
    <col min="2066" max="2071" width="9.625" style="132" customWidth="1"/>
    <col min="2072" max="2072" width="10" style="132" bestFit="1" customWidth="1"/>
    <col min="2073" max="2302" width="9" style="132"/>
    <col min="2303" max="2303" width="8.125" style="132" customWidth="1"/>
    <col min="2304" max="2304" width="15.625" style="132" customWidth="1"/>
    <col min="2305" max="2305" width="13.75" style="132" customWidth="1"/>
    <col min="2306" max="2311" width="9.75" style="132" customWidth="1"/>
    <col min="2312" max="2314" width="9.625" style="132" customWidth="1"/>
    <col min="2315" max="2315" width="1.5" style="132" customWidth="1"/>
    <col min="2316" max="2316" width="13.25" style="132" customWidth="1"/>
    <col min="2317" max="2321" width="10.125" style="132" customWidth="1"/>
    <col min="2322" max="2327" width="9.625" style="132" customWidth="1"/>
    <col min="2328" max="2328" width="10" style="132" bestFit="1" customWidth="1"/>
    <col min="2329" max="2558" width="9" style="132"/>
    <col min="2559" max="2559" width="8.125" style="132" customWidth="1"/>
    <col min="2560" max="2560" width="15.625" style="132" customWidth="1"/>
    <col min="2561" max="2561" width="13.75" style="132" customWidth="1"/>
    <col min="2562" max="2567" width="9.75" style="132" customWidth="1"/>
    <col min="2568" max="2570" width="9.625" style="132" customWidth="1"/>
    <col min="2571" max="2571" width="1.5" style="132" customWidth="1"/>
    <col min="2572" max="2572" width="13.25" style="132" customWidth="1"/>
    <col min="2573" max="2577" width="10.125" style="132" customWidth="1"/>
    <col min="2578" max="2583" width="9.625" style="132" customWidth="1"/>
    <col min="2584" max="2584" width="10" style="132" bestFit="1" customWidth="1"/>
    <col min="2585" max="2814" width="9" style="132"/>
    <col min="2815" max="2815" width="8.125" style="132" customWidth="1"/>
    <col min="2816" max="2816" width="15.625" style="132" customWidth="1"/>
    <col min="2817" max="2817" width="13.75" style="132" customWidth="1"/>
    <col min="2818" max="2823" width="9.75" style="132" customWidth="1"/>
    <col min="2824" max="2826" width="9.625" style="132" customWidth="1"/>
    <col min="2827" max="2827" width="1.5" style="132" customWidth="1"/>
    <col min="2828" max="2828" width="13.25" style="132" customWidth="1"/>
    <col min="2829" max="2833" width="10.125" style="132" customWidth="1"/>
    <col min="2834" max="2839" width="9.625" style="132" customWidth="1"/>
    <col min="2840" max="2840" width="10" style="132" bestFit="1" customWidth="1"/>
    <col min="2841" max="3070" width="9" style="132"/>
    <col min="3071" max="3071" width="8.125" style="132" customWidth="1"/>
    <col min="3072" max="3072" width="15.625" style="132" customWidth="1"/>
    <col min="3073" max="3073" width="13.75" style="132" customWidth="1"/>
    <col min="3074" max="3079" width="9.75" style="132" customWidth="1"/>
    <col min="3080" max="3082" width="9.625" style="132" customWidth="1"/>
    <col min="3083" max="3083" width="1.5" style="132" customWidth="1"/>
    <col min="3084" max="3084" width="13.25" style="132" customWidth="1"/>
    <col min="3085" max="3089" width="10.125" style="132" customWidth="1"/>
    <col min="3090" max="3095" width="9.625" style="132" customWidth="1"/>
    <col min="3096" max="3096" width="10" style="132" bestFit="1" customWidth="1"/>
    <col min="3097" max="3326" width="9" style="132"/>
    <col min="3327" max="3327" width="8.125" style="132" customWidth="1"/>
    <col min="3328" max="3328" width="15.625" style="132" customWidth="1"/>
    <col min="3329" max="3329" width="13.75" style="132" customWidth="1"/>
    <col min="3330" max="3335" width="9.75" style="132" customWidth="1"/>
    <col min="3336" max="3338" width="9.625" style="132" customWidth="1"/>
    <col min="3339" max="3339" width="1.5" style="132" customWidth="1"/>
    <col min="3340" max="3340" width="13.25" style="132" customWidth="1"/>
    <col min="3341" max="3345" width="10.125" style="132" customWidth="1"/>
    <col min="3346" max="3351" width="9.625" style="132" customWidth="1"/>
    <col min="3352" max="3352" width="10" style="132" bestFit="1" customWidth="1"/>
    <col min="3353" max="3582" width="9" style="132"/>
    <col min="3583" max="3583" width="8.125" style="132" customWidth="1"/>
    <col min="3584" max="3584" width="15.625" style="132" customWidth="1"/>
    <col min="3585" max="3585" width="13.75" style="132" customWidth="1"/>
    <col min="3586" max="3591" width="9.75" style="132" customWidth="1"/>
    <col min="3592" max="3594" width="9.625" style="132" customWidth="1"/>
    <col min="3595" max="3595" width="1.5" style="132" customWidth="1"/>
    <col min="3596" max="3596" width="13.25" style="132" customWidth="1"/>
    <col min="3597" max="3601" width="10.125" style="132" customWidth="1"/>
    <col min="3602" max="3607" width="9.625" style="132" customWidth="1"/>
    <col min="3608" max="3608" width="10" style="132" bestFit="1" customWidth="1"/>
    <col min="3609" max="3838" width="9" style="132"/>
    <col min="3839" max="3839" width="8.125" style="132" customWidth="1"/>
    <col min="3840" max="3840" width="15.625" style="132" customWidth="1"/>
    <col min="3841" max="3841" width="13.75" style="132" customWidth="1"/>
    <col min="3842" max="3847" width="9.75" style="132" customWidth="1"/>
    <col min="3848" max="3850" width="9.625" style="132" customWidth="1"/>
    <col min="3851" max="3851" width="1.5" style="132" customWidth="1"/>
    <col min="3852" max="3852" width="13.25" style="132" customWidth="1"/>
    <col min="3853" max="3857" width="10.125" style="132" customWidth="1"/>
    <col min="3858" max="3863" width="9.625" style="132" customWidth="1"/>
    <col min="3864" max="3864" width="10" style="132" bestFit="1" customWidth="1"/>
    <col min="3865" max="4094" width="9" style="132"/>
    <col min="4095" max="4095" width="8.125" style="132" customWidth="1"/>
    <col min="4096" max="4096" width="15.625" style="132" customWidth="1"/>
    <col min="4097" max="4097" width="13.75" style="132" customWidth="1"/>
    <col min="4098" max="4103" width="9.75" style="132" customWidth="1"/>
    <col min="4104" max="4106" width="9.625" style="132" customWidth="1"/>
    <col min="4107" max="4107" width="1.5" style="132" customWidth="1"/>
    <col min="4108" max="4108" width="13.25" style="132" customWidth="1"/>
    <col min="4109" max="4113" width="10.125" style="132" customWidth="1"/>
    <col min="4114" max="4119" width="9.625" style="132" customWidth="1"/>
    <col min="4120" max="4120" width="10" style="132" bestFit="1" customWidth="1"/>
    <col min="4121" max="4350" width="9" style="132"/>
    <col min="4351" max="4351" width="8.125" style="132" customWidth="1"/>
    <col min="4352" max="4352" width="15.625" style="132" customWidth="1"/>
    <col min="4353" max="4353" width="13.75" style="132" customWidth="1"/>
    <col min="4354" max="4359" width="9.75" style="132" customWidth="1"/>
    <col min="4360" max="4362" width="9.625" style="132" customWidth="1"/>
    <col min="4363" max="4363" width="1.5" style="132" customWidth="1"/>
    <col min="4364" max="4364" width="13.25" style="132" customWidth="1"/>
    <col min="4365" max="4369" width="10.125" style="132" customWidth="1"/>
    <col min="4370" max="4375" width="9.625" style="132" customWidth="1"/>
    <col min="4376" max="4376" width="10" style="132" bestFit="1" customWidth="1"/>
    <col min="4377" max="4606" width="9" style="132"/>
    <col min="4607" max="4607" width="8.125" style="132" customWidth="1"/>
    <col min="4608" max="4608" width="15.625" style="132" customWidth="1"/>
    <col min="4609" max="4609" width="13.75" style="132" customWidth="1"/>
    <col min="4610" max="4615" width="9.75" style="132" customWidth="1"/>
    <col min="4616" max="4618" width="9.625" style="132" customWidth="1"/>
    <col min="4619" max="4619" width="1.5" style="132" customWidth="1"/>
    <col min="4620" max="4620" width="13.25" style="132" customWidth="1"/>
    <col min="4621" max="4625" width="10.125" style="132" customWidth="1"/>
    <col min="4626" max="4631" width="9.625" style="132" customWidth="1"/>
    <col min="4632" max="4632" width="10" style="132" bestFit="1" customWidth="1"/>
    <col min="4633" max="4862" width="9" style="132"/>
    <col min="4863" max="4863" width="8.125" style="132" customWidth="1"/>
    <col min="4864" max="4864" width="15.625" style="132" customWidth="1"/>
    <col min="4865" max="4865" width="13.75" style="132" customWidth="1"/>
    <col min="4866" max="4871" width="9.75" style="132" customWidth="1"/>
    <col min="4872" max="4874" width="9.625" style="132" customWidth="1"/>
    <col min="4875" max="4875" width="1.5" style="132" customWidth="1"/>
    <col min="4876" max="4876" width="13.25" style="132" customWidth="1"/>
    <col min="4877" max="4881" width="10.125" style="132" customWidth="1"/>
    <col min="4882" max="4887" width="9.625" style="132" customWidth="1"/>
    <col min="4888" max="4888" width="10" style="132" bestFit="1" customWidth="1"/>
    <col min="4889" max="5118" width="9" style="132"/>
    <col min="5119" max="5119" width="8.125" style="132" customWidth="1"/>
    <col min="5120" max="5120" width="15.625" style="132" customWidth="1"/>
    <col min="5121" max="5121" width="13.75" style="132" customWidth="1"/>
    <col min="5122" max="5127" width="9.75" style="132" customWidth="1"/>
    <col min="5128" max="5130" width="9.625" style="132" customWidth="1"/>
    <col min="5131" max="5131" width="1.5" style="132" customWidth="1"/>
    <col min="5132" max="5132" width="13.25" style="132" customWidth="1"/>
    <col min="5133" max="5137" width="10.125" style="132" customWidth="1"/>
    <col min="5138" max="5143" width="9.625" style="132" customWidth="1"/>
    <col min="5144" max="5144" width="10" style="132" bestFit="1" customWidth="1"/>
    <col min="5145" max="5374" width="9" style="132"/>
    <col min="5375" max="5375" width="8.125" style="132" customWidth="1"/>
    <col min="5376" max="5376" width="15.625" style="132" customWidth="1"/>
    <col min="5377" max="5377" width="13.75" style="132" customWidth="1"/>
    <col min="5378" max="5383" width="9.75" style="132" customWidth="1"/>
    <col min="5384" max="5386" width="9.625" style="132" customWidth="1"/>
    <col min="5387" max="5387" width="1.5" style="132" customWidth="1"/>
    <col min="5388" max="5388" width="13.25" style="132" customWidth="1"/>
    <col min="5389" max="5393" width="10.125" style="132" customWidth="1"/>
    <col min="5394" max="5399" width="9.625" style="132" customWidth="1"/>
    <col min="5400" max="5400" width="10" style="132" bestFit="1" customWidth="1"/>
    <col min="5401" max="5630" width="9" style="132"/>
    <col min="5631" max="5631" width="8.125" style="132" customWidth="1"/>
    <col min="5632" max="5632" width="15.625" style="132" customWidth="1"/>
    <col min="5633" max="5633" width="13.75" style="132" customWidth="1"/>
    <col min="5634" max="5639" width="9.75" style="132" customWidth="1"/>
    <col min="5640" max="5642" width="9.625" style="132" customWidth="1"/>
    <col min="5643" max="5643" width="1.5" style="132" customWidth="1"/>
    <col min="5644" max="5644" width="13.25" style="132" customWidth="1"/>
    <col min="5645" max="5649" width="10.125" style="132" customWidth="1"/>
    <col min="5650" max="5655" width="9.625" style="132" customWidth="1"/>
    <col min="5656" max="5656" width="10" style="132" bestFit="1" customWidth="1"/>
    <col min="5657" max="5886" width="9" style="132"/>
    <col min="5887" max="5887" width="8.125" style="132" customWidth="1"/>
    <col min="5888" max="5888" width="15.625" style="132" customWidth="1"/>
    <col min="5889" max="5889" width="13.75" style="132" customWidth="1"/>
    <col min="5890" max="5895" width="9.75" style="132" customWidth="1"/>
    <col min="5896" max="5898" width="9.625" style="132" customWidth="1"/>
    <col min="5899" max="5899" width="1.5" style="132" customWidth="1"/>
    <col min="5900" max="5900" width="13.25" style="132" customWidth="1"/>
    <col min="5901" max="5905" width="10.125" style="132" customWidth="1"/>
    <col min="5906" max="5911" width="9.625" style="132" customWidth="1"/>
    <col min="5912" max="5912" width="10" style="132" bestFit="1" customWidth="1"/>
    <col min="5913" max="6142" width="9" style="132"/>
    <col min="6143" max="6143" width="8.125" style="132" customWidth="1"/>
    <col min="6144" max="6144" width="15.625" style="132" customWidth="1"/>
    <col min="6145" max="6145" width="13.75" style="132" customWidth="1"/>
    <col min="6146" max="6151" width="9.75" style="132" customWidth="1"/>
    <col min="6152" max="6154" width="9.625" style="132" customWidth="1"/>
    <col min="6155" max="6155" width="1.5" style="132" customWidth="1"/>
    <col min="6156" max="6156" width="13.25" style="132" customWidth="1"/>
    <col min="6157" max="6161" width="10.125" style="132" customWidth="1"/>
    <col min="6162" max="6167" width="9.625" style="132" customWidth="1"/>
    <col min="6168" max="6168" width="10" style="132" bestFit="1" customWidth="1"/>
    <col min="6169" max="6398" width="9" style="132"/>
    <col min="6399" max="6399" width="8.125" style="132" customWidth="1"/>
    <col min="6400" max="6400" width="15.625" style="132" customWidth="1"/>
    <col min="6401" max="6401" width="13.75" style="132" customWidth="1"/>
    <col min="6402" max="6407" width="9.75" style="132" customWidth="1"/>
    <col min="6408" max="6410" width="9.625" style="132" customWidth="1"/>
    <col min="6411" max="6411" width="1.5" style="132" customWidth="1"/>
    <col min="6412" max="6412" width="13.25" style="132" customWidth="1"/>
    <col min="6413" max="6417" width="10.125" style="132" customWidth="1"/>
    <col min="6418" max="6423" width="9.625" style="132" customWidth="1"/>
    <col min="6424" max="6424" width="10" style="132" bestFit="1" customWidth="1"/>
    <col min="6425" max="6654" width="9" style="132"/>
    <col min="6655" max="6655" width="8.125" style="132" customWidth="1"/>
    <col min="6656" max="6656" width="15.625" style="132" customWidth="1"/>
    <col min="6657" max="6657" width="13.75" style="132" customWidth="1"/>
    <col min="6658" max="6663" width="9.75" style="132" customWidth="1"/>
    <col min="6664" max="6666" width="9.625" style="132" customWidth="1"/>
    <col min="6667" max="6667" width="1.5" style="132" customWidth="1"/>
    <col min="6668" max="6668" width="13.25" style="132" customWidth="1"/>
    <col min="6669" max="6673" width="10.125" style="132" customWidth="1"/>
    <col min="6674" max="6679" width="9.625" style="132" customWidth="1"/>
    <col min="6680" max="6680" width="10" style="132" bestFit="1" customWidth="1"/>
    <col min="6681" max="6910" width="9" style="132"/>
    <col min="6911" max="6911" width="8.125" style="132" customWidth="1"/>
    <col min="6912" max="6912" width="15.625" style="132" customWidth="1"/>
    <col min="6913" max="6913" width="13.75" style="132" customWidth="1"/>
    <col min="6914" max="6919" width="9.75" style="132" customWidth="1"/>
    <col min="6920" max="6922" width="9.625" style="132" customWidth="1"/>
    <col min="6923" max="6923" width="1.5" style="132" customWidth="1"/>
    <col min="6924" max="6924" width="13.25" style="132" customWidth="1"/>
    <col min="6925" max="6929" width="10.125" style="132" customWidth="1"/>
    <col min="6930" max="6935" width="9.625" style="132" customWidth="1"/>
    <col min="6936" max="6936" width="10" style="132" bestFit="1" customWidth="1"/>
    <col min="6937" max="7166" width="9" style="132"/>
    <col min="7167" max="7167" width="8.125" style="132" customWidth="1"/>
    <col min="7168" max="7168" width="15.625" style="132" customWidth="1"/>
    <col min="7169" max="7169" width="13.75" style="132" customWidth="1"/>
    <col min="7170" max="7175" width="9.75" style="132" customWidth="1"/>
    <col min="7176" max="7178" width="9.625" style="132" customWidth="1"/>
    <col min="7179" max="7179" width="1.5" style="132" customWidth="1"/>
    <col min="7180" max="7180" width="13.25" style="132" customWidth="1"/>
    <col min="7181" max="7185" width="10.125" style="132" customWidth="1"/>
    <col min="7186" max="7191" width="9.625" style="132" customWidth="1"/>
    <col min="7192" max="7192" width="10" style="132" bestFit="1" customWidth="1"/>
    <col min="7193" max="7422" width="9" style="132"/>
    <col min="7423" max="7423" width="8.125" style="132" customWidth="1"/>
    <col min="7424" max="7424" width="15.625" style="132" customWidth="1"/>
    <col min="7425" max="7425" width="13.75" style="132" customWidth="1"/>
    <col min="7426" max="7431" width="9.75" style="132" customWidth="1"/>
    <col min="7432" max="7434" width="9.625" style="132" customWidth="1"/>
    <col min="7435" max="7435" width="1.5" style="132" customWidth="1"/>
    <col min="7436" max="7436" width="13.25" style="132" customWidth="1"/>
    <col min="7437" max="7441" width="10.125" style="132" customWidth="1"/>
    <col min="7442" max="7447" width="9.625" style="132" customWidth="1"/>
    <col min="7448" max="7448" width="10" style="132" bestFit="1" customWidth="1"/>
    <col min="7449" max="7678" width="9" style="132"/>
    <col min="7679" max="7679" width="8.125" style="132" customWidth="1"/>
    <col min="7680" max="7680" width="15.625" style="132" customWidth="1"/>
    <col min="7681" max="7681" width="13.75" style="132" customWidth="1"/>
    <col min="7682" max="7687" width="9.75" style="132" customWidth="1"/>
    <col min="7688" max="7690" width="9.625" style="132" customWidth="1"/>
    <col min="7691" max="7691" width="1.5" style="132" customWidth="1"/>
    <col min="7692" max="7692" width="13.25" style="132" customWidth="1"/>
    <col min="7693" max="7697" width="10.125" style="132" customWidth="1"/>
    <col min="7698" max="7703" width="9.625" style="132" customWidth="1"/>
    <col min="7704" max="7704" width="10" style="132" bestFit="1" customWidth="1"/>
    <col min="7705" max="7934" width="9" style="132"/>
    <col min="7935" max="7935" width="8.125" style="132" customWidth="1"/>
    <col min="7936" max="7936" width="15.625" style="132" customWidth="1"/>
    <col min="7937" max="7937" width="13.75" style="132" customWidth="1"/>
    <col min="7938" max="7943" width="9.75" style="132" customWidth="1"/>
    <col min="7944" max="7946" width="9.625" style="132" customWidth="1"/>
    <col min="7947" max="7947" width="1.5" style="132" customWidth="1"/>
    <col min="7948" max="7948" width="13.25" style="132" customWidth="1"/>
    <col min="7949" max="7953" width="10.125" style="132" customWidth="1"/>
    <col min="7954" max="7959" width="9.625" style="132" customWidth="1"/>
    <col min="7960" max="7960" width="10" style="132" bestFit="1" customWidth="1"/>
    <col min="7961" max="8190" width="9" style="132"/>
    <col min="8191" max="8191" width="8.125" style="132" customWidth="1"/>
    <col min="8192" max="8192" width="15.625" style="132" customWidth="1"/>
    <col min="8193" max="8193" width="13.75" style="132" customWidth="1"/>
    <col min="8194" max="8199" width="9.75" style="132" customWidth="1"/>
    <col min="8200" max="8202" width="9.625" style="132" customWidth="1"/>
    <col min="8203" max="8203" width="1.5" style="132" customWidth="1"/>
    <col min="8204" max="8204" width="13.25" style="132" customWidth="1"/>
    <col min="8205" max="8209" width="10.125" style="132" customWidth="1"/>
    <col min="8210" max="8215" width="9.625" style="132" customWidth="1"/>
    <col min="8216" max="8216" width="10" style="132" bestFit="1" customWidth="1"/>
    <col min="8217" max="8446" width="9" style="132"/>
    <col min="8447" max="8447" width="8.125" style="132" customWidth="1"/>
    <col min="8448" max="8448" width="15.625" style="132" customWidth="1"/>
    <col min="8449" max="8449" width="13.75" style="132" customWidth="1"/>
    <col min="8450" max="8455" width="9.75" style="132" customWidth="1"/>
    <col min="8456" max="8458" width="9.625" style="132" customWidth="1"/>
    <col min="8459" max="8459" width="1.5" style="132" customWidth="1"/>
    <col min="8460" max="8460" width="13.25" style="132" customWidth="1"/>
    <col min="8461" max="8465" width="10.125" style="132" customWidth="1"/>
    <col min="8466" max="8471" width="9.625" style="132" customWidth="1"/>
    <col min="8472" max="8472" width="10" style="132" bestFit="1" customWidth="1"/>
    <col min="8473" max="8702" width="9" style="132"/>
    <col min="8703" max="8703" width="8.125" style="132" customWidth="1"/>
    <col min="8704" max="8704" width="15.625" style="132" customWidth="1"/>
    <col min="8705" max="8705" width="13.75" style="132" customWidth="1"/>
    <col min="8706" max="8711" width="9.75" style="132" customWidth="1"/>
    <col min="8712" max="8714" width="9.625" style="132" customWidth="1"/>
    <col min="8715" max="8715" width="1.5" style="132" customWidth="1"/>
    <col min="8716" max="8716" width="13.25" style="132" customWidth="1"/>
    <col min="8717" max="8721" width="10.125" style="132" customWidth="1"/>
    <col min="8722" max="8727" width="9.625" style="132" customWidth="1"/>
    <col min="8728" max="8728" width="10" style="132" bestFit="1" customWidth="1"/>
    <col min="8729" max="8958" width="9" style="132"/>
    <col min="8959" max="8959" width="8.125" style="132" customWidth="1"/>
    <col min="8960" max="8960" width="15.625" style="132" customWidth="1"/>
    <col min="8961" max="8961" width="13.75" style="132" customWidth="1"/>
    <col min="8962" max="8967" width="9.75" style="132" customWidth="1"/>
    <col min="8968" max="8970" width="9.625" style="132" customWidth="1"/>
    <col min="8971" max="8971" width="1.5" style="132" customWidth="1"/>
    <col min="8972" max="8972" width="13.25" style="132" customWidth="1"/>
    <col min="8973" max="8977" width="10.125" style="132" customWidth="1"/>
    <col min="8978" max="8983" width="9.625" style="132" customWidth="1"/>
    <col min="8984" max="8984" width="10" style="132" bestFit="1" customWidth="1"/>
    <col min="8985" max="9214" width="9" style="132"/>
    <col min="9215" max="9215" width="8.125" style="132" customWidth="1"/>
    <col min="9216" max="9216" width="15.625" style="132" customWidth="1"/>
    <col min="9217" max="9217" width="13.75" style="132" customWidth="1"/>
    <col min="9218" max="9223" width="9.75" style="132" customWidth="1"/>
    <col min="9224" max="9226" width="9.625" style="132" customWidth="1"/>
    <col min="9227" max="9227" width="1.5" style="132" customWidth="1"/>
    <col min="9228" max="9228" width="13.25" style="132" customWidth="1"/>
    <col min="9229" max="9233" width="10.125" style="132" customWidth="1"/>
    <col min="9234" max="9239" width="9.625" style="132" customWidth="1"/>
    <col min="9240" max="9240" width="10" style="132" bestFit="1" customWidth="1"/>
    <col min="9241" max="9470" width="9" style="132"/>
    <col min="9471" max="9471" width="8.125" style="132" customWidth="1"/>
    <col min="9472" max="9472" width="15.625" style="132" customWidth="1"/>
    <col min="9473" max="9473" width="13.75" style="132" customWidth="1"/>
    <col min="9474" max="9479" width="9.75" style="132" customWidth="1"/>
    <col min="9480" max="9482" width="9.625" style="132" customWidth="1"/>
    <col min="9483" max="9483" width="1.5" style="132" customWidth="1"/>
    <col min="9484" max="9484" width="13.25" style="132" customWidth="1"/>
    <col min="9485" max="9489" width="10.125" style="132" customWidth="1"/>
    <col min="9490" max="9495" width="9.625" style="132" customWidth="1"/>
    <col min="9496" max="9496" width="10" style="132" bestFit="1" customWidth="1"/>
    <col min="9497" max="9726" width="9" style="132"/>
    <col min="9727" max="9727" width="8.125" style="132" customWidth="1"/>
    <col min="9728" max="9728" width="15.625" style="132" customWidth="1"/>
    <col min="9729" max="9729" width="13.75" style="132" customWidth="1"/>
    <col min="9730" max="9735" width="9.75" style="132" customWidth="1"/>
    <col min="9736" max="9738" width="9.625" style="132" customWidth="1"/>
    <col min="9739" max="9739" width="1.5" style="132" customWidth="1"/>
    <col min="9740" max="9740" width="13.25" style="132" customWidth="1"/>
    <col min="9741" max="9745" width="10.125" style="132" customWidth="1"/>
    <col min="9746" max="9751" width="9.625" style="132" customWidth="1"/>
    <col min="9752" max="9752" width="10" style="132" bestFit="1" customWidth="1"/>
    <col min="9753" max="9982" width="9" style="132"/>
    <col min="9983" max="9983" width="8.125" style="132" customWidth="1"/>
    <col min="9984" max="9984" width="15.625" style="132" customWidth="1"/>
    <col min="9985" max="9985" width="13.75" style="132" customWidth="1"/>
    <col min="9986" max="9991" width="9.75" style="132" customWidth="1"/>
    <col min="9992" max="9994" width="9.625" style="132" customWidth="1"/>
    <col min="9995" max="9995" width="1.5" style="132" customWidth="1"/>
    <col min="9996" max="9996" width="13.25" style="132" customWidth="1"/>
    <col min="9997" max="10001" width="10.125" style="132" customWidth="1"/>
    <col min="10002" max="10007" width="9.625" style="132" customWidth="1"/>
    <col min="10008" max="10008" width="10" style="132" bestFit="1" customWidth="1"/>
    <col min="10009" max="10238" width="9" style="132"/>
    <col min="10239" max="10239" width="8.125" style="132" customWidth="1"/>
    <col min="10240" max="10240" width="15.625" style="132" customWidth="1"/>
    <col min="10241" max="10241" width="13.75" style="132" customWidth="1"/>
    <col min="10242" max="10247" width="9.75" style="132" customWidth="1"/>
    <col min="10248" max="10250" width="9.625" style="132" customWidth="1"/>
    <col min="10251" max="10251" width="1.5" style="132" customWidth="1"/>
    <col min="10252" max="10252" width="13.25" style="132" customWidth="1"/>
    <col min="10253" max="10257" width="10.125" style="132" customWidth="1"/>
    <col min="10258" max="10263" width="9.625" style="132" customWidth="1"/>
    <col min="10264" max="10264" width="10" style="132" bestFit="1" customWidth="1"/>
    <col min="10265" max="10494" width="9" style="132"/>
    <col min="10495" max="10495" width="8.125" style="132" customWidth="1"/>
    <col min="10496" max="10496" width="15.625" style="132" customWidth="1"/>
    <col min="10497" max="10497" width="13.75" style="132" customWidth="1"/>
    <col min="10498" max="10503" width="9.75" style="132" customWidth="1"/>
    <col min="10504" max="10506" width="9.625" style="132" customWidth="1"/>
    <col min="10507" max="10507" width="1.5" style="132" customWidth="1"/>
    <col min="10508" max="10508" width="13.25" style="132" customWidth="1"/>
    <col min="10509" max="10513" width="10.125" style="132" customWidth="1"/>
    <col min="10514" max="10519" width="9.625" style="132" customWidth="1"/>
    <col min="10520" max="10520" width="10" style="132" bestFit="1" customWidth="1"/>
    <col min="10521" max="10750" width="9" style="132"/>
    <col min="10751" max="10751" width="8.125" style="132" customWidth="1"/>
    <col min="10752" max="10752" width="15.625" style="132" customWidth="1"/>
    <col min="10753" max="10753" width="13.75" style="132" customWidth="1"/>
    <col min="10754" max="10759" width="9.75" style="132" customWidth="1"/>
    <col min="10760" max="10762" width="9.625" style="132" customWidth="1"/>
    <col min="10763" max="10763" width="1.5" style="132" customWidth="1"/>
    <col min="10764" max="10764" width="13.25" style="132" customWidth="1"/>
    <col min="10765" max="10769" width="10.125" style="132" customWidth="1"/>
    <col min="10770" max="10775" width="9.625" style="132" customWidth="1"/>
    <col min="10776" max="10776" width="10" style="132" bestFit="1" customWidth="1"/>
    <col min="10777" max="11006" width="9" style="132"/>
    <col min="11007" max="11007" width="8.125" style="132" customWidth="1"/>
    <col min="11008" max="11008" width="15.625" style="132" customWidth="1"/>
    <col min="11009" max="11009" width="13.75" style="132" customWidth="1"/>
    <col min="11010" max="11015" width="9.75" style="132" customWidth="1"/>
    <col min="11016" max="11018" width="9.625" style="132" customWidth="1"/>
    <col min="11019" max="11019" width="1.5" style="132" customWidth="1"/>
    <col min="11020" max="11020" width="13.25" style="132" customWidth="1"/>
    <col min="11021" max="11025" width="10.125" style="132" customWidth="1"/>
    <col min="11026" max="11031" width="9.625" style="132" customWidth="1"/>
    <col min="11032" max="11032" width="10" style="132" bestFit="1" customWidth="1"/>
    <col min="11033" max="11262" width="9" style="132"/>
    <col min="11263" max="11263" width="8.125" style="132" customWidth="1"/>
    <col min="11264" max="11264" width="15.625" style="132" customWidth="1"/>
    <col min="11265" max="11265" width="13.75" style="132" customWidth="1"/>
    <col min="11266" max="11271" width="9.75" style="132" customWidth="1"/>
    <col min="11272" max="11274" width="9.625" style="132" customWidth="1"/>
    <col min="11275" max="11275" width="1.5" style="132" customWidth="1"/>
    <col min="11276" max="11276" width="13.25" style="132" customWidth="1"/>
    <col min="11277" max="11281" width="10.125" style="132" customWidth="1"/>
    <col min="11282" max="11287" width="9.625" style="132" customWidth="1"/>
    <col min="11288" max="11288" width="10" style="132" bestFit="1" customWidth="1"/>
    <col min="11289" max="11518" width="9" style="132"/>
    <col min="11519" max="11519" width="8.125" style="132" customWidth="1"/>
    <col min="11520" max="11520" width="15.625" style="132" customWidth="1"/>
    <col min="11521" max="11521" width="13.75" style="132" customWidth="1"/>
    <col min="11522" max="11527" width="9.75" style="132" customWidth="1"/>
    <col min="11528" max="11530" width="9.625" style="132" customWidth="1"/>
    <col min="11531" max="11531" width="1.5" style="132" customWidth="1"/>
    <col min="11532" max="11532" width="13.25" style="132" customWidth="1"/>
    <col min="11533" max="11537" width="10.125" style="132" customWidth="1"/>
    <col min="11538" max="11543" width="9.625" style="132" customWidth="1"/>
    <col min="11544" max="11544" width="10" style="132" bestFit="1" customWidth="1"/>
    <col min="11545" max="11774" width="9" style="132"/>
    <col min="11775" max="11775" width="8.125" style="132" customWidth="1"/>
    <col min="11776" max="11776" width="15.625" style="132" customWidth="1"/>
    <col min="11777" max="11777" width="13.75" style="132" customWidth="1"/>
    <col min="11778" max="11783" width="9.75" style="132" customWidth="1"/>
    <col min="11784" max="11786" width="9.625" style="132" customWidth="1"/>
    <col min="11787" max="11787" width="1.5" style="132" customWidth="1"/>
    <col min="11788" max="11788" width="13.25" style="132" customWidth="1"/>
    <col min="11789" max="11793" width="10.125" style="132" customWidth="1"/>
    <col min="11794" max="11799" width="9.625" style="132" customWidth="1"/>
    <col min="11800" max="11800" width="10" style="132" bestFit="1" customWidth="1"/>
    <col min="11801" max="12030" width="9" style="132"/>
    <col min="12031" max="12031" width="8.125" style="132" customWidth="1"/>
    <col min="12032" max="12032" width="15.625" style="132" customWidth="1"/>
    <col min="12033" max="12033" width="13.75" style="132" customWidth="1"/>
    <col min="12034" max="12039" width="9.75" style="132" customWidth="1"/>
    <col min="12040" max="12042" width="9.625" style="132" customWidth="1"/>
    <col min="12043" max="12043" width="1.5" style="132" customWidth="1"/>
    <col min="12044" max="12044" width="13.25" style="132" customWidth="1"/>
    <col min="12045" max="12049" width="10.125" style="132" customWidth="1"/>
    <col min="12050" max="12055" width="9.625" style="132" customWidth="1"/>
    <col min="12056" max="12056" width="10" style="132" bestFit="1" customWidth="1"/>
    <col min="12057" max="12286" width="9" style="132"/>
    <col min="12287" max="12287" width="8.125" style="132" customWidth="1"/>
    <col min="12288" max="12288" width="15.625" style="132" customWidth="1"/>
    <col min="12289" max="12289" width="13.75" style="132" customWidth="1"/>
    <col min="12290" max="12295" width="9.75" style="132" customWidth="1"/>
    <col min="12296" max="12298" width="9.625" style="132" customWidth="1"/>
    <col min="12299" max="12299" width="1.5" style="132" customWidth="1"/>
    <col min="12300" max="12300" width="13.25" style="132" customWidth="1"/>
    <col min="12301" max="12305" width="10.125" style="132" customWidth="1"/>
    <col min="12306" max="12311" width="9.625" style="132" customWidth="1"/>
    <col min="12312" max="12312" width="10" style="132" bestFit="1" customWidth="1"/>
    <col min="12313" max="12542" width="9" style="132"/>
    <col min="12543" max="12543" width="8.125" style="132" customWidth="1"/>
    <col min="12544" max="12544" width="15.625" style="132" customWidth="1"/>
    <col min="12545" max="12545" width="13.75" style="132" customWidth="1"/>
    <col min="12546" max="12551" width="9.75" style="132" customWidth="1"/>
    <col min="12552" max="12554" width="9.625" style="132" customWidth="1"/>
    <col min="12555" max="12555" width="1.5" style="132" customWidth="1"/>
    <col min="12556" max="12556" width="13.25" style="132" customWidth="1"/>
    <col min="12557" max="12561" width="10.125" style="132" customWidth="1"/>
    <col min="12562" max="12567" width="9.625" style="132" customWidth="1"/>
    <col min="12568" max="12568" width="10" style="132" bestFit="1" customWidth="1"/>
    <col min="12569" max="12798" width="9" style="132"/>
    <col min="12799" max="12799" width="8.125" style="132" customWidth="1"/>
    <col min="12800" max="12800" width="15.625" style="132" customWidth="1"/>
    <col min="12801" max="12801" width="13.75" style="132" customWidth="1"/>
    <col min="12802" max="12807" width="9.75" style="132" customWidth="1"/>
    <col min="12808" max="12810" width="9.625" style="132" customWidth="1"/>
    <col min="12811" max="12811" width="1.5" style="132" customWidth="1"/>
    <col min="12812" max="12812" width="13.25" style="132" customWidth="1"/>
    <col min="12813" max="12817" width="10.125" style="132" customWidth="1"/>
    <col min="12818" max="12823" width="9.625" style="132" customWidth="1"/>
    <col min="12824" max="12824" width="10" style="132" bestFit="1" customWidth="1"/>
    <col min="12825" max="13054" width="9" style="132"/>
    <col min="13055" max="13055" width="8.125" style="132" customWidth="1"/>
    <col min="13056" max="13056" width="15.625" style="132" customWidth="1"/>
    <col min="13057" max="13057" width="13.75" style="132" customWidth="1"/>
    <col min="13058" max="13063" width="9.75" style="132" customWidth="1"/>
    <col min="13064" max="13066" width="9.625" style="132" customWidth="1"/>
    <col min="13067" max="13067" width="1.5" style="132" customWidth="1"/>
    <col min="13068" max="13068" width="13.25" style="132" customWidth="1"/>
    <col min="13069" max="13073" width="10.125" style="132" customWidth="1"/>
    <col min="13074" max="13079" width="9.625" style="132" customWidth="1"/>
    <col min="13080" max="13080" width="10" style="132" bestFit="1" customWidth="1"/>
    <col min="13081" max="13310" width="9" style="132"/>
    <col min="13311" max="13311" width="8.125" style="132" customWidth="1"/>
    <col min="13312" max="13312" width="15.625" style="132" customWidth="1"/>
    <col min="13313" max="13313" width="13.75" style="132" customWidth="1"/>
    <col min="13314" max="13319" width="9.75" style="132" customWidth="1"/>
    <col min="13320" max="13322" width="9.625" style="132" customWidth="1"/>
    <col min="13323" max="13323" width="1.5" style="132" customWidth="1"/>
    <col min="13324" max="13324" width="13.25" style="132" customWidth="1"/>
    <col min="13325" max="13329" width="10.125" style="132" customWidth="1"/>
    <col min="13330" max="13335" width="9.625" style="132" customWidth="1"/>
    <col min="13336" max="13336" width="10" style="132" bestFit="1" customWidth="1"/>
    <col min="13337" max="13566" width="9" style="132"/>
    <col min="13567" max="13567" width="8.125" style="132" customWidth="1"/>
    <col min="13568" max="13568" width="15.625" style="132" customWidth="1"/>
    <col min="13569" max="13569" width="13.75" style="132" customWidth="1"/>
    <col min="13570" max="13575" width="9.75" style="132" customWidth="1"/>
    <col min="13576" max="13578" width="9.625" style="132" customWidth="1"/>
    <col min="13579" max="13579" width="1.5" style="132" customWidth="1"/>
    <col min="13580" max="13580" width="13.25" style="132" customWidth="1"/>
    <col min="13581" max="13585" width="10.125" style="132" customWidth="1"/>
    <col min="13586" max="13591" width="9.625" style="132" customWidth="1"/>
    <col min="13592" max="13592" width="10" style="132" bestFit="1" customWidth="1"/>
    <col min="13593" max="13822" width="9" style="132"/>
    <col min="13823" max="13823" width="8.125" style="132" customWidth="1"/>
    <col min="13824" max="13824" width="15.625" style="132" customWidth="1"/>
    <col min="13825" max="13825" width="13.75" style="132" customWidth="1"/>
    <col min="13826" max="13831" width="9.75" style="132" customWidth="1"/>
    <col min="13832" max="13834" width="9.625" style="132" customWidth="1"/>
    <col min="13835" max="13835" width="1.5" style="132" customWidth="1"/>
    <col min="13836" max="13836" width="13.25" style="132" customWidth="1"/>
    <col min="13837" max="13841" width="10.125" style="132" customWidth="1"/>
    <col min="13842" max="13847" width="9.625" style="132" customWidth="1"/>
    <col min="13848" max="13848" width="10" style="132" bestFit="1" customWidth="1"/>
    <col min="13849" max="14078" width="9" style="132"/>
    <col min="14079" max="14079" width="8.125" style="132" customWidth="1"/>
    <col min="14080" max="14080" width="15.625" style="132" customWidth="1"/>
    <col min="14081" max="14081" width="13.75" style="132" customWidth="1"/>
    <col min="14082" max="14087" width="9.75" style="132" customWidth="1"/>
    <col min="14088" max="14090" width="9.625" style="132" customWidth="1"/>
    <col min="14091" max="14091" width="1.5" style="132" customWidth="1"/>
    <col min="14092" max="14092" width="13.25" style="132" customWidth="1"/>
    <col min="14093" max="14097" width="10.125" style="132" customWidth="1"/>
    <col min="14098" max="14103" width="9.625" style="132" customWidth="1"/>
    <col min="14104" max="14104" width="10" style="132" bestFit="1" customWidth="1"/>
    <col min="14105" max="14334" width="9" style="132"/>
    <col min="14335" max="14335" width="8.125" style="132" customWidth="1"/>
    <col min="14336" max="14336" width="15.625" style="132" customWidth="1"/>
    <col min="14337" max="14337" width="13.75" style="132" customWidth="1"/>
    <col min="14338" max="14343" width="9.75" style="132" customWidth="1"/>
    <col min="14344" max="14346" width="9.625" style="132" customWidth="1"/>
    <col min="14347" max="14347" width="1.5" style="132" customWidth="1"/>
    <col min="14348" max="14348" width="13.25" style="132" customWidth="1"/>
    <col min="14349" max="14353" width="10.125" style="132" customWidth="1"/>
    <col min="14354" max="14359" width="9.625" style="132" customWidth="1"/>
    <col min="14360" max="14360" width="10" style="132" bestFit="1" customWidth="1"/>
    <col min="14361" max="14590" width="9" style="132"/>
    <col min="14591" max="14591" width="8.125" style="132" customWidth="1"/>
    <col min="14592" max="14592" width="15.625" style="132" customWidth="1"/>
    <col min="14593" max="14593" width="13.75" style="132" customWidth="1"/>
    <col min="14594" max="14599" width="9.75" style="132" customWidth="1"/>
    <col min="14600" max="14602" width="9.625" style="132" customWidth="1"/>
    <col min="14603" max="14603" width="1.5" style="132" customWidth="1"/>
    <col min="14604" max="14604" width="13.25" style="132" customWidth="1"/>
    <col min="14605" max="14609" width="10.125" style="132" customWidth="1"/>
    <col min="14610" max="14615" width="9.625" style="132" customWidth="1"/>
    <col min="14616" max="14616" width="10" style="132" bestFit="1" customWidth="1"/>
    <col min="14617" max="14846" width="9" style="132"/>
    <col min="14847" max="14847" width="8.125" style="132" customWidth="1"/>
    <col min="14848" max="14848" width="15.625" style="132" customWidth="1"/>
    <col min="14849" max="14849" width="13.75" style="132" customWidth="1"/>
    <col min="14850" max="14855" width="9.75" style="132" customWidth="1"/>
    <col min="14856" max="14858" width="9.625" style="132" customWidth="1"/>
    <col min="14859" max="14859" width="1.5" style="132" customWidth="1"/>
    <col min="14860" max="14860" width="13.25" style="132" customWidth="1"/>
    <col min="14861" max="14865" width="10.125" style="132" customWidth="1"/>
    <col min="14866" max="14871" width="9.625" style="132" customWidth="1"/>
    <col min="14872" max="14872" width="10" style="132" bestFit="1" customWidth="1"/>
    <col min="14873" max="15102" width="9" style="132"/>
    <col min="15103" max="15103" width="8.125" style="132" customWidth="1"/>
    <col min="15104" max="15104" width="15.625" style="132" customWidth="1"/>
    <col min="15105" max="15105" width="13.75" style="132" customWidth="1"/>
    <col min="15106" max="15111" width="9.75" style="132" customWidth="1"/>
    <col min="15112" max="15114" width="9.625" style="132" customWidth="1"/>
    <col min="15115" max="15115" width="1.5" style="132" customWidth="1"/>
    <col min="15116" max="15116" width="13.25" style="132" customWidth="1"/>
    <col min="15117" max="15121" width="10.125" style="132" customWidth="1"/>
    <col min="15122" max="15127" width="9.625" style="132" customWidth="1"/>
    <col min="15128" max="15128" width="10" style="132" bestFit="1" customWidth="1"/>
    <col min="15129" max="15358" width="9" style="132"/>
    <col min="15359" max="15359" width="8.125" style="132" customWidth="1"/>
    <col min="15360" max="15360" width="15.625" style="132" customWidth="1"/>
    <col min="15361" max="15361" width="13.75" style="132" customWidth="1"/>
    <col min="15362" max="15367" width="9.75" style="132" customWidth="1"/>
    <col min="15368" max="15370" width="9.625" style="132" customWidth="1"/>
    <col min="15371" max="15371" width="1.5" style="132" customWidth="1"/>
    <col min="15372" max="15372" width="13.25" style="132" customWidth="1"/>
    <col min="15373" max="15377" width="10.125" style="132" customWidth="1"/>
    <col min="15378" max="15383" width="9.625" style="132" customWidth="1"/>
    <col min="15384" max="15384" width="10" style="132" bestFit="1" customWidth="1"/>
    <col min="15385" max="15614" width="9" style="132"/>
    <col min="15615" max="15615" width="8.125" style="132" customWidth="1"/>
    <col min="15616" max="15616" width="15.625" style="132" customWidth="1"/>
    <col min="15617" max="15617" width="13.75" style="132" customWidth="1"/>
    <col min="15618" max="15623" width="9.75" style="132" customWidth="1"/>
    <col min="15624" max="15626" width="9.625" style="132" customWidth="1"/>
    <col min="15627" max="15627" width="1.5" style="132" customWidth="1"/>
    <col min="15628" max="15628" width="13.25" style="132" customWidth="1"/>
    <col min="15629" max="15633" width="10.125" style="132" customWidth="1"/>
    <col min="15634" max="15639" width="9.625" style="132" customWidth="1"/>
    <col min="15640" max="15640" width="10" style="132" bestFit="1" customWidth="1"/>
    <col min="15641" max="15870" width="9" style="132"/>
    <col min="15871" max="15871" width="8.125" style="132" customWidth="1"/>
    <col min="15872" max="15872" width="15.625" style="132" customWidth="1"/>
    <col min="15873" max="15873" width="13.75" style="132" customWidth="1"/>
    <col min="15874" max="15879" width="9.75" style="132" customWidth="1"/>
    <col min="15880" max="15882" width="9.625" style="132" customWidth="1"/>
    <col min="15883" max="15883" width="1.5" style="132" customWidth="1"/>
    <col min="15884" max="15884" width="13.25" style="132" customWidth="1"/>
    <col min="15885" max="15889" width="10.125" style="132" customWidth="1"/>
    <col min="15890" max="15895" width="9.625" style="132" customWidth="1"/>
    <col min="15896" max="15896" width="10" style="132" bestFit="1" customWidth="1"/>
    <col min="15897" max="16126" width="9" style="132"/>
    <col min="16127" max="16127" width="8.125" style="132" customWidth="1"/>
    <col min="16128" max="16128" width="15.625" style="132" customWidth="1"/>
    <col min="16129" max="16129" width="13.75" style="132" customWidth="1"/>
    <col min="16130" max="16135" width="9.75" style="132" customWidth="1"/>
    <col min="16136" max="16138" width="9.625" style="132" customWidth="1"/>
    <col min="16139" max="16139" width="1.5" style="132" customWidth="1"/>
    <col min="16140" max="16140" width="13.25" style="132" customWidth="1"/>
    <col min="16141" max="16145" width="10.125" style="132" customWidth="1"/>
    <col min="16146" max="16151" width="9.625" style="132" customWidth="1"/>
    <col min="16152" max="16152" width="10" style="132" bestFit="1" customWidth="1"/>
    <col min="16153" max="16384" width="9" style="132"/>
  </cols>
  <sheetData>
    <row r="1" spans="1:25" ht="21" customHeight="1" thickBot="1">
      <c r="A1" s="1067" t="s">
        <v>654</v>
      </c>
      <c r="B1" s="284"/>
      <c r="C1" s="358"/>
      <c r="D1" s="358"/>
      <c r="E1" s="358"/>
      <c r="F1" s="358"/>
      <c r="R1" s="358" t="s">
        <v>654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542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5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656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2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1304459</v>
      </c>
      <c r="C8" s="884" t="s">
        <v>238</v>
      </c>
      <c r="D8" s="888">
        <v>2792</v>
      </c>
      <c r="E8" s="887">
        <v>1003</v>
      </c>
      <c r="F8" s="888">
        <v>1789</v>
      </c>
      <c r="G8" s="886">
        <v>-2199</v>
      </c>
      <c r="H8" s="887">
        <v>-1433</v>
      </c>
      <c r="I8" s="888">
        <v>-766</v>
      </c>
      <c r="J8" s="886">
        <v>9391</v>
      </c>
      <c r="K8" s="887">
        <v>4753</v>
      </c>
      <c r="L8" s="888">
        <v>4638</v>
      </c>
      <c r="M8" s="886"/>
      <c r="N8" s="888">
        <v>11590</v>
      </c>
      <c r="O8" s="887">
        <v>6186</v>
      </c>
      <c r="P8" s="889">
        <v>5404</v>
      </c>
      <c r="Q8" s="888">
        <v>4991</v>
      </c>
      <c r="R8" s="887">
        <v>2436</v>
      </c>
      <c r="S8" s="888">
        <v>2555</v>
      </c>
      <c r="T8" s="886">
        <v>53987</v>
      </c>
      <c r="U8" s="887">
        <v>28843</v>
      </c>
      <c r="V8" s="889">
        <v>25144</v>
      </c>
      <c r="W8" s="888">
        <v>48996</v>
      </c>
      <c r="X8" s="887">
        <v>26407</v>
      </c>
      <c r="Y8" s="888">
        <v>22589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50456</v>
      </c>
      <c r="C10" s="1085" t="s">
        <v>490</v>
      </c>
      <c r="D10" s="1201">
        <v>10117</v>
      </c>
      <c r="E10" s="1202">
        <v>5137</v>
      </c>
      <c r="F10" s="1201">
        <v>4980</v>
      </c>
      <c r="G10" s="1203">
        <v>9364</v>
      </c>
      <c r="H10" s="1202">
        <v>4742</v>
      </c>
      <c r="I10" s="1201">
        <v>4622</v>
      </c>
      <c r="J10" s="1203">
        <v>9391</v>
      </c>
      <c r="K10" s="1203">
        <v>4753</v>
      </c>
      <c r="L10" s="1203">
        <v>4638</v>
      </c>
      <c r="M10" s="1203"/>
      <c r="N10" s="1201">
        <v>27</v>
      </c>
      <c r="O10" s="1203">
        <v>11</v>
      </c>
      <c r="P10" s="1202">
        <v>16</v>
      </c>
      <c r="Q10" s="1201">
        <v>753</v>
      </c>
      <c r="R10" s="1202">
        <v>395</v>
      </c>
      <c r="S10" s="1201">
        <v>358</v>
      </c>
      <c r="T10" s="1203">
        <v>3581</v>
      </c>
      <c r="U10" s="1202">
        <v>1823</v>
      </c>
      <c r="V10" s="1202">
        <v>1758</v>
      </c>
      <c r="W10" s="1201">
        <v>2828</v>
      </c>
      <c r="X10" s="1202">
        <v>1428</v>
      </c>
      <c r="Y10" s="1203">
        <v>1400</v>
      </c>
    </row>
    <row r="11" spans="1:25" ht="16.5" customHeight="1">
      <c r="A11" s="178"/>
      <c r="B11" s="1084">
        <v>55581</v>
      </c>
      <c r="C11" s="1085" t="s">
        <v>491</v>
      </c>
      <c r="D11" s="1201">
        <v>312</v>
      </c>
      <c r="E11" s="1202">
        <v>191</v>
      </c>
      <c r="F11" s="1201">
        <v>121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3">
        <v>1</v>
      </c>
      <c r="P11" s="1202">
        <v>0</v>
      </c>
      <c r="Q11" s="1201">
        <v>313</v>
      </c>
      <c r="R11" s="1202">
        <v>192</v>
      </c>
      <c r="S11" s="1201">
        <v>121</v>
      </c>
      <c r="T11" s="1203">
        <v>1766</v>
      </c>
      <c r="U11" s="1202">
        <v>921</v>
      </c>
      <c r="V11" s="1202">
        <v>845</v>
      </c>
      <c r="W11" s="1201">
        <v>1453</v>
      </c>
      <c r="X11" s="1202">
        <v>729</v>
      </c>
      <c r="Y11" s="1203">
        <v>724</v>
      </c>
    </row>
    <row r="12" spans="1:25" ht="16.5" customHeight="1">
      <c r="A12" s="178"/>
      <c r="B12" s="1084">
        <v>58501</v>
      </c>
      <c r="C12" s="1085" t="s">
        <v>492</v>
      </c>
      <c r="D12" s="1201">
        <v>183</v>
      </c>
      <c r="E12" s="1202">
        <v>89</v>
      </c>
      <c r="F12" s="1201">
        <v>94</v>
      </c>
      <c r="G12" s="1203">
        <v>-5</v>
      </c>
      <c r="H12" s="1202">
        <v>-1</v>
      </c>
      <c r="I12" s="1201">
        <v>-4</v>
      </c>
      <c r="J12" s="1205" t="s">
        <v>188</v>
      </c>
      <c r="K12" s="1206" t="s">
        <v>188</v>
      </c>
      <c r="L12" s="1207" t="s">
        <v>188</v>
      </c>
      <c r="M12" s="1205"/>
      <c r="N12" s="1201">
        <v>5</v>
      </c>
      <c r="O12" s="1203">
        <v>1</v>
      </c>
      <c r="P12" s="1202">
        <v>4</v>
      </c>
      <c r="Q12" s="1201">
        <v>188</v>
      </c>
      <c r="R12" s="1202">
        <v>90</v>
      </c>
      <c r="S12" s="1201">
        <v>98</v>
      </c>
      <c r="T12" s="1203">
        <v>945</v>
      </c>
      <c r="U12" s="1202">
        <v>481</v>
      </c>
      <c r="V12" s="1202">
        <v>464</v>
      </c>
      <c r="W12" s="1201">
        <v>757</v>
      </c>
      <c r="X12" s="1202">
        <v>391</v>
      </c>
      <c r="Y12" s="1203">
        <v>366</v>
      </c>
    </row>
    <row r="13" spans="1:25" ht="16.5" customHeight="1">
      <c r="A13" s="178"/>
      <c r="B13" s="1084">
        <v>61577</v>
      </c>
      <c r="C13" s="1085" t="s">
        <v>558</v>
      </c>
      <c r="D13" s="1201">
        <v>694</v>
      </c>
      <c r="E13" s="1202">
        <v>439</v>
      </c>
      <c r="F13" s="1201">
        <v>255</v>
      </c>
      <c r="G13" s="1203">
        <v>-7</v>
      </c>
      <c r="H13" s="1202">
        <v>-6</v>
      </c>
      <c r="I13" s="1201">
        <v>-1</v>
      </c>
      <c r="J13" s="1205" t="s">
        <v>188</v>
      </c>
      <c r="K13" s="1206" t="s">
        <v>188</v>
      </c>
      <c r="L13" s="1207" t="s">
        <v>188</v>
      </c>
      <c r="M13" s="1205"/>
      <c r="N13" s="1201">
        <v>7</v>
      </c>
      <c r="O13" s="1203">
        <v>6</v>
      </c>
      <c r="P13" s="1202">
        <v>1</v>
      </c>
      <c r="Q13" s="1201">
        <v>701</v>
      </c>
      <c r="R13" s="1202">
        <v>445</v>
      </c>
      <c r="S13" s="1201">
        <v>256</v>
      </c>
      <c r="T13" s="1203">
        <v>2398</v>
      </c>
      <c r="U13" s="1202">
        <v>1365</v>
      </c>
      <c r="V13" s="1202">
        <v>1033</v>
      </c>
      <c r="W13" s="1201">
        <v>1697</v>
      </c>
      <c r="X13" s="1202">
        <v>920</v>
      </c>
      <c r="Y13" s="1203">
        <v>777</v>
      </c>
    </row>
    <row r="14" spans="1:25" ht="16.5" customHeight="1">
      <c r="A14" s="178"/>
      <c r="B14" s="1090">
        <v>70790</v>
      </c>
      <c r="C14" s="1088" t="s">
        <v>494</v>
      </c>
      <c r="D14" s="1208">
        <v>-219</v>
      </c>
      <c r="E14" s="1209">
        <v>-133</v>
      </c>
      <c r="F14" s="1208">
        <v>-86</v>
      </c>
      <c r="G14" s="1210">
        <v>-19</v>
      </c>
      <c r="H14" s="1209">
        <v>-14</v>
      </c>
      <c r="I14" s="1208">
        <v>-5</v>
      </c>
      <c r="J14" s="1211" t="s">
        <v>188</v>
      </c>
      <c r="K14" s="1212" t="s">
        <v>188</v>
      </c>
      <c r="L14" s="1213" t="s">
        <v>188</v>
      </c>
      <c r="M14" s="1211"/>
      <c r="N14" s="1208">
        <v>19</v>
      </c>
      <c r="O14" s="1210">
        <v>14</v>
      </c>
      <c r="P14" s="1209">
        <v>5</v>
      </c>
      <c r="Q14" s="1208">
        <v>-200</v>
      </c>
      <c r="R14" s="1209">
        <v>-119</v>
      </c>
      <c r="S14" s="1208">
        <v>-81</v>
      </c>
      <c r="T14" s="1210">
        <v>7507</v>
      </c>
      <c r="U14" s="1209">
        <v>4060</v>
      </c>
      <c r="V14" s="1209">
        <v>3447</v>
      </c>
      <c r="W14" s="1208">
        <v>7707</v>
      </c>
      <c r="X14" s="1209">
        <v>4179</v>
      </c>
      <c r="Y14" s="1210">
        <v>3528</v>
      </c>
    </row>
    <row r="15" spans="1:25" ht="16.5" customHeight="1">
      <c r="A15" s="178"/>
      <c r="B15" s="1084">
        <v>60593</v>
      </c>
      <c r="C15" s="1085" t="s">
        <v>495</v>
      </c>
      <c r="D15" s="1201">
        <v>-142</v>
      </c>
      <c r="E15" s="1202">
        <v>-97</v>
      </c>
      <c r="F15" s="1201">
        <v>-45</v>
      </c>
      <c r="G15" s="1203">
        <v>-14</v>
      </c>
      <c r="H15" s="1202">
        <v>-9</v>
      </c>
      <c r="I15" s="1201">
        <v>-5</v>
      </c>
      <c r="J15" s="1205" t="s">
        <v>188</v>
      </c>
      <c r="K15" s="1206" t="s">
        <v>188</v>
      </c>
      <c r="L15" s="1207" t="s">
        <v>188</v>
      </c>
      <c r="M15" s="1205"/>
      <c r="N15" s="1201">
        <v>14</v>
      </c>
      <c r="O15" s="1203">
        <v>9</v>
      </c>
      <c r="P15" s="1202">
        <v>5</v>
      </c>
      <c r="Q15" s="1201">
        <v>-128</v>
      </c>
      <c r="R15" s="1202">
        <v>-88</v>
      </c>
      <c r="S15" s="1201">
        <v>-40</v>
      </c>
      <c r="T15" s="1203">
        <v>9384</v>
      </c>
      <c r="U15" s="1202">
        <v>5031</v>
      </c>
      <c r="V15" s="1202">
        <v>4353</v>
      </c>
      <c r="W15" s="1201">
        <v>9512</v>
      </c>
      <c r="X15" s="1202">
        <v>5119</v>
      </c>
      <c r="Y15" s="1203">
        <v>4393</v>
      </c>
    </row>
    <row r="16" spans="1:25" ht="16.5" customHeight="1">
      <c r="A16" s="178"/>
      <c r="B16" s="1084">
        <v>68905</v>
      </c>
      <c r="C16" s="1085" t="s">
        <v>496</v>
      </c>
      <c r="D16" s="1201">
        <v>491</v>
      </c>
      <c r="E16" s="1202">
        <v>165</v>
      </c>
      <c r="F16" s="1201">
        <v>326</v>
      </c>
      <c r="G16" s="1203">
        <v>-25</v>
      </c>
      <c r="H16" s="1202">
        <v>-10</v>
      </c>
      <c r="I16" s="1201">
        <v>-15</v>
      </c>
      <c r="J16" s="1205" t="s">
        <v>188</v>
      </c>
      <c r="K16" s="1206" t="s">
        <v>188</v>
      </c>
      <c r="L16" s="1207" t="s">
        <v>188</v>
      </c>
      <c r="M16" s="1205"/>
      <c r="N16" s="1201">
        <v>25</v>
      </c>
      <c r="O16" s="1203">
        <v>10</v>
      </c>
      <c r="P16" s="1202">
        <v>15</v>
      </c>
      <c r="Q16" s="1201">
        <v>516</v>
      </c>
      <c r="R16" s="1202">
        <v>175</v>
      </c>
      <c r="S16" s="1201">
        <v>341</v>
      </c>
      <c r="T16" s="1203">
        <v>7732</v>
      </c>
      <c r="U16" s="1202">
        <v>4109</v>
      </c>
      <c r="V16" s="1202">
        <v>3623</v>
      </c>
      <c r="W16" s="1201">
        <v>7216</v>
      </c>
      <c r="X16" s="1202">
        <v>3934</v>
      </c>
      <c r="Y16" s="1203">
        <v>3282</v>
      </c>
    </row>
    <row r="17" spans="1:25" ht="16.5" customHeight="1">
      <c r="A17" s="808" t="s">
        <v>559</v>
      </c>
      <c r="B17" s="1084">
        <v>82947</v>
      </c>
      <c r="C17" s="1085" t="s">
        <v>497</v>
      </c>
      <c r="D17" s="1201">
        <v>742</v>
      </c>
      <c r="E17" s="1202">
        <v>397</v>
      </c>
      <c r="F17" s="1201">
        <v>345</v>
      </c>
      <c r="G17" s="1203">
        <v>-40</v>
      </c>
      <c r="H17" s="1202">
        <v>-24</v>
      </c>
      <c r="I17" s="1201">
        <v>-16</v>
      </c>
      <c r="J17" s="1205" t="s">
        <v>188</v>
      </c>
      <c r="K17" s="1206" t="s">
        <v>188</v>
      </c>
      <c r="L17" s="1207" t="s">
        <v>188</v>
      </c>
      <c r="M17" s="1205"/>
      <c r="N17" s="1201">
        <v>40</v>
      </c>
      <c r="O17" s="1203">
        <v>24</v>
      </c>
      <c r="P17" s="1202">
        <v>16</v>
      </c>
      <c r="Q17" s="1201">
        <v>782</v>
      </c>
      <c r="R17" s="1202">
        <v>421</v>
      </c>
      <c r="S17" s="1201">
        <v>361</v>
      </c>
      <c r="T17" s="1203">
        <v>5441</v>
      </c>
      <c r="U17" s="1202">
        <v>3013</v>
      </c>
      <c r="V17" s="1202">
        <v>2428</v>
      </c>
      <c r="W17" s="1201">
        <v>4659</v>
      </c>
      <c r="X17" s="1202">
        <v>2592</v>
      </c>
      <c r="Y17" s="1203">
        <v>2067</v>
      </c>
    </row>
    <row r="18" spans="1:25" ht="16.5" customHeight="1">
      <c r="A18" s="809"/>
      <c r="B18" s="1084">
        <v>102194</v>
      </c>
      <c r="C18" s="1085" t="s">
        <v>498</v>
      </c>
      <c r="D18" s="1201">
        <v>460</v>
      </c>
      <c r="E18" s="1202">
        <v>167</v>
      </c>
      <c r="F18" s="1201">
        <v>293</v>
      </c>
      <c r="G18" s="1203">
        <v>-86</v>
      </c>
      <c r="H18" s="1202">
        <v>-58</v>
      </c>
      <c r="I18" s="1201">
        <v>-28</v>
      </c>
      <c r="J18" s="1205" t="s">
        <v>188</v>
      </c>
      <c r="K18" s="1206" t="s">
        <v>188</v>
      </c>
      <c r="L18" s="1207" t="s">
        <v>188</v>
      </c>
      <c r="M18" s="1205"/>
      <c r="N18" s="1201">
        <v>86</v>
      </c>
      <c r="O18" s="1203">
        <v>58</v>
      </c>
      <c r="P18" s="1202">
        <v>28</v>
      </c>
      <c r="Q18" s="1201">
        <v>546</v>
      </c>
      <c r="R18" s="1202">
        <v>225</v>
      </c>
      <c r="S18" s="1201">
        <v>321</v>
      </c>
      <c r="T18" s="1203">
        <v>3901</v>
      </c>
      <c r="U18" s="1202">
        <v>2167</v>
      </c>
      <c r="V18" s="1202">
        <v>1734</v>
      </c>
      <c r="W18" s="1201">
        <v>3355</v>
      </c>
      <c r="X18" s="1202">
        <v>1942</v>
      </c>
      <c r="Y18" s="1203">
        <v>1413</v>
      </c>
    </row>
    <row r="19" spans="1:25" ht="16.5" customHeight="1">
      <c r="A19" s="809"/>
      <c r="B19" s="1090">
        <v>107179</v>
      </c>
      <c r="C19" s="1088" t="s">
        <v>499</v>
      </c>
      <c r="D19" s="1208">
        <v>64</v>
      </c>
      <c r="E19" s="1209">
        <v>31</v>
      </c>
      <c r="F19" s="1208">
        <v>33</v>
      </c>
      <c r="G19" s="1210">
        <v>-156</v>
      </c>
      <c r="H19" s="1209">
        <v>-104</v>
      </c>
      <c r="I19" s="1208">
        <v>-52</v>
      </c>
      <c r="J19" s="1211" t="s">
        <v>188</v>
      </c>
      <c r="K19" s="1212" t="s">
        <v>188</v>
      </c>
      <c r="L19" s="1213" t="s">
        <v>188</v>
      </c>
      <c r="M19" s="1211"/>
      <c r="N19" s="1208">
        <v>156</v>
      </c>
      <c r="O19" s="1210">
        <v>104</v>
      </c>
      <c r="P19" s="1209">
        <v>52</v>
      </c>
      <c r="Q19" s="1208">
        <v>220</v>
      </c>
      <c r="R19" s="1209">
        <v>135</v>
      </c>
      <c r="S19" s="1208">
        <v>85</v>
      </c>
      <c r="T19" s="1210">
        <v>2872</v>
      </c>
      <c r="U19" s="1209">
        <v>1647</v>
      </c>
      <c r="V19" s="1209">
        <v>1225</v>
      </c>
      <c r="W19" s="1208">
        <v>2652</v>
      </c>
      <c r="X19" s="1209">
        <v>1512</v>
      </c>
      <c r="Y19" s="1210">
        <v>1140</v>
      </c>
    </row>
    <row r="20" spans="1:25" ht="16.5" customHeight="1">
      <c r="A20" s="809"/>
      <c r="B20" s="1084">
        <v>90457</v>
      </c>
      <c r="C20" s="1085" t="s">
        <v>501</v>
      </c>
      <c r="D20" s="1201">
        <v>-46</v>
      </c>
      <c r="E20" s="1202">
        <v>-77</v>
      </c>
      <c r="F20" s="1201">
        <v>31</v>
      </c>
      <c r="G20" s="1203">
        <v>-183</v>
      </c>
      <c r="H20" s="1202">
        <v>-122</v>
      </c>
      <c r="I20" s="1201">
        <v>-61</v>
      </c>
      <c r="J20" s="1205" t="s">
        <v>188</v>
      </c>
      <c r="K20" s="1206" t="s">
        <v>188</v>
      </c>
      <c r="L20" s="1207" t="s">
        <v>188</v>
      </c>
      <c r="M20" s="1205"/>
      <c r="N20" s="1201">
        <v>183</v>
      </c>
      <c r="O20" s="1203">
        <v>122</v>
      </c>
      <c r="P20" s="1202">
        <v>61</v>
      </c>
      <c r="Q20" s="1201">
        <v>137</v>
      </c>
      <c r="R20" s="1202">
        <v>45</v>
      </c>
      <c r="S20" s="1201">
        <v>92</v>
      </c>
      <c r="T20" s="1203">
        <v>1922</v>
      </c>
      <c r="U20" s="1202">
        <v>1088</v>
      </c>
      <c r="V20" s="1202">
        <v>834</v>
      </c>
      <c r="W20" s="1201">
        <v>1785</v>
      </c>
      <c r="X20" s="1202">
        <v>1043</v>
      </c>
      <c r="Y20" s="1203">
        <v>742</v>
      </c>
    </row>
    <row r="21" spans="1:25" ht="16.5" customHeight="1">
      <c r="A21" s="809"/>
      <c r="B21" s="1084">
        <v>75324</v>
      </c>
      <c r="C21" s="1085" t="s">
        <v>502</v>
      </c>
      <c r="D21" s="1201">
        <v>-96</v>
      </c>
      <c r="E21" s="1202">
        <v>-65</v>
      </c>
      <c r="F21" s="1201">
        <v>-31</v>
      </c>
      <c r="G21" s="1203">
        <v>-263</v>
      </c>
      <c r="H21" s="1202">
        <v>-168</v>
      </c>
      <c r="I21" s="1201">
        <v>-95</v>
      </c>
      <c r="J21" s="1205" t="s">
        <v>188</v>
      </c>
      <c r="K21" s="1206" t="s">
        <v>188</v>
      </c>
      <c r="L21" s="1207" t="s">
        <v>188</v>
      </c>
      <c r="M21" s="1205"/>
      <c r="N21" s="1201">
        <v>263</v>
      </c>
      <c r="O21" s="1203">
        <v>168</v>
      </c>
      <c r="P21" s="1202">
        <v>95</v>
      </c>
      <c r="Q21" s="1201">
        <v>167</v>
      </c>
      <c r="R21" s="1202">
        <v>103</v>
      </c>
      <c r="S21" s="1201">
        <v>64</v>
      </c>
      <c r="T21" s="1203">
        <v>1427</v>
      </c>
      <c r="U21" s="1202">
        <v>830</v>
      </c>
      <c r="V21" s="1202">
        <v>597</v>
      </c>
      <c r="W21" s="1201">
        <v>1260</v>
      </c>
      <c r="X21" s="1202">
        <v>727</v>
      </c>
      <c r="Y21" s="1203">
        <v>533</v>
      </c>
    </row>
    <row r="22" spans="1:25" ht="16.5" customHeight="1">
      <c r="A22" s="808" t="s">
        <v>560</v>
      </c>
      <c r="B22" s="1084">
        <v>71816</v>
      </c>
      <c r="C22" s="1085" t="s">
        <v>503</v>
      </c>
      <c r="D22" s="1201">
        <v>-208</v>
      </c>
      <c r="E22" s="1202">
        <v>-129</v>
      </c>
      <c r="F22" s="1201">
        <v>-79</v>
      </c>
      <c r="G22" s="1203">
        <v>-362</v>
      </c>
      <c r="H22" s="1202">
        <v>-241</v>
      </c>
      <c r="I22" s="1201">
        <v>-121</v>
      </c>
      <c r="J22" s="1205" t="s">
        <v>188</v>
      </c>
      <c r="K22" s="1206" t="s">
        <v>188</v>
      </c>
      <c r="L22" s="1207" t="s">
        <v>188</v>
      </c>
      <c r="M22" s="1205"/>
      <c r="N22" s="1201">
        <v>362</v>
      </c>
      <c r="O22" s="1203">
        <v>241</v>
      </c>
      <c r="P22" s="1202">
        <v>121</v>
      </c>
      <c r="Q22" s="1201">
        <v>154</v>
      </c>
      <c r="R22" s="1202">
        <v>112</v>
      </c>
      <c r="S22" s="1201">
        <v>42</v>
      </c>
      <c r="T22" s="1203">
        <v>1117</v>
      </c>
      <c r="U22" s="1202">
        <v>672</v>
      </c>
      <c r="V22" s="1202">
        <v>445</v>
      </c>
      <c r="W22" s="1201">
        <v>963</v>
      </c>
      <c r="X22" s="1202">
        <v>560</v>
      </c>
      <c r="Y22" s="1203">
        <v>403</v>
      </c>
    </row>
    <row r="23" spans="1:25" ht="16.5" customHeight="1">
      <c r="A23" s="178"/>
      <c r="B23" s="1084">
        <v>96421</v>
      </c>
      <c r="C23" s="1085" t="s">
        <v>504</v>
      </c>
      <c r="D23" s="1201">
        <v>-656</v>
      </c>
      <c r="E23" s="1202">
        <v>-519</v>
      </c>
      <c r="F23" s="1201">
        <v>-137</v>
      </c>
      <c r="G23" s="1203">
        <v>-818</v>
      </c>
      <c r="H23" s="1202">
        <v>-566</v>
      </c>
      <c r="I23" s="1201">
        <v>-252</v>
      </c>
      <c r="J23" s="1205" t="s">
        <v>188</v>
      </c>
      <c r="K23" s="1206" t="s">
        <v>188</v>
      </c>
      <c r="L23" s="1207" t="s">
        <v>188</v>
      </c>
      <c r="M23" s="1205"/>
      <c r="N23" s="1201">
        <v>818</v>
      </c>
      <c r="O23" s="1203">
        <v>566</v>
      </c>
      <c r="P23" s="1202">
        <v>252</v>
      </c>
      <c r="Q23" s="1201">
        <v>162</v>
      </c>
      <c r="R23" s="1202">
        <v>47</v>
      </c>
      <c r="S23" s="1201">
        <v>115</v>
      </c>
      <c r="T23" s="1203">
        <v>1093</v>
      </c>
      <c r="U23" s="1202">
        <v>561</v>
      </c>
      <c r="V23" s="1202">
        <v>532</v>
      </c>
      <c r="W23" s="1201">
        <v>931</v>
      </c>
      <c r="X23" s="1202">
        <v>514</v>
      </c>
      <c r="Y23" s="1203">
        <v>417</v>
      </c>
    </row>
    <row r="24" spans="1:25" ht="16.5" customHeight="1">
      <c r="A24" s="178"/>
      <c r="B24" s="1090">
        <v>82366</v>
      </c>
      <c r="C24" s="1088" t="s">
        <v>505</v>
      </c>
      <c r="D24" s="1208">
        <v>-942</v>
      </c>
      <c r="E24" s="1209">
        <v>-659</v>
      </c>
      <c r="F24" s="1208">
        <v>-283</v>
      </c>
      <c r="G24" s="1210">
        <v>-1029</v>
      </c>
      <c r="H24" s="1209">
        <v>-692</v>
      </c>
      <c r="I24" s="1208">
        <v>-337</v>
      </c>
      <c r="J24" s="1211" t="s">
        <v>188</v>
      </c>
      <c r="K24" s="1212" t="s">
        <v>188</v>
      </c>
      <c r="L24" s="1213" t="s">
        <v>188</v>
      </c>
      <c r="M24" s="1211"/>
      <c r="N24" s="1208">
        <v>1029</v>
      </c>
      <c r="O24" s="1210">
        <v>692</v>
      </c>
      <c r="P24" s="1209">
        <v>337</v>
      </c>
      <c r="Q24" s="1208">
        <v>87</v>
      </c>
      <c r="R24" s="1209">
        <v>33</v>
      </c>
      <c r="S24" s="1208">
        <v>54</v>
      </c>
      <c r="T24" s="1210">
        <v>745</v>
      </c>
      <c r="U24" s="1209">
        <v>325</v>
      </c>
      <c r="V24" s="1209">
        <v>420</v>
      </c>
      <c r="W24" s="1208">
        <v>658</v>
      </c>
      <c r="X24" s="1209">
        <v>292</v>
      </c>
      <c r="Y24" s="1210">
        <v>366</v>
      </c>
    </row>
    <row r="25" spans="1:25" ht="16.5" customHeight="1">
      <c r="A25" s="178"/>
      <c r="B25" s="1084">
        <v>68953</v>
      </c>
      <c r="C25" s="1085" t="s">
        <v>506</v>
      </c>
      <c r="D25" s="1201">
        <v>-1365</v>
      </c>
      <c r="E25" s="1202">
        <v>-933</v>
      </c>
      <c r="F25" s="1201">
        <v>-432</v>
      </c>
      <c r="G25" s="1203">
        <v>-1485</v>
      </c>
      <c r="H25" s="1202">
        <v>-989</v>
      </c>
      <c r="I25" s="1201">
        <v>-496</v>
      </c>
      <c r="J25" s="1205" t="s">
        <v>188</v>
      </c>
      <c r="K25" s="1206" t="s">
        <v>188</v>
      </c>
      <c r="L25" s="1207" t="s">
        <v>188</v>
      </c>
      <c r="M25" s="1205"/>
      <c r="N25" s="1201">
        <v>1485</v>
      </c>
      <c r="O25" s="1203">
        <v>989</v>
      </c>
      <c r="P25" s="1202">
        <v>496</v>
      </c>
      <c r="Q25" s="1201">
        <v>120</v>
      </c>
      <c r="R25" s="1202">
        <v>56</v>
      </c>
      <c r="S25" s="1201">
        <v>64</v>
      </c>
      <c r="T25" s="1203">
        <v>627</v>
      </c>
      <c r="U25" s="1202">
        <v>267</v>
      </c>
      <c r="V25" s="1202">
        <v>360</v>
      </c>
      <c r="W25" s="1201">
        <v>507</v>
      </c>
      <c r="X25" s="1202">
        <v>211</v>
      </c>
      <c r="Y25" s="1203">
        <v>296</v>
      </c>
    </row>
    <row r="26" spans="1:25" ht="16.5" customHeight="1">
      <c r="A26" s="178"/>
      <c r="B26" s="1084">
        <v>49118</v>
      </c>
      <c r="C26" s="1085" t="s">
        <v>561</v>
      </c>
      <c r="D26" s="1201">
        <v>-1766</v>
      </c>
      <c r="E26" s="1202">
        <v>-1048</v>
      </c>
      <c r="F26" s="1201">
        <v>-718</v>
      </c>
      <c r="G26" s="1203">
        <v>-1927</v>
      </c>
      <c r="H26" s="1202">
        <v>-1118</v>
      </c>
      <c r="I26" s="1201">
        <v>-809</v>
      </c>
      <c r="J26" s="1205" t="s">
        <v>188</v>
      </c>
      <c r="K26" s="1206" t="s">
        <v>188</v>
      </c>
      <c r="L26" s="1207" t="s">
        <v>188</v>
      </c>
      <c r="M26" s="1205"/>
      <c r="N26" s="1201">
        <v>1927</v>
      </c>
      <c r="O26" s="1203">
        <v>1118</v>
      </c>
      <c r="P26" s="1202">
        <v>809</v>
      </c>
      <c r="Q26" s="1201">
        <v>161</v>
      </c>
      <c r="R26" s="1202">
        <v>70</v>
      </c>
      <c r="S26" s="1201">
        <v>91</v>
      </c>
      <c r="T26" s="1203">
        <v>637</v>
      </c>
      <c r="U26" s="1202">
        <v>231</v>
      </c>
      <c r="V26" s="1202">
        <v>406</v>
      </c>
      <c r="W26" s="1201">
        <v>476</v>
      </c>
      <c r="X26" s="1202">
        <v>161</v>
      </c>
      <c r="Y26" s="1203">
        <v>315</v>
      </c>
    </row>
    <row r="27" spans="1:25" ht="16.5" customHeight="1">
      <c r="A27" s="178"/>
      <c r="B27" s="1084">
        <v>28385</v>
      </c>
      <c r="C27" s="1085" t="s">
        <v>508</v>
      </c>
      <c r="D27" s="1201">
        <v>-2053</v>
      </c>
      <c r="E27" s="1202">
        <v>-1058</v>
      </c>
      <c r="F27" s="1201">
        <v>-995</v>
      </c>
      <c r="G27" s="1203">
        <v>-2221</v>
      </c>
      <c r="H27" s="1202">
        <v>-1106</v>
      </c>
      <c r="I27" s="1201">
        <v>-1115</v>
      </c>
      <c r="J27" s="1205" t="s">
        <v>188</v>
      </c>
      <c r="K27" s="1206" t="s">
        <v>188</v>
      </c>
      <c r="L27" s="1207" t="s">
        <v>188</v>
      </c>
      <c r="M27" s="1205"/>
      <c r="N27" s="1201">
        <v>2221</v>
      </c>
      <c r="O27" s="1203">
        <v>1106</v>
      </c>
      <c r="P27" s="1202">
        <v>1115</v>
      </c>
      <c r="Q27" s="1201">
        <v>168</v>
      </c>
      <c r="R27" s="1202">
        <v>48</v>
      </c>
      <c r="S27" s="1201">
        <v>120</v>
      </c>
      <c r="T27" s="1203">
        <v>512</v>
      </c>
      <c r="U27" s="1202">
        <v>146</v>
      </c>
      <c r="V27" s="1202">
        <v>366</v>
      </c>
      <c r="W27" s="1201">
        <v>344</v>
      </c>
      <c r="X27" s="1202">
        <v>98</v>
      </c>
      <c r="Y27" s="1203">
        <v>246</v>
      </c>
    </row>
    <row r="28" spans="1:25" ht="16.5" customHeight="1">
      <c r="A28" s="178"/>
      <c r="B28" s="1084">
        <v>13091</v>
      </c>
      <c r="C28" s="1085" t="s">
        <v>509</v>
      </c>
      <c r="D28" s="1201">
        <v>-1656</v>
      </c>
      <c r="E28" s="1202">
        <v>-652</v>
      </c>
      <c r="F28" s="1201">
        <v>-1004</v>
      </c>
      <c r="G28" s="1203">
        <v>-1774</v>
      </c>
      <c r="H28" s="1202">
        <v>-687</v>
      </c>
      <c r="I28" s="1201">
        <v>-1087</v>
      </c>
      <c r="J28" s="1205" t="s">
        <v>188</v>
      </c>
      <c r="K28" s="1206" t="s">
        <v>188</v>
      </c>
      <c r="L28" s="1207" t="s">
        <v>188</v>
      </c>
      <c r="M28" s="1205"/>
      <c r="N28" s="1201">
        <v>1774</v>
      </c>
      <c r="O28" s="1203">
        <v>687</v>
      </c>
      <c r="P28" s="1202">
        <v>1087</v>
      </c>
      <c r="Q28" s="1201">
        <v>118</v>
      </c>
      <c r="R28" s="1202">
        <v>35</v>
      </c>
      <c r="S28" s="1201">
        <v>83</v>
      </c>
      <c r="T28" s="1203">
        <v>311</v>
      </c>
      <c r="U28" s="1202">
        <v>83</v>
      </c>
      <c r="V28" s="1202">
        <v>228</v>
      </c>
      <c r="W28" s="1201">
        <v>193</v>
      </c>
      <c r="X28" s="1202">
        <v>48</v>
      </c>
      <c r="Y28" s="1203">
        <v>145</v>
      </c>
    </row>
    <row r="29" spans="1:25" ht="16.5" customHeight="1">
      <c r="A29" s="178"/>
      <c r="B29" s="1090">
        <v>3457</v>
      </c>
      <c r="C29" s="1088" t="s">
        <v>510</v>
      </c>
      <c r="D29" s="1208">
        <v>-884</v>
      </c>
      <c r="E29" s="1209">
        <v>-207</v>
      </c>
      <c r="F29" s="1208">
        <v>-677</v>
      </c>
      <c r="G29" s="1210">
        <v>-904</v>
      </c>
      <c r="H29" s="1209">
        <v>-222</v>
      </c>
      <c r="I29" s="1208">
        <v>-682</v>
      </c>
      <c r="J29" s="1211" t="s">
        <v>188</v>
      </c>
      <c r="K29" s="1212" t="s">
        <v>188</v>
      </c>
      <c r="L29" s="1213" t="s">
        <v>188</v>
      </c>
      <c r="M29" s="1211"/>
      <c r="N29" s="1208">
        <v>904</v>
      </c>
      <c r="O29" s="1210">
        <v>222</v>
      </c>
      <c r="P29" s="1209">
        <v>682</v>
      </c>
      <c r="Q29" s="1208">
        <v>20</v>
      </c>
      <c r="R29" s="1209">
        <v>15</v>
      </c>
      <c r="S29" s="1208">
        <v>5</v>
      </c>
      <c r="T29" s="1210">
        <v>60</v>
      </c>
      <c r="U29" s="1209">
        <v>21</v>
      </c>
      <c r="V29" s="1209">
        <v>39</v>
      </c>
      <c r="W29" s="1208">
        <v>40</v>
      </c>
      <c r="X29" s="1209">
        <v>6</v>
      </c>
      <c r="Y29" s="1210">
        <v>34</v>
      </c>
    </row>
    <row r="30" spans="1:25" ht="16.5" customHeight="1">
      <c r="A30" s="178"/>
      <c r="B30" s="1094">
        <v>678</v>
      </c>
      <c r="C30" s="1088" t="s">
        <v>562</v>
      </c>
      <c r="D30" s="1214">
        <v>-238</v>
      </c>
      <c r="E30" s="1209">
        <v>-36</v>
      </c>
      <c r="F30" s="1210">
        <v>-202</v>
      </c>
      <c r="G30" s="1210">
        <v>-244</v>
      </c>
      <c r="H30" s="1209">
        <v>-37</v>
      </c>
      <c r="I30" s="1208">
        <v>-207</v>
      </c>
      <c r="J30" s="1211" t="s">
        <v>188</v>
      </c>
      <c r="K30" s="1212" t="s">
        <v>188</v>
      </c>
      <c r="L30" s="1211" t="s">
        <v>188</v>
      </c>
      <c r="M30" s="1211"/>
      <c r="N30" s="1208">
        <v>244</v>
      </c>
      <c r="O30" s="1210">
        <v>37</v>
      </c>
      <c r="P30" s="1209">
        <v>207</v>
      </c>
      <c r="Q30" s="1208">
        <v>6</v>
      </c>
      <c r="R30" s="1209">
        <v>1</v>
      </c>
      <c r="S30" s="1210">
        <v>5</v>
      </c>
      <c r="T30" s="1210">
        <v>9</v>
      </c>
      <c r="U30" s="1209">
        <v>2</v>
      </c>
      <c r="V30" s="1209">
        <v>7</v>
      </c>
      <c r="W30" s="1208">
        <v>3</v>
      </c>
      <c r="X30" s="1209">
        <v>1</v>
      </c>
      <c r="Y30" s="1210">
        <v>2</v>
      </c>
    </row>
    <row r="31" spans="1:25" ht="16.5" customHeight="1">
      <c r="A31" s="178"/>
      <c r="B31" s="1097">
        <v>5670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164538</v>
      </c>
      <c r="C32" s="1085" t="s">
        <v>563</v>
      </c>
      <c r="D32" s="1201">
        <v>10612</v>
      </c>
      <c r="E32" s="1202">
        <v>5417</v>
      </c>
      <c r="F32" s="1201">
        <v>5195</v>
      </c>
      <c r="G32" s="1203">
        <v>9358</v>
      </c>
      <c r="H32" s="1202">
        <v>4740</v>
      </c>
      <c r="I32" s="1201">
        <v>4618</v>
      </c>
      <c r="J32" s="1203">
        <v>9391</v>
      </c>
      <c r="K32" s="1202">
        <v>4753</v>
      </c>
      <c r="L32" s="1201">
        <v>4638</v>
      </c>
      <c r="M32" s="1203"/>
      <c r="N32" s="1201">
        <v>33</v>
      </c>
      <c r="O32" s="1202">
        <v>13</v>
      </c>
      <c r="P32" s="1204">
        <v>20</v>
      </c>
      <c r="Q32" s="1201">
        <v>1254</v>
      </c>
      <c r="R32" s="1202">
        <v>677</v>
      </c>
      <c r="S32" s="1201">
        <v>577</v>
      </c>
      <c r="T32" s="1203">
        <v>6292</v>
      </c>
      <c r="U32" s="1202">
        <v>3225</v>
      </c>
      <c r="V32" s="1204">
        <v>3067</v>
      </c>
      <c r="W32" s="1201">
        <v>5038</v>
      </c>
      <c r="X32" s="1202">
        <v>2548</v>
      </c>
      <c r="Y32" s="1201">
        <v>2490</v>
      </c>
    </row>
    <row r="33" spans="1:25" ht="16.5" customHeight="1">
      <c r="A33" s="178"/>
      <c r="B33" s="1084">
        <v>791782</v>
      </c>
      <c r="C33" s="1085" t="s">
        <v>564</v>
      </c>
      <c r="D33" s="1201">
        <v>1740</v>
      </c>
      <c r="E33" s="1202">
        <v>698</v>
      </c>
      <c r="F33" s="1201">
        <v>1042</v>
      </c>
      <c r="G33" s="1203">
        <v>-1155</v>
      </c>
      <c r="H33" s="1202">
        <v>-756</v>
      </c>
      <c r="I33" s="1201">
        <v>-399</v>
      </c>
      <c r="J33" s="1205" t="s">
        <v>188</v>
      </c>
      <c r="K33" s="1206" t="s">
        <v>188</v>
      </c>
      <c r="L33" s="1207" t="s">
        <v>188</v>
      </c>
      <c r="M33" s="1205"/>
      <c r="N33" s="1201">
        <v>1155</v>
      </c>
      <c r="O33" s="1202">
        <v>756</v>
      </c>
      <c r="P33" s="1204">
        <v>399</v>
      </c>
      <c r="Q33" s="1201">
        <v>2895</v>
      </c>
      <c r="R33" s="1202">
        <v>1454</v>
      </c>
      <c r="S33" s="1201">
        <v>1441</v>
      </c>
      <c r="T33" s="1203">
        <v>43701</v>
      </c>
      <c r="U33" s="1202">
        <v>23982</v>
      </c>
      <c r="V33" s="1204">
        <v>19719</v>
      </c>
      <c r="W33" s="1201">
        <v>40806</v>
      </c>
      <c r="X33" s="1202">
        <v>22528</v>
      </c>
      <c r="Y33" s="1201">
        <v>18278</v>
      </c>
    </row>
    <row r="34" spans="1:25" ht="16.5" customHeight="1" thickBot="1">
      <c r="A34" s="178"/>
      <c r="B34" s="1084">
        <v>342469</v>
      </c>
      <c r="C34" s="1085" t="s">
        <v>565</v>
      </c>
      <c r="D34" s="1201">
        <v>-9560</v>
      </c>
      <c r="E34" s="1202">
        <v>-5112</v>
      </c>
      <c r="F34" s="1201">
        <v>-4448</v>
      </c>
      <c r="G34" s="1203">
        <v>-10402</v>
      </c>
      <c r="H34" s="1202">
        <v>-5417</v>
      </c>
      <c r="I34" s="1201">
        <v>-4985</v>
      </c>
      <c r="J34" s="1205" t="s">
        <v>188</v>
      </c>
      <c r="K34" s="1206" t="s">
        <v>188</v>
      </c>
      <c r="L34" s="1207" t="s">
        <v>188</v>
      </c>
      <c r="M34" s="1205"/>
      <c r="N34" s="1201">
        <v>10402</v>
      </c>
      <c r="O34" s="1202">
        <v>5417</v>
      </c>
      <c r="P34" s="1204">
        <v>4985</v>
      </c>
      <c r="Q34" s="1201">
        <v>842</v>
      </c>
      <c r="R34" s="1202">
        <v>305</v>
      </c>
      <c r="S34" s="1201">
        <v>537</v>
      </c>
      <c r="T34" s="1203">
        <v>3994</v>
      </c>
      <c r="U34" s="1202">
        <v>1636</v>
      </c>
      <c r="V34" s="1204">
        <v>2358</v>
      </c>
      <c r="W34" s="1201">
        <v>3152</v>
      </c>
      <c r="X34" s="1202">
        <v>1331</v>
      </c>
      <c r="Y34" s="1201">
        <v>182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9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6.6</v>
      </c>
      <c r="U38" s="1181">
        <v>6.3</v>
      </c>
      <c r="V38" s="1183">
        <v>7</v>
      </c>
      <c r="W38" s="1182">
        <v>5.8</v>
      </c>
      <c r="X38" s="1181">
        <v>5.4</v>
      </c>
      <c r="Y38" s="1182">
        <v>6.2</v>
      </c>
    </row>
    <row r="39" spans="1:25" ht="16.5" customHeight="1">
      <c r="A39" s="178"/>
      <c r="B39" s="847">
        <v>4.3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3</v>
      </c>
      <c r="U39" s="1181">
        <v>3.2</v>
      </c>
      <c r="V39" s="1183">
        <v>3.4</v>
      </c>
      <c r="W39" s="1182">
        <v>3</v>
      </c>
      <c r="X39" s="1181">
        <v>2.8</v>
      </c>
      <c r="Y39" s="1182">
        <v>3.2</v>
      </c>
    </row>
    <row r="40" spans="1:25" ht="16.5" customHeight="1">
      <c r="A40" s="178"/>
      <c r="B40" s="847">
        <v>4.5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.1</v>
      </c>
      <c r="Q40" s="1177" t="s">
        <v>188</v>
      </c>
      <c r="R40" s="1178" t="s">
        <v>188</v>
      </c>
      <c r="S40" s="1179" t="s">
        <v>188</v>
      </c>
      <c r="T40" s="1180">
        <v>1.8</v>
      </c>
      <c r="U40" s="1181">
        <v>1.7</v>
      </c>
      <c r="V40" s="1183">
        <v>1.8</v>
      </c>
      <c r="W40" s="1182">
        <v>1.5</v>
      </c>
      <c r="X40" s="1181">
        <v>1.5</v>
      </c>
      <c r="Y40" s="1182">
        <v>1.6</v>
      </c>
    </row>
    <row r="41" spans="1:25" ht="16.5" customHeight="1">
      <c r="A41" s="178"/>
      <c r="B41" s="847">
        <v>4.7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.1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.4000000000000004</v>
      </c>
      <c r="U41" s="1181">
        <v>4.7</v>
      </c>
      <c r="V41" s="1183">
        <v>4.0999999999999996</v>
      </c>
      <c r="W41" s="1182">
        <v>3.5</v>
      </c>
      <c r="X41" s="1181">
        <v>3.5</v>
      </c>
      <c r="Y41" s="1182">
        <v>3.4</v>
      </c>
    </row>
    <row r="42" spans="1:25" ht="16.5" customHeight="1">
      <c r="A42" s="178"/>
      <c r="B42" s="847">
        <v>5.5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2</v>
      </c>
      <c r="O42" s="1185">
        <v>0.2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3.9</v>
      </c>
      <c r="U42" s="1185">
        <v>14.1</v>
      </c>
      <c r="V42" s="1186">
        <v>13.7</v>
      </c>
      <c r="W42" s="1184">
        <v>15.7</v>
      </c>
      <c r="X42" s="1185">
        <v>15.8</v>
      </c>
      <c r="Y42" s="1184">
        <v>15.6</v>
      </c>
    </row>
    <row r="43" spans="1:25" ht="16.5" customHeight="1">
      <c r="A43" s="178"/>
      <c r="B43" s="858">
        <v>4.7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1</v>
      </c>
      <c r="O43" s="1181">
        <v>0.1</v>
      </c>
      <c r="P43" s="1183">
        <v>0.1</v>
      </c>
      <c r="Q43" s="1177" t="s">
        <v>188</v>
      </c>
      <c r="R43" s="1178" t="s">
        <v>188</v>
      </c>
      <c r="S43" s="1179" t="s">
        <v>188</v>
      </c>
      <c r="T43" s="1180">
        <v>17.399999999999999</v>
      </c>
      <c r="U43" s="1181">
        <v>17.399999999999999</v>
      </c>
      <c r="V43" s="1183">
        <v>17.3</v>
      </c>
      <c r="W43" s="1182">
        <v>19.399999999999999</v>
      </c>
      <c r="X43" s="1181">
        <v>19.399999999999999</v>
      </c>
      <c r="Y43" s="1182">
        <v>19.399999999999999</v>
      </c>
    </row>
    <row r="44" spans="1:25" ht="16.5" customHeight="1">
      <c r="A44" s="808" t="s">
        <v>573</v>
      </c>
      <c r="B44" s="847">
        <v>5.3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2</v>
      </c>
      <c r="O44" s="1181">
        <v>0.2</v>
      </c>
      <c r="P44" s="1183">
        <v>0.3</v>
      </c>
      <c r="Q44" s="1177" t="s">
        <v>188</v>
      </c>
      <c r="R44" s="1178" t="s">
        <v>188</v>
      </c>
      <c r="S44" s="1179" t="s">
        <v>188</v>
      </c>
      <c r="T44" s="1180">
        <v>14.3</v>
      </c>
      <c r="U44" s="1181">
        <v>14.2</v>
      </c>
      <c r="V44" s="1183">
        <v>14.4</v>
      </c>
      <c r="W44" s="1182">
        <v>14.7</v>
      </c>
      <c r="X44" s="1181">
        <v>14.9</v>
      </c>
      <c r="Y44" s="1182">
        <v>14.5</v>
      </c>
    </row>
    <row r="45" spans="1:25" ht="16.5" customHeight="1">
      <c r="A45" s="808"/>
      <c r="B45" s="847">
        <v>6.4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3</v>
      </c>
      <c r="O45" s="1181">
        <v>0.4</v>
      </c>
      <c r="P45" s="1183">
        <v>0.3</v>
      </c>
      <c r="Q45" s="1177" t="s">
        <v>188</v>
      </c>
      <c r="R45" s="1178" t="s">
        <v>188</v>
      </c>
      <c r="S45" s="1179" t="s">
        <v>188</v>
      </c>
      <c r="T45" s="1180">
        <v>10.1</v>
      </c>
      <c r="U45" s="1181">
        <v>10.4</v>
      </c>
      <c r="V45" s="1183">
        <v>9.6999999999999993</v>
      </c>
      <c r="W45" s="1182">
        <v>9.5</v>
      </c>
      <c r="X45" s="1181">
        <v>9.8000000000000007</v>
      </c>
      <c r="Y45" s="1182">
        <v>9.1999999999999993</v>
      </c>
    </row>
    <row r="46" spans="1:25" ht="16.5" customHeight="1">
      <c r="A46" s="809"/>
      <c r="B46" s="847">
        <v>7.9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7</v>
      </c>
      <c r="O46" s="1181">
        <v>0.9</v>
      </c>
      <c r="P46" s="1183">
        <v>0.5</v>
      </c>
      <c r="Q46" s="1177" t="s">
        <v>188</v>
      </c>
      <c r="R46" s="1178" t="s">
        <v>188</v>
      </c>
      <c r="S46" s="1179" t="s">
        <v>188</v>
      </c>
      <c r="T46" s="1180">
        <v>7.2</v>
      </c>
      <c r="U46" s="1181">
        <v>7.5</v>
      </c>
      <c r="V46" s="1183">
        <v>6.9</v>
      </c>
      <c r="W46" s="1182">
        <v>6.8</v>
      </c>
      <c r="X46" s="1181">
        <v>7.4</v>
      </c>
      <c r="Y46" s="1182">
        <v>6.3</v>
      </c>
    </row>
    <row r="47" spans="1:25" ht="16.5" customHeight="1">
      <c r="A47" s="809"/>
      <c r="B47" s="847">
        <v>8.3000000000000007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.3</v>
      </c>
      <c r="O47" s="1185">
        <v>1.7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3</v>
      </c>
      <c r="U47" s="1185">
        <v>5.7</v>
      </c>
      <c r="V47" s="1186">
        <v>4.9000000000000004</v>
      </c>
      <c r="W47" s="1184">
        <v>5.4</v>
      </c>
      <c r="X47" s="1185">
        <v>5.7</v>
      </c>
      <c r="Y47" s="1184">
        <v>5</v>
      </c>
    </row>
    <row r="48" spans="1:25" ht="16.5" customHeight="1">
      <c r="A48" s="808" t="s">
        <v>311</v>
      </c>
      <c r="B48" s="858">
        <v>7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6</v>
      </c>
      <c r="O48" s="1181">
        <v>2</v>
      </c>
      <c r="P48" s="1183">
        <v>1.1000000000000001</v>
      </c>
      <c r="Q48" s="1177" t="s">
        <v>188</v>
      </c>
      <c r="R48" s="1178" t="s">
        <v>188</v>
      </c>
      <c r="S48" s="1179" t="s">
        <v>188</v>
      </c>
      <c r="T48" s="1180">
        <v>3.6</v>
      </c>
      <c r="U48" s="1181">
        <v>3.8</v>
      </c>
      <c r="V48" s="1183">
        <v>3.3</v>
      </c>
      <c r="W48" s="1182">
        <v>3.6</v>
      </c>
      <c r="X48" s="1181">
        <v>3.9</v>
      </c>
      <c r="Y48" s="1182">
        <v>3.3</v>
      </c>
    </row>
    <row r="49" spans="1:25" ht="16.5" customHeight="1">
      <c r="A49" s="809"/>
      <c r="B49" s="847">
        <v>5.8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2.2999999999999998</v>
      </c>
      <c r="O49" s="1181">
        <v>2.7</v>
      </c>
      <c r="P49" s="1183">
        <v>1.8</v>
      </c>
      <c r="Q49" s="1177" t="s">
        <v>188</v>
      </c>
      <c r="R49" s="1178" t="s">
        <v>188</v>
      </c>
      <c r="S49" s="1179" t="s">
        <v>188</v>
      </c>
      <c r="T49" s="1180">
        <v>2.6</v>
      </c>
      <c r="U49" s="1181">
        <v>2.9</v>
      </c>
      <c r="V49" s="1183">
        <v>2.4</v>
      </c>
      <c r="W49" s="1182">
        <v>2.6</v>
      </c>
      <c r="X49" s="1181">
        <v>2.8</v>
      </c>
      <c r="Y49" s="1182">
        <v>2.4</v>
      </c>
    </row>
    <row r="50" spans="1:25" ht="16.5" customHeight="1">
      <c r="A50" s="808"/>
      <c r="B50" s="847">
        <v>5.5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3.1</v>
      </c>
      <c r="O50" s="1181">
        <v>3.9</v>
      </c>
      <c r="P50" s="1183">
        <v>2.2000000000000002</v>
      </c>
      <c r="Q50" s="1177" t="s">
        <v>188</v>
      </c>
      <c r="R50" s="1178" t="s">
        <v>188</v>
      </c>
      <c r="S50" s="1179" t="s">
        <v>188</v>
      </c>
      <c r="T50" s="1180">
        <v>2.1</v>
      </c>
      <c r="U50" s="1181">
        <v>2.2999999999999998</v>
      </c>
      <c r="V50" s="1183">
        <v>1.8</v>
      </c>
      <c r="W50" s="1182">
        <v>2</v>
      </c>
      <c r="X50" s="1181">
        <v>2.1</v>
      </c>
      <c r="Y50" s="1182">
        <v>1.8</v>
      </c>
    </row>
    <row r="51" spans="1:25" ht="16.5" customHeight="1">
      <c r="A51" s="809"/>
      <c r="B51" s="847">
        <v>7.4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1</v>
      </c>
      <c r="O51" s="1181">
        <v>9.1</v>
      </c>
      <c r="P51" s="1183">
        <v>4.7</v>
      </c>
      <c r="Q51" s="1177" t="s">
        <v>188</v>
      </c>
      <c r="R51" s="1178" t="s">
        <v>188</v>
      </c>
      <c r="S51" s="1179" t="s">
        <v>188</v>
      </c>
      <c r="T51" s="1180">
        <v>2</v>
      </c>
      <c r="U51" s="1181">
        <v>1.9</v>
      </c>
      <c r="V51" s="1183">
        <v>2.1</v>
      </c>
      <c r="W51" s="1182">
        <v>1.9</v>
      </c>
      <c r="X51" s="1181">
        <v>1.9</v>
      </c>
      <c r="Y51" s="1182">
        <v>1.8</v>
      </c>
    </row>
    <row r="52" spans="1:25" ht="16.5" customHeight="1">
      <c r="A52" s="808" t="s">
        <v>582</v>
      </c>
      <c r="B52" s="847">
        <v>6.3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8.9</v>
      </c>
      <c r="O52" s="1185">
        <v>11.2</v>
      </c>
      <c r="P52" s="1186">
        <v>6.2</v>
      </c>
      <c r="Q52" s="1187" t="s">
        <v>188</v>
      </c>
      <c r="R52" s="1188" t="s">
        <v>188</v>
      </c>
      <c r="S52" s="1189" t="s">
        <v>188</v>
      </c>
      <c r="T52" s="1190">
        <v>1.4</v>
      </c>
      <c r="U52" s="1185">
        <v>1.1000000000000001</v>
      </c>
      <c r="V52" s="1186">
        <v>1.7</v>
      </c>
      <c r="W52" s="1184">
        <v>1.3</v>
      </c>
      <c r="X52" s="1185">
        <v>1.1000000000000001</v>
      </c>
      <c r="Y52" s="1184">
        <v>1.6</v>
      </c>
    </row>
    <row r="53" spans="1:25" ht="16.5" customHeight="1">
      <c r="A53" s="178"/>
      <c r="B53" s="858">
        <v>5.3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8</v>
      </c>
      <c r="O53" s="1181">
        <v>16</v>
      </c>
      <c r="P53" s="1183">
        <v>9.1999999999999993</v>
      </c>
      <c r="Q53" s="1177" t="s">
        <v>188</v>
      </c>
      <c r="R53" s="1178" t="s">
        <v>188</v>
      </c>
      <c r="S53" s="1179" t="s">
        <v>188</v>
      </c>
      <c r="T53" s="1180">
        <v>1.2</v>
      </c>
      <c r="U53" s="1181">
        <v>0.9</v>
      </c>
      <c r="V53" s="1183">
        <v>1.4</v>
      </c>
      <c r="W53" s="1182">
        <v>1</v>
      </c>
      <c r="X53" s="1181">
        <v>0.8</v>
      </c>
      <c r="Y53" s="1182">
        <v>1.3</v>
      </c>
    </row>
    <row r="54" spans="1:25" ht="16.5" customHeight="1">
      <c r="A54" s="178"/>
      <c r="B54" s="847">
        <v>3.8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6.600000000000001</v>
      </c>
      <c r="O54" s="1181">
        <v>18.100000000000001</v>
      </c>
      <c r="P54" s="1183">
        <v>15</v>
      </c>
      <c r="Q54" s="1177" t="s">
        <v>188</v>
      </c>
      <c r="R54" s="1178" t="s">
        <v>188</v>
      </c>
      <c r="S54" s="1179" t="s">
        <v>188</v>
      </c>
      <c r="T54" s="1180">
        <v>1.2</v>
      </c>
      <c r="U54" s="1181">
        <v>0.8</v>
      </c>
      <c r="V54" s="1183">
        <v>1.6</v>
      </c>
      <c r="W54" s="1182">
        <v>1</v>
      </c>
      <c r="X54" s="1181">
        <v>0.6</v>
      </c>
      <c r="Y54" s="1182">
        <v>1.4</v>
      </c>
    </row>
    <row r="55" spans="1:25" ht="16.5" customHeight="1">
      <c r="A55" s="178"/>
      <c r="B55" s="847">
        <v>2.2000000000000002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9.2</v>
      </c>
      <c r="O55" s="1181">
        <v>17.899999999999999</v>
      </c>
      <c r="P55" s="1183">
        <v>20.6</v>
      </c>
      <c r="Q55" s="1177" t="s">
        <v>188</v>
      </c>
      <c r="R55" s="1178" t="s">
        <v>188</v>
      </c>
      <c r="S55" s="1179" t="s">
        <v>188</v>
      </c>
      <c r="T55" s="1180">
        <v>0.9</v>
      </c>
      <c r="U55" s="1181">
        <v>0.5</v>
      </c>
      <c r="V55" s="1183">
        <v>1.5</v>
      </c>
      <c r="W55" s="1182">
        <v>0.7</v>
      </c>
      <c r="X55" s="1181">
        <v>0.4</v>
      </c>
      <c r="Y55" s="1182">
        <v>1.1000000000000001</v>
      </c>
    </row>
    <row r="56" spans="1:25" ht="16.5" customHeight="1">
      <c r="A56" s="178"/>
      <c r="B56" s="847">
        <v>1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3</v>
      </c>
      <c r="O56" s="1181">
        <v>11.1</v>
      </c>
      <c r="P56" s="1183">
        <v>20.100000000000001</v>
      </c>
      <c r="Q56" s="1177" t="s">
        <v>188</v>
      </c>
      <c r="R56" s="1178" t="s">
        <v>188</v>
      </c>
      <c r="S56" s="1179" t="s">
        <v>188</v>
      </c>
      <c r="T56" s="1180">
        <v>0.6</v>
      </c>
      <c r="U56" s="1181">
        <v>0.3</v>
      </c>
      <c r="V56" s="1183">
        <v>0.9</v>
      </c>
      <c r="W56" s="1182">
        <v>0.4</v>
      </c>
      <c r="X56" s="1181">
        <v>0.2</v>
      </c>
      <c r="Y56" s="1182">
        <v>0.6</v>
      </c>
    </row>
    <row r="57" spans="1:25" ht="16.5" customHeight="1">
      <c r="A57" s="178"/>
      <c r="B57" s="847">
        <v>0.3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8</v>
      </c>
      <c r="O57" s="1185">
        <v>3.6</v>
      </c>
      <c r="P57" s="1186">
        <v>12.6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.1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58">
        <v>0.1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1</v>
      </c>
      <c r="O58" s="1185">
        <v>0.6</v>
      </c>
      <c r="P58" s="1185">
        <v>3.8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2.7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2</v>
      </c>
      <c r="P60" s="1183">
        <v>0.4</v>
      </c>
      <c r="Q60" s="1177" t="s">
        <v>188</v>
      </c>
      <c r="R60" s="1178" t="s">
        <v>188</v>
      </c>
      <c r="S60" s="1179" t="s">
        <v>188</v>
      </c>
      <c r="T60" s="1180">
        <v>11.7</v>
      </c>
      <c r="U60" s="1181">
        <v>11.2</v>
      </c>
      <c r="V60" s="1183">
        <v>12.2</v>
      </c>
      <c r="W60" s="1182">
        <v>10.3</v>
      </c>
      <c r="X60" s="1181">
        <v>9.6</v>
      </c>
      <c r="Y60" s="1182">
        <v>11</v>
      </c>
    </row>
    <row r="61" spans="1:25" ht="16.5" customHeight="1">
      <c r="A61" s="178"/>
      <c r="B61" s="847">
        <v>61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10</v>
      </c>
      <c r="O61" s="1181">
        <v>12.2</v>
      </c>
      <c r="P61" s="1183">
        <v>7.4</v>
      </c>
      <c r="Q61" s="1177" t="s">
        <v>188</v>
      </c>
      <c r="R61" s="1178" t="s">
        <v>188</v>
      </c>
      <c r="S61" s="1179" t="s">
        <v>188</v>
      </c>
      <c r="T61" s="1180">
        <v>80.900000000000006</v>
      </c>
      <c r="U61" s="1181">
        <v>83.1</v>
      </c>
      <c r="V61" s="1183">
        <v>78.400000000000006</v>
      </c>
      <c r="W61" s="1182">
        <v>83.3</v>
      </c>
      <c r="X61" s="1181">
        <v>85.3</v>
      </c>
      <c r="Y61" s="1182">
        <v>80.900000000000006</v>
      </c>
    </row>
    <row r="62" spans="1:25" ht="16.5" customHeight="1" thickBot="1">
      <c r="A62" s="850"/>
      <c r="B62" s="851">
        <v>26.4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89.7</v>
      </c>
      <c r="O62" s="1196">
        <v>87.6</v>
      </c>
      <c r="P62" s="1197">
        <v>92.2</v>
      </c>
      <c r="Q62" s="1198" t="s">
        <v>188</v>
      </c>
      <c r="R62" s="1199" t="s">
        <v>188</v>
      </c>
      <c r="S62" s="1199" t="s">
        <v>188</v>
      </c>
      <c r="T62" s="1200">
        <v>7.4</v>
      </c>
      <c r="U62" s="1196">
        <v>5.7</v>
      </c>
      <c r="V62" s="1197">
        <v>9.4</v>
      </c>
      <c r="W62" s="1195">
        <v>6.4</v>
      </c>
      <c r="X62" s="1196">
        <v>5</v>
      </c>
      <c r="Y62" s="1195">
        <v>8.1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1446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7" t="s">
        <v>595</v>
      </c>
      <c r="C65" s="1447"/>
      <c r="D65" s="1447"/>
      <c r="E65" s="1447"/>
      <c r="F65" s="1447"/>
      <c r="G65" s="1447"/>
      <c r="H65" s="1447"/>
      <c r="I65" s="1447"/>
    </row>
    <row r="66" spans="2:9" ht="14.25">
      <c r="B66" s="285"/>
      <c r="C66" s="285"/>
      <c r="D66" s="285"/>
      <c r="E66" s="285"/>
      <c r="F66" s="285"/>
      <c r="G66" s="285"/>
      <c r="H66" s="285"/>
      <c r="I66" s="285"/>
    </row>
  </sheetData>
  <mergeCells count="3">
    <mergeCell ref="C4:C5"/>
    <mergeCell ref="B63:I63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34" fitToWidth="0" orientation="portrait" blackAndWhite="1" useFirstPageNumber="1" r:id="rId1"/>
  <headerFooter>
    <oddFooter>&amp;C&amp;"ＭＳ ゴシック,太字"&amp;12-&amp;P--</oddFooter>
    <evenFooter>&amp;C－35－</evenFooter>
  </headerFooter>
  <colBreaks count="1" manualBreakCount="1">
    <brk id="13" max="64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2"/>
  <sheetViews>
    <sheetView zoomScaleNormal="100" zoomScaleSheetLayoutView="80" zoomScalePageLayoutView="70" workbookViewId="0"/>
  </sheetViews>
  <sheetFormatPr defaultRowHeight="12"/>
  <cols>
    <col min="1" max="1" width="6.5" style="61" customWidth="1"/>
    <col min="2" max="2" width="12.375" style="61" customWidth="1"/>
    <col min="3" max="3" width="13.75" style="61" customWidth="1"/>
    <col min="4" max="4" width="9.75" style="61" customWidth="1"/>
    <col min="5" max="5" width="13.75" style="61" customWidth="1"/>
    <col min="6" max="6" width="9.75" style="61" customWidth="1"/>
    <col min="7" max="7" width="13.75" style="61" customWidth="1"/>
    <col min="8" max="8" width="9.75" style="61" customWidth="1"/>
    <col min="9" max="16384" width="9" style="61"/>
  </cols>
  <sheetData>
    <row r="1" spans="1:9" s="1057" customFormat="1" ht="17.25" customHeight="1" thickBot="1">
      <c r="A1" s="1056" t="s">
        <v>56</v>
      </c>
    </row>
    <row r="2" spans="1:9" ht="11.25" customHeight="1" thickTop="1">
      <c r="A2" s="62" t="s">
        <v>57</v>
      </c>
      <c r="B2" s="63"/>
      <c r="C2" s="1344" t="s">
        <v>58</v>
      </c>
      <c r="D2" s="1345"/>
      <c r="E2" s="1344" t="s">
        <v>59</v>
      </c>
      <c r="F2" s="1345"/>
      <c r="G2" s="1344" t="s">
        <v>60</v>
      </c>
      <c r="H2" s="1348"/>
      <c r="I2" s="64"/>
    </row>
    <row r="3" spans="1:9" ht="11.25" customHeight="1">
      <c r="A3" s="65" t="s">
        <v>61</v>
      </c>
      <c r="B3" s="66" t="s">
        <v>62</v>
      </c>
      <c r="C3" s="1346"/>
      <c r="D3" s="1347"/>
      <c r="E3" s="1346"/>
      <c r="F3" s="1347"/>
      <c r="G3" s="1346"/>
      <c r="H3" s="1349"/>
      <c r="I3" s="64"/>
    </row>
    <row r="4" spans="1:9" ht="11.25" customHeight="1">
      <c r="A4" s="67" t="s">
        <v>63</v>
      </c>
      <c r="B4" s="68"/>
      <c r="C4" s="69" t="s">
        <v>64</v>
      </c>
      <c r="D4" s="70" t="s">
        <v>65</v>
      </c>
      <c r="E4" s="69" t="s">
        <v>66</v>
      </c>
      <c r="F4" s="71" t="s">
        <v>67</v>
      </c>
      <c r="G4" s="69" t="s">
        <v>66</v>
      </c>
      <c r="H4" s="71" t="s">
        <v>67</v>
      </c>
    </row>
    <row r="5" spans="1:9" ht="9.75" customHeight="1">
      <c r="A5" s="65"/>
      <c r="B5" s="72"/>
      <c r="C5" s="73" t="s">
        <v>14</v>
      </c>
      <c r="D5" s="74" t="s">
        <v>22</v>
      </c>
      <c r="E5" s="73" t="s">
        <v>14</v>
      </c>
      <c r="F5" s="75" t="s">
        <v>68</v>
      </c>
      <c r="G5" s="73" t="s">
        <v>14</v>
      </c>
      <c r="H5" s="75" t="s">
        <v>69</v>
      </c>
      <c r="I5" s="64"/>
    </row>
    <row r="6" spans="1:9" ht="13.5">
      <c r="A6" s="76"/>
      <c r="B6" s="77" t="s">
        <v>70</v>
      </c>
      <c r="C6" s="78">
        <v>9163279</v>
      </c>
      <c r="D6" s="79" t="s">
        <v>71</v>
      </c>
      <c r="E6" s="80">
        <v>4570674</v>
      </c>
      <c r="F6" s="81" t="s">
        <v>72</v>
      </c>
      <c r="G6" s="80">
        <v>4592605</v>
      </c>
      <c r="H6" s="82" t="s">
        <v>73</v>
      </c>
    </row>
    <row r="7" spans="1:9" ht="12.6" customHeight="1">
      <c r="A7" s="76" t="s">
        <v>74</v>
      </c>
      <c r="B7" s="83" t="s">
        <v>75</v>
      </c>
      <c r="C7" s="84">
        <v>731832</v>
      </c>
      <c r="D7" s="85">
        <v>8.0595104617628852</v>
      </c>
      <c r="E7" s="84">
        <v>374425</v>
      </c>
      <c r="F7" s="86">
        <v>8.281349805277415</v>
      </c>
      <c r="G7" s="84">
        <v>357407</v>
      </c>
      <c r="H7" s="86">
        <v>7.8395077569905478</v>
      </c>
    </row>
    <row r="8" spans="1:9" ht="12.6" customHeight="1">
      <c r="A8" s="76" t="s">
        <v>76</v>
      </c>
      <c r="B8" s="87" t="s">
        <v>77</v>
      </c>
      <c r="C8" s="88">
        <v>806300</v>
      </c>
      <c r="D8" s="89">
        <v>8.8796107376001796</v>
      </c>
      <c r="E8" s="88">
        <v>413054</v>
      </c>
      <c r="F8" s="90">
        <v>9.1357272149804576</v>
      </c>
      <c r="G8" s="88">
        <v>393246</v>
      </c>
      <c r="H8" s="90">
        <v>8.6256146841150425</v>
      </c>
    </row>
    <row r="9" spans="1:9" ht="12.6" customHeight="1">
      <c r="A9" s="76">
        <v>30</v>
      </c>
      <c r="B9" s="87" t="s">
        <v>78</v>
      </c>
      <c r="C9" s="88">
        <v>984389</v>
      </c>
      <c r="D9" s="89">
        <v>10.840867089638476</v>
      </c>
      <c r="E9" s="88">
        <v>514354</v>
      </c>
      <c r="F9" s="90">
        <v>11.376231281948748</v>
      </c>
      <c r="G9" s="88">
        <v>470035</v>
      </c>
      <c r="H9" s="90">
        <v>10.309935251847479</v>
      </c>
    </row>
    <row r="10" spans="1:9" ht="12.6" customHeight="1">
      <c r="A10" s="76" t="s">
        <v>63</v>
      </c>
      <c r="B10" s="87" t="s">
        <v>79</v>
      </c>
      <c r="C10" s="88">
        <v>1129691</v>
      </c>
      <c r="D10" s="89">
        <v>12.441047170743252</v>
      </c>
      <c r="E10" s="88">
        <v>582565</v>
      </c>
      <c r="F10" s="90">
        <v>12.884888961237731</v>
      </c>
      <c r="G10" s="91">
        <v>547126</v>
      </c>
      <c r="H10" s="90">
        <v>12.000880008089407</v>
      </c>
    </row>
    <row r="11" spans="1:9" ht="12.6" customHeight="1">
      <c r="A11" s="76">
        <v>1</v>
      </c>
      <c r="B11" s="92" t="s">
        <v>80</v>
      </c>
      <c r="C11" s="93">
        <v>1495249</v>
      </c>
      <c r="D11" s="94">
        <v>16.466859823621395</v>
      </c>
      <c r="E11" s="93">
        <v>768424</v>
      </c>
      <c r="F11" s="95">
        <v>16.995627810030026</v>
      </c>
      <c r="G11" s="93">
        <v>726825</v>
      </c>
      <c r="H11" s="95">
        <v>15.942469580827053</v>
      </c>
    </row>
    <row r="12" spans="1:9" ht="12.6" customHeight="1">
      <c r="A12" s="76" t="s">
        <v>81</v>
      </c>
      <c r="B12" s="87" t="s">
        <v>82</v>
      </c>
      <c r="C12" s="88">
        <v>1186602</v>
      </c>
      <c r="D12" s="85">
        <v>13.06779593260306</v>
      </c>
      <c r="E12" s="88">
        <v>615733</v>
      </c>
      <c r="F12" s="86">
        <v>13.61848263244409</v>
      </c>
      <c r="G12" s="88">
        <v>570869</v>
      </c>
      <c r="H12" s="86">
        <v>12.521668444449711</v>
      </c>
    </row>
    <row r="13" spans="1:9" ht="12.6" customHeight="1">
      <c r="A13" s="76">
        <v>1</v>
      </c>
      <c r="B13" s="87" t="s">
        <v>83</v>
      </c>
      <c r="C13" s="88">
        <v>1113300</v>
      </c>
      <c r="D13" s="89">
        <v>12.260536567245788</v>
      </c>
      <c r="E13" s="88">
        <v>548798</v>
      </c>
      <c r="F13" s="90">
        <v>12.138046899743967</v>
      </c>
      <c r="G13" s="88">
        <v>564502</v>
      </c>
      <c r="H13" s="90">
        <v>12.382012125774477</v>
      </c>
    </row>
    <row r="14" spans="1:9" ht="12.6" customHeight="1">
      <c r="A14" s="76" t="s">
        <v>84</v>
      </c>
      <c r="B14" s="87" t="s">
        <v>85</v>
      </c>
      <c r="C14" s="88">
        <v>991863</v>
      </c>
      <c r="D14" s="89">
        <v>10.923176665048153</v>
      </c>
      <c r="E14" s="88">
        <v>461260</v>
      </c>
      <c r="F14" s="90">
        <v>10.201924046690955</v>
      </c>
      <c r="G14" s="88">
        <v>530603</v>
      </c>
      <c r="H14" s="90">
        <v>11.638457932783789</v>
      </c>
    </row>
    <row r="15" spans="1:9" ht="12.6" customHeight="1">
      <c r="A15" s="76" t="s">
        <v>86</v>
      </c>
      <c r="B15" s="87" t="s">
        <v>87</v>
      </c>
      <c r="C15" s="88">
        <v>528188</v>
      </c>
      <c r="D15" s="89">
        <v>5.8168223195728181</v>
      </c>
      <c r="E15" s="88">
        <v>213254</v>
      </c>
      <c r="F15" s="90">
        <v>4.7166481174457635</v>
      </c>
      <c r="G15" s="88">
        <v>314934</v>
      </c>
      <c r="H15" s="90">
        <v>6.9078880266476625</v>
      </c>
    </row>
    <row r="16" spans="1:9" ht="12.6" customHeight="1">
      <c r="A16" s="76" t="s">
        <v>88</v>
      </c>
      <c r="B16" s="87" t="s">
        <v>89</v>
      </c>
      <c r="C16" s="88">
        <v>108768</v>
      </c>
      <c r="D16" s="94">
        <v>1.1978388945892302</v>
      </c>
      <c r="E16" s="88">
        <v>28833</v>
      </c>
      <c r="F16" s="95">
        <v>0.63771425234843748</v>
      </c>
      <c r="G16" s="88">
        <v>79935</v>
      </c>
      <c r="H16" s="95">
        <v>1.7533261871061265</v>
      </c>
    </row>
    <row r="17" spans="1:8" ht="12.6" customHeight="1">
      <c r="A17" s="76"/>
      <c r="B17" s="96" t="s">
        <v>90</v>
      </c>
      <c r="C17" s="97">
        <v>4171</v>
      </c>
      <c r="D17" s="98">
        <v>4.5934337574761688E-2</v>
      </c>
      <c r="E17" s="99">
        <v>604</v>
      </c>
      <c r="F17" s="86">
        <v>1.3358977852407182E-2</v>
      </c>
      <c r="G17" s="100">
        <v>3567</v>
      </c>
      <c r="H17" s="101">
        <v>7.8240001368706499E-2</v>
      </c>
    </row>
    <row r="18" spans="1:8" ht="12.6" customHeight="1" thickBot="1">
      <c r="A18" s="102"/>
      <c r="B18" s="103" t="s">
        <v>91</v>
      </c>
      <c r="C18" s="104">
        <v>82926</v>
      </c>
      <c r="D18" s="105" t="s">
        <v>92</v>
      </c>
      <c r="E18" s="104">
        <v>49370</v>
      </c>
      <c r="F18" s="105" t="s">
        <v>92</v>
      </c>
      <c r="G18" s="104">
        <v>33556</v>
      </c>
      <c r="H18" s="106" t="s">
        <v>92</v>
      </c>
    </row>
    <row r="19" spans="1:8" ht="13.5" customHeight="1" thickTop="1">
      <c r="A19" s="76"/>
      <c r="B19" s="77" t="s">
        <v>70</v>
      </c>
      <c r="C19" s="78">
        <v>9147400</v>
      </c>
      <c r="D19" s="79" t="s">
        <v>93</v>
      </c>
      <c r="E19" s="80">
        <v>4566154</v>
      </c>
      <c r="F19" s="81" t="s">
        <v>93</v>
      </c>
      <c r="G19" s="80">
        <v>4581246</v>
      </c>
      <c r="H19" s="82" t="s">
        <v>94</v>
      </c>
    </row>
    <row r="20" spans="1:8" ht="12.6" customHeight="1">
      <c r="A20" s="76" t="s">
        <v>74</v>
      </c>
      <c r="B20" s="83" t="s">
        <v>75</v>
      </c>
      <c r="C20" s="84">
        <v>739869</v>
      </c>
      <c r="D20" s="107">
        <v>8.1622938076715759</v>
      </c>
      <c r="E20" s="84">
        <v>378813</v>
      </c>
      <c r="F20" s="86">
        <v>8.3867858192908944</v>
      </c>
      <c r="G20" s="84">
        <v>361056</v>
      </c>
      <c r="H20" s="86">
        <v>7.9393274387656154</v>
      </c>
    </row>
    <row r="21" spans="1:8" ht="12.6" customHeight="1">
      <c r="A21" s="76" t="s">
        <v>76</v>
      </c>
      <c r="B21" s="87" t="s">
        <v>95</v>
      </c>
      <c r="C21" s="88">
        <v>813401</v>
      </c>
      <c r="D21" s="108">
        <v>8.9735046953634594</v>
      </c>
      <c r="E21" s="88">
        <v>417027</v>
      </c>
      <c r="F21" s="90">
        <v>9.2328302615312143</v>
      </c>
      <c r="G21" s="88">
        <v>396374</v>
      </c>
      <c r="H21" s="90">
        <v>8.7159414999703149</v>
      </c>
    </row>
    <row r="22" spans="1:8" ht="12.6" customHeight="1">
      <c r="A22" s="76">
        <v>29</v>
      </c>
      <c r="B22" s="87" t="s">
        <v>96</v>
      </c>
      <c r="C22" s="88">
        <v>975652</v>
      </c>
      <c r="D22" s="108">
        <v>10.763470665810283</v>
      </c>
      <c r="E22" s="88">
        <v>510332</v>
      </c>
      <c r="F22" s="90">
        <v>11.29856995596867</v>
      </c>
      <c r="G22" s="88">
        <v>465320</v>
      </c>
      <c r="H22" s="90">
        <v>10.23200789851551</v>
      </c>
    </row>
    <row r="23" spans="1:8" ht="12.6" customHeight="1">
      <c r="A23" s="76" t="s">
        <v>63</v>
      </c>
      <c r="B23" s="87" t="s">
        <v>97</v>
      </c>
      <c r="C23" s="88">
        <v>1161036</v>
      </c>
      <c r="D23" s="108">
        <v>12.80864173696124</v>
      </c>
      <c r="E23" s="88">
        <v>598345</v>
      </c>
      <c r="F23" s="90">
        <v>13.247146642389806</v>
      </c>
      <c r="G23" s="91">
        <v>562691</v>
      </c>
      <c r="H23" s="90">
        <v>12.373116901108034</v>
      </c>
    </row>
    <row r="24" spans="1:8" ht="12.6" customHeight="1">
      <c r="A24" s="76">
        <v>1</v>
      </c>
      <c r="B24" s="92" t="s">
        <v>80</v>
      </c>
      <c r="C24" s="93">
        <v>1518177</v>
      </c>
      <c r="D24" s="109">
        <v>16.748649728599808</v>
      </c>
      <c r="E24" s="93">
        <v>781886</v>
      </c>
      <c r="F24" s="95">
        <v>17.310679456887907</v>
      </c>
      <c r="G24" s="93">
        <v>736291</v>
      </c>
      <c r="H24" s="95">
        <v>16.190439541833328</v>
      </c>
    </row>
    <row r="25" spans="1:8" ht="12.6" customHeight="1">
      <c r="A25" s="76" t="s">
        <v>81</v>
      </c>
      <c r="B25" s="87" t="s">
        <v>98</v>
      </c>
      <c r="C25" s="88">
        <v>1130015</v>
      </c>
      <c r="D25" s="108">
        <v>12.466415591241146</v>
      </c>
      <c r="E25" s="88">
        <v>585448</v>
      </c>
      <c r="F25" s="90">
        <v>12.961611624554106</v>
      </c>
      <c r="G25" s="88">
        <v>544567</v>
      </c>
      <c r="H25" s="90">
        <v>11.974584899146599</v>
      </c>
    </row>
    <row r="26" spans="1:8" ht="12.6" customHeight="1">
      <c r="A26" s="76">
        <v>1</v>
      </c>
      <c r="B26" s="87" t="s">
        <v>83</v>
      </c>
      <c r="C26" s="88">
        <v>1167643</v>
      </c>
      <c r="D26" s="108">
        <v>12.881530687825901</v>
      </c>
      <c r="E26" s="88">
        <v>574123</v>
      </c>
      <c r="F26" s="90">
        <v>12.710880130641625</v>
      </c>
      <c r="G26" s="88">
        <v>593520</v>
      </c>
      <c r="H26" s="90">
        <v>13.051021507622551</v>
      </c>
    </row>
    <row r="27" spans="1:8" ht="12.6" customHeight="1">
      <c r="A27" s="76" t="s">
        <v>84</v>
      </c>
      <c r="B27" s="87" t="s">
        <v>99</v>
      </c>
      <c r="C27" s="88">
        <v>951343</v>
      </c>
      <c r="D27" s="108">
        <v>10.495291839327908</v>
      </c>
      <c r="E27" s="88">
        <v>442877</v>
      </c>
      <c r="F27" s="90">
        <v>9.8051401173932593</v>
      </c>
      <c r="G27" s="88">
        <v>508466</v>
      </c>
      <c r="H27" s="90">
        <v>11.180753305524343</v>
      </c>
    </row>
    <row r="28" spans="1:8" ht="12.6" customHeight="1">
      <c r="A28" s="76" t="s">
        <v>86</v>
      </c>
      <c r="B28" s="87" t="s">
        <v>100</v>
      </c>
      <c r="C28" s="88">
        <v>502167</v>
      </c>
      <c r="D28" s="108">
        <v>5.5399463885052791</v>
      </c>
      <c r="E28" s="88">
        <v>201165</v>
      </c>
      <c r="F28" s="90">
        <v>4.4537219402123283</v>
      </c>
      <c r="G28" s="88">
        <v>301002</v>
      </c>
      <c r="H28" s="90">
        <v>6.6187888796289975</v>
      </c>
    </row>
    <row r="29" spans="1:8" ht="12.6" customHeight="1">
      <c r="A29" s="76" t="s">
        <v>88</v>
      </c>
      <c r="B29" s="87" t="s">
        <v>101</v>
      </c>
      <c r="C29" s="88">
        <v>101305</v>
      </c>
      <c r="D29" s="108">
        <v>1.1176048384054056</v>
      </c>
      <c r="E29" s="88">
        <v>26214</v>
      </c>
      <c r="F29" s="90">
        <v>0.58036868710126499</v>
      </c>
      <c r="G29" s="88">
        <v>75091</v>
      </c>
      <c r="H29" s="90">
        <v>1.6511899447851548</v>
      </c>
    </row>
    <row r="30" spans="1:8" ht="12.6" customHeight="1">
      <c r="A30" s="76"/>
      <c r="B30" s="96" t="s">
        <v>90</v>
      </c>
      <c r="C30" s="97">
        <v>3866</v>
      </c>
      <c r="D30" s="110">
        <v>4.2650020287994646E-2</v>
      </c>
      <c r="E30" s="99">
        <v>554</v>
      </c>
      <c r="F30" s="101">
        <v>1.2265364028919692E-2</v>
      </c>
      <c r="G30" s="100">
        <v>3312</v>
      </c>
      <c r="H30" s="101">
        <v>7.2828183099551649E-2</v>
      </c>
    </row>
    <row r="31" spans="1:8" ht="12.6" customHeight="1" thickBot="1">
      <c r="A31" s="102"/>
      <c r="B31" s="103" t="s">
        <v>91</v>
      </c>
      <c r="C31" s="104">
        <v>82926</v>
      </c>
      <c r="D31" s="111" t="s">
        <v>92</v>
      </c>
      <c r="E31" s="104">
        <v>49370</v>
      </c>
      <c r="F31" s="111" t="s">
        <v>92</v>
      </c>
      <c r="G31" s="104">
        <v>33556</v>
      </c>
      <c r="H31" s="111" t="s">
        <v>92</v>
      </c>
    </row>
    <row r="32" spans="1:8" ht="14.25" thickTop="1">
      <c r="A32" s="76"/>
      <c r="B32" s="112" t="s">
        <v>70</v>
      </c>
      <c r="C32" s="78">
        <v>9128037</v>
      </c>
      <c r="D32" s="79" t="s">
        <v>102</v>
      </c>
      <c r="E32" s="80">
        <v>4558967</v>
      </c>
      <c r="F32" s="81" t="s">
        <v>73</v>
      </c>
      <c r="G32" s="80">
        <v>4569070</v>
      </c>
      <c r="H32" s="82" t="s">
        <v>102</v>
      </c>
    </row>
    <row r="33" spans="1:8" ht="12.6" customHeight="1">
      <c r="A33" s="76" t="s">
        <v>74</v>
      </c>
      <c r="B33" s="83" t="s">
        <v>103</v>
      </c>
      <c r="C33" s="84">
        <v>745060</v>
      </c>
      <c r="D33" s="107">
        <v>8.2371570675030963</v>
      </c>
      <c r="E33" s="84">
        <v>381309</v>
      </c>
      <c r="F33" s="86">
        <v>8.4555005691195912</v>
      </c>
      <c r="G33" s="84">
        <v>363751</v>
      </c>
      <c r="H33" s="86">
        <v>8.0200612323101641</v>
      </c>
    </row>
    <row r="34" spans="1:8" ht="12.6" customHeight="1">
      <c r="A34" s="76" t="s">
        <v>76</v>
      </c>
      <c r="B34" s="87" t="s">
        <v>104</v>
      </c>
      <c r="C34" s="88">
        <v>826539</v>
      </c>
      <c r="D34" s="108">
        <v>9.1379641443869506</v>
      </c>
      <c r="E34" s="88">
        <v>424772</v>
      </c>
      <c r="F34" s="90">
        <v>9.4192895728820112</v>
      </c>
      <c r="G34" s="88">
        <v>401767</v>
      </c>
      <c r="H34" s="90">
        <v>8.8582462759457918</v>
      </c>
    </row>
    <row r="35" spans="1:8" ht="12.6" customHeight="1">
      <c r="A35" s="76">
        <v>28</v>
      </c>
      <c r="B35" s="87" t="s">
        <v>105</v>
      </c>
      <c r="C35" s="88">
        <v>963172</v>
      </c>
      <c r="D35" s="108">
        <v>10.648537093685198</v>
      </c>
      <c r="E35" s="88">
        <v>503534</v>
      </c>
      <c r="F35" s="90">
        <v>11.165831447909868</v>
      </c>
      <c r="G35" s="88">
        <v>459638</v>
      </c>
      <c r="H35" s="90">
        <v>10.134198681781161</v>
      </c>
    </row>
    <row r="36" spans="1:8" ht="12.6" customHeight="1">
      <c r="A36" s="76" t="s">
        <v>63</v>
      </c>
      <c r="B36" s="87" t="s">
        <v>106</v>
      </c>
      <c r="C36" s="88">
        <v>1196795</v>
      </c>
      <c r="D36" s="108">
        <v>13.231402024806549</v>
      </c>
      <c r="E36" s="88">
        <v>616384</v>
      </c>
      <c r="F36" s="90">
        <v>13.668272353383241</v>
      </c>
      <c r="G36" s="91">
        <v>580411</v>
      </c>
      <c r="H36" s="90">
        <v>12.797028076641368</v>
      </c>
    </row>
    <row r="37" spans="1:8" ht="12.6" customHeight="1">
      <c r="A37" s="76">
        <v>1</v>
      </c>
      <c r="B37" s="92" t="s">
        <v>107</v>
      </c>
      <c r="C37" s="93">
        <v>1492623</v>
      </c>
      <c r="D37" s="109">
        <v>16.501986542785378</v>
      </c>
      <c r="E37" s="93">
        <v>770147</v>
      </c>
      <c r="F37" s="95">
        <v>17.077956189876833</v>
      </c>
      <c r="G37" s="93">
        <v>722476</v>
      </c>
      <c r="H37" s="95">
        <v>15.9293081225193</v>
      </c>
    </row>
    <row r="38" spans="1:8" ht="12.6" customHeight="1">
      <c r="A38" s="76" t="s">
        <v>81</v>
      </c>
      <c r="B38" s="87" t="s">
        <v>108</v>
      </c>
      <c r="C38" s="88">
        <v>1119867</v>
      </c>
      <c r="D38" s="108">
        <v>12.380909421675423</v>
      </c>
      <c r="E38" s="88">
        <v>579254</v>
      </c>
      <c r="F38" s="90">
        <v>12.844917184395857</v>
      </c>
      <c r="G38" s="88">
        <v>540613</v>
      </c>
      <c r="H38" s="90">
        <v>11.919553109085321</v>
      </c>
    </row>
    <row r="39" spans="1:8" ht="12.6" customHeight="1">
      <c r="A39" s="76">
        <v>1</v>
      </c>
      <c r="B39" s="87" t="s">
        <v>109</v>
      </c>
      <c r="C39" s="88">
        <v>1178240</v>
      </c>
      <c r="D39" s="108">
        <v>13.026263580402716</v>
      </c>
      <c r="E39" s="88">
        <v>578349</v>
      </c>
      <c r="F39" s="90">
        <v>12.824848872304997</v>
      </c>
      <c r="G39" s="88">
        <v>599891</v>
      </c>
      <c r="H39" s="90">
        <v>13.226527357208026</v>
      </c>
    </row>
    <row r="40" spans="1:8" ht="12.6" customHeight="1">
      <c r="A40" s="76" t="s">
        <v>84</v>
      </c>
      <c r="B40" s="87" t="s">
        <v>110</v>
      </c>
      <c r="C40" s="88">
        <v>946896</v>
      </c>
      <c r="D40" s="108">
        <v>10.468594581094694</v>
      </c>
      <c r="E40" s="88">
        <v>441583</v>
      </c>
      <c r="F40" s="90">
        <v>9.7920723293012664</v>
      </c>
      <c r="G40" s="88">
        <v>505313</v>
      </c>
      <c r="H40" s="90">
        <v>11.141251024690916</v>
      </c>
    </row>
    <row r="41" spans="1:8" ht="12.6" customHeight="1">
      <c r="A41" s="76" t="s">
        <v>86</v>
      </c>
      <c r="B41" s="87" t="s">
        <v>111</v>
      </c>
      <c r="C41" s="88">
        <v>478797</v>
      </c>
      <c r="D41" s="108">
        <v>5.2934342099284351</v>
      </c>
      <c r="E41" s="88">
        <v>190413</v>
      </c>
      <c r="F41" s="90">
        <v>4.2223950388471518</v>
      </c>
      <c r="G41" s="88">
        <v>288384</v>
      </c>
      <c r="H41" s="90">
        <v>6.3583532098015789</v>
      </c>
    </row>
    <row r="42" spans="1:8" ht="12.6" customHeight="1">
      <c r="A42" s="76" t="s">
        <v>88</v>
      </c>
      <c r="B42" s="87" t="s">
        <v>112</v>
      </c>
      <c r="C42" s="88">
        <v>93601</v>
      </c>
      <c r="D42" s="108">
        <v>1.0348242271432602</v>
      </c>
      <c r="E42" s="88">
        <v>23345</v>
      </c>
      <c r="F42" s="90">
        <v>0.51767375222220524</v>
      </c>
      <c r="G42" s="88">
        <v>70256</v>
      </c>
      <c r="H42" s="90">
        <v>1.5490195819040578</v>
      </c>
    </row>
    <row r="43" spans="1:8" ht="12.6" customHeight="1">
      <c r="A43" s="76"/>
      <c r="B43" s="96" t="s">
        <v>90</v>
      </c>
      <c r="C43" s="97">
        <v>3521</v>
      </c>
      <c r="D43" s="110">
        <v>3.8927106588299468E-2</v>
      </c>
      <c r="E43" s="99">
        <v>507</v>
      </c>
      <c r="F43" s="101">
        <v>1.1242689756978284E-2</v>
      </c>
      <c r="G43" s="100">
        <v>3014</v>
      </c>
      <c r="H43" s="101">
        <v>6.6453328112315385E-2</v>
      </c>
    </row>
    <row r="44" spans="1:8" ht="12.6" customHeight="1" thickBot="1">
      <c r="A44" s="102"/>
      <c r="B44" s="103" t="s">
        <v>91</v>
      </c>
      <c r="C44" s="104">
        <v>82926</v>
      </c>
      <c r="D44" s="111" t="s">
        <v>92</v>
      </c>
      <c r="E44" s="104">
        <v>49370</v>
      </c>
      <c r="F44" s="111" t="s">
        <v>92</v>
      </c>
      <c r="G44" s="104">
        <v>33556</v>
      </c>
      <c r="H44" s="111" t="s">
        <v>92</v>
      </c>
    </row>
    <row r="45" spans="1:8" ht="13.5" customHeight="1" thickTop="1">
      <c r="A45" s="76"/>
      <c r="B45" s="77" t="s">
        <v>70</v>
      </c>
      <c r="C45" s="78">
        <v>9100346</v>
      </c>
      <c r="D45" s="79" t="s">
        <v>73</v>
      </c>
      <c r="E45" s="80">
        <v>4548416</v>
      </c>
      <c r="F45" s="81" t="s">
        <v>113</v>
      </c>
      <c r="G45" s="80">
        <v>4551930</v>
      </c>
      <c r="H45" s="82" t="s">
        <v>102</v>
      </c>
    </row>
    <row r="46" spans="1:8" ht="12.6" customHeight="1">
      <c r="A46" s="76" t="s">
        <v>74</v>
      </c>
      <c r="B46" s="83" t="s">
        <v>114</v>
      </c>
      <c r="C46" s="84">
        <v>760333</v>
      </c>
      <c r="D46" s="107">
        <v>8.403217111005846</v>
      </c>
      <c r="E46" s="84">
        <v>389613</v>
      </c>
      <c r="F46" s="86">
        <v>8.6276685146002254</v>
      </c>
      <c r="G46" s="84">
        <v>370720</v>
      </c>
      <c r="H46" s="86">
        <v>8.1795782813133311</v>
      </c>
    </row>
    <row r="47" spans="1:8" ht="12.6" customHeight="1">
      <c r="A47" s="76" t="s">
        <v>76</v>
      </c>
      <c r="B47" s="87" t="s">
        <v>104</v>
      </c>
      <c r="C47" s="88">
        <v>813748</v>
      </c>
      <c r="D47" s="108">
        <v>8.9935608708904997</v>
      </c>
      <c r="E47" s="88">
        <v>416837</v>
      </c>
      <c r="F47" s="90">
        <v>9.23052223776007</v>
      </c>
      <c r="G47" s="88">
        <v>396911</v>
      </c>
      <c r="H47" s="90">
        <v>8.7574573673240064</v>
      </c>
    </row>
    <row r="48" spans="1:8" ht="12.6" customHeight="1">
      <c r="A48" s="76">
        <v>27</v>
      </c>
      <c r="B48" s="87" t="s">
        <v>105</v>
      </c>
      <c r="C48" s="88">
        <v>997917</v>
      </c>
      <c r="D48" s="108">
        <v>11.029000727002012</v>
      </c>
      <c r="E48" s="88">
        <v>524372</v>
      </c>
      <c r="F48" s="90">
        <v>11.61179887308162</v>
      </c>
      <c r="G48" s="88">
        <v>473545</v>
      </c>
      <c r="H48" s="90">
        <v>10.448312465538738</v>
      </c>
    </row>
    <row r="49" spans="1:8" ht="12.6" customHeight="1">
      <c r="A49" s="76" t="s">
        <v>63</v>
      </c>
      <c r="B49" s="87" t="s">
        <v>106</v>
      </c>
      <c r="C49" s="88">
        <v>1225105</v>
      </c>
      <c r="D49" s="108">
        <v>13.539887521360797</v>
      </c>
      <c r="E49" s="88">
        <v>632233</v>
      </c>
      <c r="F49" s="90">
        <v>14.000294517870923</v>
      </c>
      <c r="G49" s="91">
        <v>592872</v>
      </c>
      <c r="H49" s="90">
        <v>13.081147320885837</v>
      </c>
    </row>
    <row r="50" spans="1:8" ht="12.6" customHeight="1">
      <c r="A50" s="76">
        <v>1</v>
      </c>
      <c r="B50" s="92" t="s">
        <v>107</v>
      </c>
      <c r="C50" s="93">
        <v>1491838</v>
      </c>
      <c r="D50" s="109">
        <v>16.487826529229615</v>
      </c>
      <c r="E50" s="93">
        <v>771315</v>
      </c>
      <c r="F50" s="95">
        <v>17.080154256502922</v>
      </c>
      <c r="G50" s="93">
        <v>720523</v>
      </c>
      <c r="H50" s="95">
        <v>15.897643186196388</v>
      </c>
    </row>
    <row r="51" spans="1:8" ht="12.6" customHeight="1">
      <c r="A51" s="76" t="s">
        <v>81</v>
      </c>
      <c r="B51" s="87" t="s">
        <v>108</v>
      </c>
      <c r="C51" s="88">
        <v>1081962</v>
      </c>
      <c r="D51" s="108">
        <v>11.957867923473147</v>
      </c>
      <c r="E51" s="88">
        <v>558043</v>
      </c>
      <c r="F51" s="90">
        <v>12.357416258936569</v>
      </c>
      <c r="G51" s="88">
        <v>523919</v>
      </c>
      <c r="H51" s="90">
        <v>11.559766059471837</v>
      </c>
    </row>
    <row r="52" spans="1:8" ht="12.6" customHeight="1">
      <c r="A52" s="76">
        <v>1</v>
      </c>
      <c r="B52" s="87" t="s">
        <v>109</v>
      </c>
      <c r="C52" s="88">
        <v>1177708</v>
      </c>
      <c r="D52" s="108">
        <v>13.016054830407825</v>
      </c>
      <c r="E52" s="88">
        <v>576143</v>
      </c>
      <c r="F52" s="90">
        <v>12.758226293802613</v>
      </c>
      <c r="G52" s="88">
        <v>601565</v>
      </c>
      <c r="H52" s="90">
        <v>13.272949958993996</v>
      </c>
    </row>
    <row r="53" spans="1:8" ht="12.6" customHeight="1">
      <c r="A53" s="76" t="s">
        <v>84</v>
      </c>
      <c r="B53" s="87" t="s">
        <v>110</v>
      </c>
      <c r="C53" s="88">
        <v>953436</v>
      </c>
      <c r="D53" s="108">
        <v>10.537395732460606</v>
      </c>
      <c r="E53" s="88">
        <v>445786</v>
      </c>
      <c r="F53" s="90">
        <v>9.8715747073367055</v>
      </c>
      <c r="G53" s="88">
        <v>507650</v>
      </c>
      <c r="H53" s="90">
        <v>11.200806308018754</v>
      </c>
    </row>
    <row r="54" spans="1:8" ht="12.6" customHeight="1">
      <c r="A54" s="76" t="s">
        <v>86</v>
      </c>
      <c r="B54" s="87" t="s">
        <v>111</v>
      </c>
      <c r="C54" s="88">
        <v>452340</v>
      </c>
      <c r="D54" s="108">
        <v>4.9992716717443342</v>
      </c>
      <c r="E54" s="88">
        <v>179057</v>
      </c>
      <c r="F54" s="90">
        <v>3.9650741664646008</v>
      </c>
      <c r="G54" s="88">
        <v>273283</v>
      </c>
      <c r="H54" s="90">
        <v>6.0297251064203463</v>
      </c>
    </row>
    <row r="55" spans="1:8" ht="12.6" customHeight="1">
      <c r="A55" s="76" t="s">
        <v>88</v>
      </c>
      <c r="B55" s="87" t="s">
        <v>112</v>
      </c>
      <c r="C55" s="88">
        <v>89685</v>
      </c>
      <c r="D55" s="108">
        <v>0.99120060105316932</v>
      </c>
      <c r="E55" s="88">
        <v>21808</v>
      </c>
      <c r="F55" s="90">
        <v>0.48292073151152998</v>
      </c>
      <c r="G55" s="88">
        <v>67877</v>
      </c>
      <c r="H55" s="90">
        <v>1.4976403620001753</v>
      </c>
    </row>
    <row r="56" spans="1:8" ht="12.6" customHeight="1">
      <c r="A56" s="76"/>
      <c r="B56" s="96" t="s">
        <v>90</v>
      </c>
      <c r="C56" s="97">
        <v>4046</v>
      </c>
      <c r="D56" s="110">
        <v>4.4716481372148328E-2</v>
      </c>
      <c r="E56" s="99">
        <v>648</v>
      </c>
      <c r="F56" s="101">
        <v>1.4349442132220808E-2</v>
      </c>
      <c r="G56" s="100">
        <v>3398</v>
      </c>
      <c r="H56" s="101">
        <v>7.4973583836595539E-2</v>
      </c>
    </row>
    <row r="57" spans="1:8" ht="12.6" customHeight="1" thickBot="1">
      <c r="A57" s="102"/>
      <c r="B57" s="103" t="s">
        <v>91</v>
      </c>
      <c r="C57" s="104">
        <v>52228</v>
      </c>
      <c r="D57" s="111" t="s">
        <v>92</v>
      </c>
      <c r="E57" s="104">
        <v>32561</v>
      </c>
      <c r="F57" s="111" t="s">
        <v>92</v>
      </c>
      <c r="G57" s="104">
        <v>19667</v>
      </c>
      <c r="H57" s="111" t="s">
        <v>92</v>
      </c>
    </row>
    <row r="58" spans="1:8" ht="13.5" customHeight="1" thickTop="1">
      <c r="A58" s="76"/>
      <c r="B58" s="112" t="s">
        <v>70</v>
      </c>
      <c r="C58" s="78">
        <v>9083839</v>
      </c>
      <c r="D58" s="113" t="s">
        <v>102</v>
      </c>
      <c r="E58" s="114">
        <v>4544069</v>
      </c>
      <c r="F58" s="115" t="s">
        <v>93</v>
      </c>
      <c r="G58" s="114">
        <v>4539770</v>
      </c>
      <c r="H58" s="116" t="s">
        <v>93</v>
      </c>
    </row>
    <row r="59" spans="1:8" ht="12.6" customHeight="1">
      <c r="A59" s="76" t="s">
        <v>74</v>
      </c>
      <c r="B59" s="83" t="s">
        <v>115</v>
      </c>
      <c r="C59" s="84">
        <v>764463</v>
      </c>
      <c r="D59" s="107">
        <v>8.5</v>
      </c>
      <c r="E59" s="84">
        <v>391827</v>
      </c>
      <c r="F59" s="86">
        <v>8.6999999999999993</v>
      </c>
      <c r="G59" s="84">
        <v>372636</v>
      </c>
      <c r="H59" s="117">
        <v>8.1999999999999993</v>
      </c>
    </row>
    <row r="60" spans="1:8" ht="12.6" customHeight="1">
      <c r="A60" s="76" t="s">
        <v>76</v>
      </c>
      <c r="B60" s="87" t="s">
        <v>104</v>
      </c>
      <c r="C60" s="88">
        <v>818554</v>
      </c>
      <c r="D60" s="108">
        <v>9.1</v>
      </c>
      <c r="E60" s="88">
        <v>419120</v>
      </c>
      <c r="F60" s="90">
        <v>9.3000000000000007</v>
      </c>
      <c r="G60" s="88">
        <v>399434</v>
      </c>
      <c r="H60" s="118">
        <v>8.8000000000000007</v>
      </c>
    </row>
    <row r="61" spans="1:8" ht="12.6" customHeight="1">
      <c r="A61" s="76">
        <v>26</v>
      </c>
      <c r="B61" s="87" t="s">
        <v>105</v>
      </c>
      <c r="C61" s="88">
        <v>1006097</v>
      </c>
      <c r="D61" s="108">
        <v>11.1</v>
      </c>
      <c r="E61" s="88">
        <v>529242</v>
      </c>
      <c r="F61" s="90">
        <v>11.7</v>
      </c>
      <c r="G61" s="88">
        <v>476855</v>
      </c>
      <c r="H61" s="118">
        <v>10.5</v>
      </c>
    </row>
    <row r="62" spans="1:8" ht="12.6" customHeight="1">
      <c r="A62" s="76" t="s">
        <v>63</v>
      </c>
      <c r="B62" s="87" t="s">
        <v>106</v>
      </c>
      <c r="C62" s="88">
        <v>1270173</v>
      </c>
      <c r="D62" s="108">
        <v>14.1</v>
      </c>
      <c r="E62" s="88">
        <v>655787</v>
      </c>
      <c r="F62" s="90">
        <v>14.5</v>
      </c>
      <c r="G62" s="91">
        <v>614386</v>
      </c>
      <c r="H62" s="118">
        <v>13.6</v>
      </c>
    </row>
    <row r="63" spans="1:8" ht="12.6" customHeight="1">
      <c r="A63" s="76">
        <v>1</v>
      </c>
      <c r="B63" s="92" t="s">
        <v>107</v>
      </c>
      <c r="C63" s="93">
        <v>1470425</v>
      </c>
      <c r="D63" s="109">
        <v>16.3</v>
      </c>
      <c r="E63" s="93">
        <v>762042</v>
      </c>
      <c r="F63" s="95">
        <v>16.899999999999999</v>
      </c>
      <c r="G63" s="93">
        <v>708383</v>
      </c>
      <c r="H63" s="119">
        <v>15.7</v>
      </c>
    </row>
    <row r="64" spans="1:8" ht="12.6" customHeight="1">
      <c r="A64" s="76" t="s">
        <v>81</v>
      </c>
      <c r="B64" s="87" t="s">
        <v>108</v>
      </c>
      <c r="C64" s="88">
        <v>1056504</v>
      </c>
      <c r="D64" s="108">
        <v>11.7</v>
      </c>
      <c r="E64" s="88">
        <v>542874</v>
      </c>
      <c r="F64" s="90">
        <v>12</v>
      </c>
      <c r="G64" s="88">
        <v>513630</v>
      </c>
      <c r="H64" s="118">
        <v>11.4</v>
      </c>
    </row>
    <row r="65" spans="1:8" ht="12.6" customHeight="1">
      <c r="A65" s="76">
        <v>1</v>
      </c>
      <c r="B65" s="87" t="s">
        <v>109</v>
      </c>
      <c r="C65" s="88">
        <v>1199345</v>
      </c>
      <c r="D65" s="108">
        <v>13.3</v>
      </c>
      <c r="E65" s="88">
        <v>586585</v>
      </c>
      <c r="F65" s="90">
        <v>13</v>
      </c>
      <c r="G65" s="88">
        <v>612760</v>
      </c>
      <c r="H65" s="118">
        <v>13.6</v>
      </c>
    </row>
    <row r="66" spans="1:8" ht="12.6" customHeight="1">
      <c r="A66" s="76" t="s">
        <v>84</v>
      </c>
      <c r="B66" s="87" t="s">
        <v>110</v>
      </c>
      <c r="C66" s="88">
        <v>927433</v>
      </c>
      <c r="D66" s="108">
        <v>10.3</v>
      </c>
      <c r="E66" s="88">
        <v>434339</v>
      </c>
      <c r="F66" s="90">
        <v>9.6</v>
      </c>
      <c r="G66" s="88">
        <v>493094</v>
      </c>
      <c r="H66" s="118">
        <v>10.9</v>
      </c>
    </row>
    <row r="67" spans="1:8" ht="12.6" customHeight="1">
      <c r="A67" s="76" t="s">
        <v>86</v>
      </c>
      <c r="B67" s="87" t="s">
        <v>111</v>
      </c>
      <c r="C67" s="88">
        <v>430990</v>
      </c>
      <c r="D67" s="108">
        <v>4.8</v>
      </c>
      <c r="E67" s="88">
        <v>169245</v>
      </c>
      <c r="F67" s="90">
        <v>3.8</v>
      </c>
      <c r="G67" s="88">
        <v>261745</v>
      </c>
      <c r="H67" s="118">
        <v>5.8</v>
      </c>
    </row>
    <row r="68" spans="1:8" ht="12.6" customHeight="1">
      <c r="A68" s="76" t="s">
        <v>88</v>
      </c>
      <c r="B68" s="87" t="s">
        <v>112</v>
      </c>
      <c r="C68" s="88">
        <v>84139</v>
      </c>
      <c r="D68" s="108">
        <v>0.9</v>
      </c>
      <c r="E68" s="88">
        <v>19911</v>
      </c>
      <c r="F68" s="90">
        <v>0.4</v>
      </c>
      <c r="G68" s="88">
        <v>64228</v>
      </c>
      <c r="H68" s="118">
        <v>1.4</v>
      </c>
    </row>
    <row r="69" spans="1:8" ht="12.6" customHeight="1">
      <c r="A69" s="76"/>
      <c r="B69" s="96" t="s">
        <v>90</v>
      </c>
      <c r="C69" s="97">
        <v>3488</v>
      </c>
      <c r="D69" s="110">
        <v>0</v>
      </c>
      <c r="E69" s="99">
        <v>536</v>
      </c>
      <c r="F69" s="101">
        <v>0</v>
      </c>
      <c r="G69" s="97">
        <v>2952</v>
      </c>
      <c r="H69" s="120">
        <v>0.1</v>
      </c>
    </row>
    <row r="70" spans="1:8" ht="12.6" customHeight="1" thickBot="1">
      <c r="A70" s="102"/>
      <c r="B70" s="103" t="s">
        <v>91</v>
      </c>
      <c r="C70" s="104">
        <v>52228</v>
      </c>
      <c r="D70" s="111" t="s">
        <v>92</v>
      </c>
      <c r="E70" s="104">
        <v>32561</v>
      </c>
      <c r="F70" s="106" t="s">
        <v>92</v>
      </c>
      <c r="G70" s="104">
        <v>19667</v>
      </c>
      <c r="H70" s="121" t="s">
        <v>92</v>
      </c>
    </row>
    <row r="71" spans="1:8" ht="12.75" thickTop="1"/>
    <row r="72" spans="1:8">
      <c r="B72" s="61" t="s">
        <v>116</v>
      </c>
    </row>
  </sheetData>
  <mergeCells count="3">
    <mergeCell ref="C2:D3"/>
    <mergeCell ref="E2:F3"/>
    <mergeCell ref="G2:H3"/>
  </mergeCells>
  <phoneticPr fontId="3"/>
  <pageMargins left="1.1811023622047245" right="0.59055118110236227" top="0.78740157480314965" bottom="0.9055118110236221" header="0.51181102362204722" footer="0.19685039370078741"/>
  <pageSetup paperSize="9" scale="87" firstPageNumber="10" orientation="portrait" useFirstPageNumber="1" r:id="rId1"/>
  <headerFooter differentFirst="1" alignWithMargins="0">
    <firstFooter>&amp;C&amp;"ＭＳ ゴシック,太字"&amp;10-10-</firstFoot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65"/>
  <sheetViews>
    <sheetView zoomScale="75" zoomScaleNormal="75" zoomScaleSheetLayoutView="80" workbookViewId="0"/>
  </sheetViews>
  <sheetFormatPr defaultRowHeight="13.5"/>
  <cols>
    <col min="1" max="1" width="8.125" style="132" customWidth="1"/>
    <col min="2" max="2" width="15.625" style="132" customWidth="1"/>
    <col min="3" max="3" width="13.75" style="132" customWidth="1"/>
    <col min="4" max="4" width="9.75" style="132" customWidth="1"/>
    <col min="5" max="9" width="9.25" style="132" customWidth="1"/>
    <col min="10" max="12" width="9.125" style="132" customWidth="1"/>
    <col min="13" max="13" width="1.5" style="132" customWidth="1"/>
    <col min="14" max="14" width="13.25" style="132" customWidth="1"/>
    <col min="15" max="19" width="10.125" style="132" customWidth="1"/>
    <col min="20" max="25" width="9.625" style="132" customWidth="1"/>
    <col min="26" max="253" width="9" style="132"/>
    <col min="254" max="254" width="8.125" style="132" customWidth="1"/>
    <col min="255" max="255" width="15.625" style="132" customWidth="1"/>
    <col min="256" max="256" width="13.75" style="132" customWidth="1"/>
    <col min="257" max="262" width="9.75" style="132" customWidth="1"/>
    <col min="263" max="265" width="9.625" style="132" customWidth="1"/>
    <col min="266" max="266" width="1.5" style="132" customWidth="1"/>
    <col min="267" max="267" width="13.25" style="132" customWidth="1"/>
    <col min="268" max="272" width="10.125" style="132" customWidth="1"/>
    <col min="273" max="278" width="9.625" style="132" customWidth="1"/>
    <col min="279" max="509" width="9" style="132"/>
    <col min="510" max="510" width="8.125" style="132" customWidth="1"/>
    <col min="511" max="511" width="15.625" style="132" customWidth="1"/>
    <col min="512" max="512" width="13.75" style="132" customWidth="1"/>
    <col min="513" max="518" width="9.75" style="132" customWidth="1"/>
    <col min="519" max="521" width="9.625" style="132" customWidth="1"/>
    <col min="522" max="522" width="1.5" style="132" customWidth="1"/>
    <col min="523" max="523" width="13.25" style="132" customWidth="1"/>
    <col min="524" max="528" width="10.125" style="132" customWidth="1"/>
    <col min="529" max="534" width="9.625" style="132" customWidth="1"/>
    <col min="535" max="765" width="9" style="132"/>
    <col min="766" max="766" width="8.125" style="132" customWidth="1"/>
    <col min="767" max="767" width="15.625" style="132" customWidth="1"/>
    <col min="768" max="768" width="13.75" style="132" customWidth="1"/>
    <col min="769" max="774" width="9.75" style="132" customWidth="1"/>
    <col min="775" max="777" width="9.625" style="132" customWidth="1"/>
    <col min="778" max="778" width="1.5" style="132" customWidth="1"/>
    <col min="779" max="779" width="13.25" style="132" customWidth="1"/>
    <col min="780" max="784" width="10.125" style="132" customWidth="1"/>
    <col min="785" max="790" width="9.625" style="132" customWidth="1"/>
    <col min="791" max="1021" width="9" style="132"/>
    <col min="1022" max="1022" width="8.125" style="132" customWidth="1"/>
    <col min="1023" max="1023" width="15.625" style="132" customWidth="1"/>
    <col min="1024" max="1024" width="13.75" style="132" customWidth="1"/>
    <col min="1025" max="1030" width="9.75" style="132" customWidth="1"/>
    <col min="1031" max="1033" width="9.625" style="132" customWidth="1"/>
    <col min="1034" max="1034" width="1.5" style="132" customWidth="1"/>
    <col min="1035" max="1035" width="13.25" style="132" customWidth="1"/>
    <col min="1036" max="1040" width="10.125" style="132" customWidth="1"/>
    <col min="1041" max="1046" width="9.625" style="132" customWidth="1"/>
    <col min="1047" max="1277" width="9" style="132"/>
    <col min="1278" max="1278" width="8.125" style="132" customWidth="1"/>
    <col min="1279" max="1279" width="15.625" style="132" customWidth="1"/>
    <col min="1280" max="1280" width="13.75" style="132" customWidth="1"/>
    <col min="1281" max="1286" width="9.75" style="132" customWidth="1"/>
    <col min="1287" max="1289" width="9.625" style="132" customWidth="1"/>
    <col min="1290" max="1290" width="1.5" style="132" customWidth="1"/>
    <col min="1291" max="1291" width="13.25" style="132" customWidth="1"/>
    <col min="1292" max="1296" width="10.125" style="132" customWidth="1"/>
    <col min="1297" max="1302" width="9.625" style="132" customWidth="1"/>
    <col min="1303" max="1533" width="9" style="132"/>
    <col min="1534" max="1534" width="8.125" style="132" customWidth="1"/>
    <col min="1535" max="1535" width="15.625" style="132" customWidth="1"/>
    <col min="1536" max="1536" width="13.75" style="132" customWidth="1"/>
    <col min="1537" max="1542" width="9.75" style="132" customWidth="1"/>
    <col min="1543" max="1545" width="9.625" style="132" customWidth="1"/>
    <col min="1546" max="1546" width="1.5" style="132" customWidth="1"/>
    <col min="1547" max="1547" width="13.25" style="132" customWidth="1"/>
    <col min="1548" max="1552" width="10.125" style="132" customWidth="1"/>
    <col min="1553" max="1558" width="9.625" style="132" customWidth="1"/>
    <col min="1559" max="1789" width="9" style="132"/>
    <col min="1790" max="1790" width="8.125" style="132" customWidth="1"/>
    <col min="1791" max="1791" width="15.625" style="132" customWidth="1"/>
    <col min="1792" max="1792" width="13.75" style="132" customWidth="1"/>
    <col min="1793" max="1798" width="9.75" style="132" customWidth="1"/>
    <col min="1799" max="1801" width="9.625" style="132" customWidth="1"/>
    <col min="1802" max="1802" width="1.5" style="132" customWidth="1"/>
    <col min="1803" max="1803" width="13.25" style="132" customWidth="1"/>
    <col min="1804" max="1808" width="10.125" style="132" customWidth="1"/>
    <col min="1809" max="1814" width="9.625" style="132" customWidth="1"/>
    <col min="1815" max="2045" width="9" style="132"/>
    <col min="2046" max="2046" width="8.125" style="132" customWidth="1"/>
    <col min="2047" max="2047" width="15.625" style="132" customWidth="1"/>
    <col min="2048" max="2048" width="13.75" style="132" customWidth="1"/>
    <col min="2049" max="2054" width="9.75" style="132" customWidth="1"/>
    <col min="2055" max="2057" width="9.625" style="132" customWidth="1"/>
    <col min="2058" max="2058" width="1.5" style="132" customWidth="1"/>
    <col min="2059" max="2059" width="13.25" style="132" customWidth="1"/>
    <col min="2060" max="2064" width="10.125" style="132" customWidth="1"/>
    <col min="2065" max="2070" width="9.625" style="132" customWidth="1"/>
    <col min="2071" max="2301" width="9" style="132"/>
    <col min="2302" max="2302" width="8.125" style="132" customWidth="1"/>
    <col min="2303" max="2303" width="15.625" style="132" customWidth="1"/>
    <col min="2304" max="2304" width="13.75" style="132" customWidth="1"/>
    <col min="2305" max="2310" width="9.75" style="132" customWidth="1"/>
    <col min="2311" max="2313" width="9.625" style="132" customWidth="1"/>
    <col min="2314" max="2314" width="1.5" style="132" customWidth="1"/>
    <col min="2315" max="2315" width="13.25" style="132" customWidth="1"/>
    <col min="2316" max="2320" width="10.125" style="132" customWidth="1"/>
    <col min="2321" max="2326" width="9.625" style="132" customWidth="1"/>
    <col min="2327" max="2557" width="9" style="132"/>
    <col min="2558" max="2558" width="8.125" style="132" customWidth="1"/>
    <col min="2559" max="2559" width="15.625" style="132" customWidth="1"/>
    <col min="2560" max="2560" width="13.75" style="132" customWidth="1"/>
    <col min="2561" max="2566" width="9.75" style="132" customWidth="1"/>
    <col min="2567" max="2569" width="9.625" style="132" customWidth="1"/>
    <col min="2570" max="2570" width="1.5" style="132" customWidth="1"/>
    <col min="2571" max="2571" width="13.25" style="132" customWidth="1"/>
    <col min="2572" max="2576" width="10.125" style="132" customWidth="1"/>
    <col min="2577" max="2582" width="9.625" style="132" customWidth="1"/>
    <col min="2583" max="2813" width="9" style="132"/>
    <col min="2814" max="2814" width="8.125" style="132" customWidth="1"/>
    <col min="2815" max="2815" width="15.625" style="132" customWidth="1"/>
    <col min="2816" max="2816" width="13.75" style="132" customWidth="1"/>
    <col min="2817" max="2822" width="9.75" style="132" customWidth="1"/>
    <col min="2823" max="2825" width="9.625" style="132" customWidth="1"/>
    <col min="2826" max="2826" width="1.5" style="132" customWidth="1"/>
    <col min="2827" max="2827" width="13.25" style="132" customWidth="1"/>
    <col min="2828" max="2832" width="10.125" style="132" customWidth="1"/>
    <col min="2833" max="2838" width="9.625" style="132" customWidth="1"/>
    <col min="2839" max="3069" width="9" style="132"/>
    <col min="3070" max="3070" width="8.125" style="132" customWidth="1"/>
    <col min="3071" max="3071" width="15.625" style="132" customWidth="1"/>
    <col min="3072" max="3072" width="13.75" style="132" customWidth="1"/>
    <col min="3073" max="3078" width="9.75" style="132" customWidth="1"/>
    <col min="3079" max="3081" width="9.625" style="132" customWidth="1"/>
    <col min="3082" max="3082" width="1.5" style="132" customWidth="1"/>
    <col min="3083" max="3083" width="13.25" style="132" customWidth="1"/>
    <col min="3084" max="3088" width="10.125" style="132" customWidth="1"/>
    <col min="3089" max="3094" width="9.625" style="132" customWidth="1"/>
    <col min="3095" max="3325" width="9" style="132"/>
    <col min="3326" max="3326" width="8.125" style="132" customWidth="1"/>
    <col min="3327" max="3327" width="15.625" style="132" customWidth="1"/>
    <col min="3328" max="3328" width="13.75" style="132" customWidth="1"/>
    <col min="3329" max="3334" width="9.75" style="132" customWidth="1"/>
    <col min="3335" max="3337" width="9.625" style="132" customWidth="1"/>
    <col min="3338" max="3338" width="1.5" style="132" customWidth="1"/>
    <col min="3339" max="3339" width="13.25" style="132" customWidth="1"/>
    <col min="3340" max="3344" width="10.125" style="132" customWidth="1"/>
    <col min="3345" max="3350" width="9.625" style="132" customWidth="1"/>
    <col min="3351" max="3581" width="9" style="132"/>
    <col min="3582" max="3582" width="8.125" style="132" customWidth="1"/>
    <col min="3583" max="3583" width="15.625" style="132" customWidth="1"/>
    <col min="3584" max="3584" width="13.75" style="132" customWidth="1"/>
    <col min="3585" max="3590" width="9.75" style="132" customWidth="1"/>
    <col min="3591" max="3593" width="9.625" style="132" customWidth="1"/>
    <col min="3594" max="3594" width="1.5" style="132" customWidth="1"/>
    <col min="3595" max="3595" width="13.25" style="132" customWidth="1"/>
    <col min="3596" max="3600" width="10.125" style="132" customWidth="1"/>
    <col min="3601" max="3606" width="9.625" style="132" customWidth="1"/>
    <col min="3607" max="3837" width="9" style="132"/>
    <col min="3838" max="3838" width="8.125" style="132" customWidth="1"/>
    <col min="3839" max="3839" width="15.625" style="132" customWidth="1"/>
    <col min="3840" max="3840" width="13.75" style="132" customWidth="1"/>
    <col min="3841" max="3846" width="9.75" style="132" customWidth="1"/>
    <col min="3847" max="3849" width="9.625" style="132" customWidth="1"/>
    <col min="3850" max="3850" width="1.5" style="132" customWidth="1"/>
    <col min="3851" max="3851" width="13.25" style="132" customWidth="1"/>
    <col min="3852" max="3856" width="10.125" style="132" customWidth="1"/>
    <col min="3857" max="3862" width="9.625" style="132" customWidth="1"/>
    <col min="3863" max="4093" width="9" style="132"/>
    <col min="4094" max="4094" width="8.125" style="132" customWidth="1"/>
    <col min="4095" max="4095" width="15.625" style="132" customWidth="1"/>
    <col min="4096" max="4096" width="13.75" style="132" customWidth="1"/>
    <col min="4097" max="4102" width="9.75" style="132" customWidth="1"/>
    <col min="4103" max="4105" width="9.625" style="132" customWidth="1"/>
    <col min="4106" max="4106" width="1.5" style="132" customWidth="1"/>
    <col min="4107" max="4107" width="13.25" style="132" customWidth="1"/>
    <col min="4108" max="4112" width="10.125" style="132" customWidth="1"/>
    <col min="4113" max="4118" width="9.625" style="132" customWidth="1"/>
    <col min="4119" max="4349" width="9" style="132"/>
    <col min="4350" max="4350" width="8.125" style="132" customWidth="1"/>
    <col min="4351" max="4351" width="15.625" style="132" customWidth="1"/>
    <col min="4352" max="4352" width="13.75" style="132" customWidth="1"/>
    <col min="4353" max="4358" width="9.75" style="132" customWidth="1"/>
    <col min="4359" max="4361" width="9.625" style="132" customWidth="1"/>
    <col min="4362" max="4362" width="1.5" style="132" customWidth="1"/>
    <col min="4363" max="4363" width="13.25" style="132" customWidth="1"/>
    <col min="4364" max="4368" width="10.125" style="132" customWidth="1"/>
    <col min="4369" max="4374" width="9.625" style="132" customWidth="1"/>
    <col min="4375" max="4605" width="9" style="132"/>
    <col min="4606" max="4606" width="8.125" style="132" customWidth="1"/>
    <col min="4607" max="4607" width="15.625" style="132" customWidth="1"/>
    <col min="4608" max="4608" width="13.75" style="132" customWidth="1"/>
    <col min="4609" max="4614" width="9.75" style="132" customWidth="1"/>
    <col min="4615" max="4617" width="9.625" style="132" customWidth="1"/>
    <col min="4618" max="4618" width="1.5" style="132" customWidth="1"/>
    <col min="4619" max="4619" width="13.25" style="132" customWidth="1"/>
    <col min="4620" max="4624" width="10.125" style="132" customWidth="1"/>
    <col min="4625" max="4630" width="9.625" style="132" customWidth="1"/>
    <col min="4631" max="4861" width="9" style="132"/>
    <col min="4862" max="4862" width="8.125" style="132" customWidth="1"/>
    <col min="4863" max="4863" width="15.625" style="132" customWidth="1"/>
    <col min="4864" max="4864" width="13.75" style="132" customWidth="1"/>
    <col min="4865" max="4870" width="9.75" style="132" customWidth="1"/>
    <col min="4871" max="4873" width="9.625" style="132" customWidth="1"/>
    <col min="4874" max="4874" width="1.5" style="132" customWidth="1"/>
    <col min="4875" max="4875" width="13.25" style="132" customWidth="1"/>
    <col min="4876" max="4880" width="10.125" style="132" customWidth="1"/>
    <col min="4881" max="4886" width="9.625" style="132" customWidth="1"/>
    <col min="4887" max="5117" width="9" style="132"/>
    <col min="5118" max="5118" width="8.125" style="132" customWidth="1"/>
    <col min="5119" max="5119" width="15.625" style="132" customWidth="1"/>
    <col min="5120" max="5120" width="13.75" style="132" customWidth="1"/>
    <col min="5121" max="5126" width="9.75" style="132" customWidth="1"/>
    <col min="5127" max="5129" width="9.625" style="132" customWidth="1"/>
    <col min="5130" max="5130" width="1.5" style="132" customWidth="1"/>
    <col min="5131" max="5131" width="13.25" style="132" customWidth="1"/>
    <col min="5132" max="5136" width="10.125" style="132" customWidth="1"/>
    <col min="5137" max="5142" width="9.625" style="132" customWidth="1"/>
    <col min="5143" max="5373" width="9" style="132"/>
    <col min="5374" max="5374" width="8.125" style="132" customWidth="1"/>
    <col min="5375" max="5375" width="15.625" style="132" customWidth="1"/>
    <col min="5376" max="5376" width="13.75" style="132" customWidth="1"/>
    <col min="5377" max="5382" width="9.75" style="132" customWidth="1"/>
    <col min="5383" max="5385" width="9.625" style="132" customWidth="1"/>
    <col min="5386" max="5386" width="1.5" style="132" customWidth="1"/>
    <col min="5387" max="5387" width="13.25" style="132" customWidth="1"/>
    <col min="5388" max="5392" width="10.125" style="132" customWidth="1"/>
    <col min="5393" max="5398" width="9.625" style="132" customWidth="1"/>
    <col min="5399" max="5629" width="9" style="132"/>
    <col min="5630" max="5630" width="8.125" style="132" customWidth="1"/>
    <col min="5631" max="5631" width="15.625" style="132" customWidth="1"/>
    <col min="5632" max="5632" width="13.75" style="132" customWidth="1"/>
    <col min="5633" max="5638" width="9.75" style="132" customWidth="1"/>
    <col min="5639" max="5641" width="9.625" style="132" customWidth="1"/>
    <col min="5642" max="5642" width="1.5" style="132" customWidth="1"/>
    <col min="5643" max="5643" width="13.25" style="132" customWidth="1"/>
    <col min="5644" max="5648" width="10.125" style="132" customWidth="1"/>
    <col min="5649" max="5654" width="9.625" style="132" customWidth="1"/>
    <col min="5655" max="5885" width="9" style="132"/>
    <col min="5886" max="5886" width="8.125" style="132" customWidth="1"/>
    <col min="5887" max="5887" width="15.625" style="132" customWidth="1"/>
    <col min="5888" max="5888" width="13.75" style="132" customWidth="1"/>
    <col min="5889" max="5894" width="9.75" style="132" customWidth="1"/>
    <col min="5895" max="5897" width="9.625" style="132" customWidth="1"/>
    <col min="5898" max="5898" width="1.5" style="132" customWidth="1"/>
    <col min="5899" max="5899" width="13.25" style="132" customWidth="1"/>
    <col min="5900" max="5904" width="10.125" style="132" customWidth="1"/>
    <col min="5905" max="5910" width="9.625" style="132" customWidth="1"/>
    <col min="5911" max="6141" width="9" style="132"/>
    <col min="6142" max="6142" width="8.125" style="132" customWidth="1"/>
    <col min="6143" max="6143" width="15.625" style="132" customWidth="1"/>
    <col min="6144" max="6144" width="13.75" style="132" customWidth="1"/>
    <col min="6145" max="6150" width="9.75" style="132" customWidth="1"/>
    <col min="6151" max="6153" width="9.625" style="132" customWidth="1"/>
    <col min="6154" max="6154" width="1.5" style="132" customWidth="1"/>
    <col min="6155" max="6155" width="13.25" style="132" customWidth="1"/>
    <col min="6156" max="6160" width="10.125" style="132" customWidth="1"/>
    <col min="6161" max="6166" width="9.625" style="132" customWidth="1"/>
    <col min="6167" max="6397" width="9" style="132"/>
    <col min="6398" max="6398" width="8.125" style="132" customWidth="1"/>
    <col min="6399" max="6399" width="15.625" style="132" customWidth="1"/>
    <col min="6400" max="6400" width="13.75" style="132" customWidth="1"/>
    <col min="6401" max="6406" width="9.75" style="132" customWidth="1"/>
    <col min="6407" max="6409" width="9.625" style="132" customWidth="1"/>
    <col min="6410" max="6410" width="1.5" style="132" customWidth="1"/>
    <col min="6411" max="6411" width="13.25" style="132" customWidth="1"/>
    <col min="6412" max="6416" width="10.125" style="132" customWidth="1"/>
    <col min="6417" max="6422" width="9.625" style="132" customWidth="1"/>
    <col min="6423" max="6653" width="9" style="132"/>
    <col min="6654" max="6654" width="8.125" style="132" customWidth="1"/>
    <col min="6655" max="6655" width="15.625" style="132" customWidth="1"/>
    <col min="6656" max="6656" width="13.75" style="132" customWidth="1"/>
    <col min="6657" max="6662" width="9.75" style="132" customWidth="1"/>
    <col min="6663" max="6665" width="9.625" style="132" customWidth="1"/>
    <col min="6666" max="6666" width="1.5" style="132" customWidth="1"/>
    <col min="6667" max="6667" width="13.25" style="132" customWidth="1"/>
    <col min="6668" max="6672" width="10.125" style="132" customWidth="1"/>
    <col min="6673" max="6678" width="9.625" style="132" customWidth="1"/>
    <col min="6679" max="6909" width="9" style="132"/>
    <col min="6910" max="6910" width="8.125" style="132" customWidth="1"/>
    <col min="6911" max="6911" width="15.625" style="132" customWidth="1"/>
    <col min="6912" max="6912" width="13.75" style="132" customWidth="1"/>
    <col min="6913" max="6918" width="9.75" style="132" customWidth="1"/>
    <col min="6919" max="6921" width="9.625" style="132" customWidth="1"/>
    <col min="6922" max="6922" width="1.5" style="132" customWidth="1"/>
    <col min="6923" max="6923" width="13.25" style="132" customWidth="1"/>
    <col min="6924" max="6928" width="10.125" style="132" customWidth="1"/>
    <col min="6929" max="6934" width="9.625" style="132" customWidth="1"/>
    <col min="6935" max="7165" width="9" style="132"/>
    <col min="7166" max="7166" width="8.125" style="132" customWidth="1"/>
    <col min="7167" max="7167" width="15.625" style="132" customWidth="1"/>
    <col min="7168" max="7168" width="13.75" style="132" customWidth="1"/>
    <col min="7169" max="7174" width="9.75" style="132" customWidth="1"/>
    <col min="7175" max="7177" width="9.625" style="132" customWidth="1"/>
    <col min="7178" max="7178" width="1.5" style="132" customWidth="1"/>
    <col min="7179" max="7179" width="13.25" style="132" customWidth="1"/>
    <col min="7180" max="7184" width="10.125" style="132" customWidth="1"/>
    <col min="7185" max="7190" width="9.625" style="132" customWidth="1"/>
    <col min="7191" max="7421" width="9" style="132"/>
    <col min="7422" max="7422" width="8.125" style="132" customWidth="1"/>
    <col min="7423" max="7423" width="15.625" style="132" customWidth="1"/>
    <col min="7424" max="7424" width="13.75" style="132" customWidth="1"/>
    <col min="7425" max="7430" width="9.75" style="132" customWidth="1"/>
    <col min="7431" max="7433" width="9.625" style="132" customWidth="1"/>
    <col min="7434" max="7434" width="1.5" style="132" customWidth="1"/>
    <col min="7435" max="7435" width="13.25" style="132" customWidth="1"/>
    <col min="7436" max="7440" width="10.125" style="132" customWidth="1"/>
    <col min="7441" max="7446" width="9.625" style="132" customWidth="1"/>
    <col min="7447" max="7677" width="9" style="132"/>
    <col min="7678" max="7678" width="8.125" style="132" customWidth="1"/>
    <col min="7679" max="7679" width="15.625" style="132" customWidth="1"/>
    <col min="7680" max="7680" width="13.75" style="132" customWidth="1"/>
    <col min="7681" max="7686" width="9.75" style="132" customWidth="1"/>
    <col min="7687" max="7689" width="9.625" style="132" customWidth="1"/>
    <col min="7690" max="7690" width="1.5" style="132" customWidth="1"/>
    <col min="7691" max="7691" width="13.25" style="132" customWidth="1"/>
    <col min="7692" max="7696" width="10.125" style="132" customWidth="1"/>
    <col min="7697" max="7702" width="9.625" style="132" customWidth="1"/>
    <col min="7703" max="7933" width="9" style="132"/>
    <col min="7934" max="7934" width="8.125" style="132" customWidth="1"/>
    <col min="7935" max="7935" width="15.625" style="132" customWidth="1"/>
    <col min="7936" max="7936" width="13.75" style="132" customWidth="1"/>
    <col min="7937" max="7942" width="9.75" style="132" customWidth="1"/>
    <col min="7943" max="7945" width="9.625" style="132" customWidth="1"/>
    <col min="7946" max="7946" width="1.5" style="132" customWidth="1"/>
    <col min="7947" max="7947" width="13.25" style="132" customWidth="1"/>
    <col min="7948" max="7952" width="10.125" style="132" customWidth="1"/>
    <col min="7953" max="7958" width="9.625" style="132" customWidth="1"/>
    <col min="7959" max="8189" width="9" style="132"/>
    <col min="8190" max="8190" width="8.125" style="132" customWidth="1"/>
    <col min="8191" max="8191" width="15.625" style="132" customWidth="1"/>
    <col min="8192" max="8192" width="13.75" style="132" customWidth="1"/>
    <col min="8193" max="8198" width="9.75" style="132" customWidth="1"/>
    <col min="8199" max="8201" width="9.625" style="132" customWidth="1"/>
    <col min="8202" max="8202" width="1.5" style="132" customWidth="1"/>
    <col min="8203" max="8203" width="13.25" style="132" customWidth="1"/>
    <col min="8204" max="8208" width="10.125" style="132" customWidth="1"/>
    <col min="8209" max="8214" width="9.625" style="132" customWidth="1"/>
    <col min="8215" max="8445" width="9" style="132"/>
    <col min="8446" max="8446" width="8.125" style="132" customWidth="1"/>
    <col min="8447" max="8447" width="15.625" style="132" customWidth="1"/>
    <col min="8448" max="8448" width="13.75" style="132" customWidth="1"/>
    <col min="8449" max="8454" width="9.75" style="132" customWidth="1"/>
    <col min="8455" max="8457" width="9.625" style="132" customWidth="1"/>
    <col min="8458" max="8458" width="1.5" style="132" customWidth="1"/>
    <col min="8459" max="8459" width="13.25" style="132" customWidth="1"/>
    <col min="8460" max="8464" width="10.125" style="132" customWidth="1"/>
    <col min="8465" max="8470" width="9.625" style="132" customWidth="1"/>
    <col min="8471" max="8701" width="9" style="132"/>
    <col min="8702" max="8702" width="8.125" style="132" customWidth="1"/>
    <col min="8703" max="8703" width="15.625" style="132" customWidth="1"/>
    <col min="8704" max="8704" width="13.75" style="132" customWidth="1"/>
    <col min="8705" max="8710" width="9.75" style="132" customWidth="1"/>
    <col min="8711" max="8713" width="9.625" style="132" customWidth="1"/>
    <col min="8714" max="8714" width="1.5" style="132" customWidth="1"/>
    <col min="8715" max="8715" width="13.25" style="132" customWidth="1"/>
    <col min="8716" max="8720" width="10.125" style="132" customWidth="1"/>
    <col min="8721" max="8726" width="9.625" style="132" customWidth="1"/>
    <col min="8727" max="8957" width="9" style="132"/>
    <col min="8958" max="8958" width="8.125" style="132" customWidth="1"/>
    <col min="8959" max="8959" width="15.625" style="132" customWidth="1"/>
    <col min="8960" max="8960" width="13.75" style="132" customWidth="1"/>
    <col min="8961" max="8966" width="9.75" style="132" customWidth="1"/>
    <col min="8967" max="8969" width="9.625" style="132" customWidth="1"/>
    <col min="8970" max="8970" width="1.5" style="132" customWidth="1"/>
    <col min="8971" max="8971" width="13.25" style="132" customWidth="1"/>
    <col min="8972" max="8976" width="10.125" style="132" customWidth="1"/>
    <col min="8977" max="8982" width="9.625" style="132" customWidth="1"/>
    <col min="8983" max="9213" width="9" style="132"/>
    <col min="9214" max="9214" width="8.125" style="132" customWidth="1"/>
    <col min="9215" max="9215" width="15.625" style="132" customWidth="1"/>
    <col min="9216" max="9216" width="13.75" style="132" customWidth="1"/>
    <col min="9217" max="9222" width="9.75" style="132" customWidth="1"/>
    <col min="9223" max="9225" width="9.625" style="132" customWidth="1"/>
    <col min="9226" max="9226" width="1.5" style="132" customWidth="1"/>
    <col min="9227" max="9227" width="13.25" style="132" customWidth="1"/>
    <col min="9228" max="9232" width="10.125" style="132" customWidth="1"/>
    <col min="9233" max="9238" width="9.625" style="132" customWidth="1"/>
    <col min="9239" max="9469" width="9" style="132"/>
    <col min="9470" max="9470" width="8.125" style="132" customWidth="1"/>
    <col min="9471" max="9471" width="15.625" style="132" customWidth="1"/>
    <col min="9472" max="9472" width="13.75" style="132" customWidth="1"/>
    <col min="9473" max="9478" width="9.75" style="132" customWidth="1"/>
    <col min="9479" max="9481" width="9.625" style="132" customWidth="1"/>
    <col min="9482" max="9482" width="1.5" style="132" customWidth="1"/>
    <col min="9483" max="9483" width="13.25" style="132" customWidth="1"/>
    <col min="9484" max="9488" width="10.125" style="132" customWidth="1"/>
    <col min="9489" max="9494" width="9.625" style="132" customWidth="1"/>
    <col min="9495" max="9725" width="9" style="132"/>
    <col min="9726" max="9726" width="8.125" style="132" customWidth="1"/>
    <col min="9727" max="9727" width="15.625" style="132" customWidth="1"/>
    <col min="9728" max="9728" width="13.75" style="132" customWidth="1"/>
    <col min="9729" max="9734" width="9.75" style="132" customWidth="1"/>
    <col min="9735" max="9737" width="9.625" style="132" customWidth="1"/>
    <col min="9738" max="9738" width="1.5" style="132" customWidth="1"/>
    <col min="9739" max="9739" width="13.25" style="132" customWidth="1"/>
    <col min="9740" max="9744" width="10.125" style="132" customWidth="1"/>
    <col min="9745" max="9750" width="9.625" style="132" customWidth="1"/>
    <col min="9751" max="9981" width="9" style="132"/>
    <col min="9982" max="9982" width="8.125" style="132" customWidth="1"/>
    <col min="9983" max="9983" width="15.625" style="132" customWidth="1"/>
    <col min="9984" max="9984" width="13.75" style="132" customWidth="1"/>
    <col min="9985" max="9990" width="9.75" style="132" customWidth="1"/>
    <col min="9991" max="9993" width="9.625" style="132" customWidth="1"/>
    <col min="9994" max="9994" width="1.5" style="132" customWidth="1"/>
    <col min="9995" max="9995" width="13.25" style="132" customWidth="1"/>
    <col min="9996" max="10000" width="10.125" style="132" customWidth="1"/>
    <col min="10001" max="10006" width="9.625" style="132" customWidth="1"/>
    <col min="10007" max="10237" width="9" style="132"/>
    <col min="10238" max="10238" width="8.125" style="132" customWidth="1"/>
    <col min="10239" max="10239" width="15.625" style="132" customWidth="1"/>
    <col min="10240" max="10240" width="13.75" style="132" customWidth="1"/>
    <col min="10241" max="10246" width="9.75" style="132" customWidth="1"/>
    <col min="10247" max="10249" width="9.625" style="132" customWidth="1"/>
    <col min="10250" max="10250" width="1.5" style="132" customWidth="1"/>
    <col min="10251" max="10251" width="13.25" style="132" customWidth="1"/>
    <col min="10252" max="10256" width="10.125" style="132" customWidth="1"/>
    <col min="10257" max="10262" width="9.625" style="132" customWidth="1"/>
    <col min="10263" max="10493" width="9" style="132"/>
    <col min="10494" max="10494" width="8.125" style="132" customWidth="1"/>
    <col min="10495" max="10495" width="15.625" style="132" customWidth="1"/>
    <col min="10496" max="10496" width="13.75" style="132" customWidth="1"/>
    <col min="10497" max="10502" width="9.75" style="132" customWidth="1"/>
    <col min="10503" max="10505" width="9.625" style="132" customWidth="1"/>
    <col min="10506" max="10506" width="1.5" style="132" customWidth="1"/>
    <col min="10507" max="10507" width="13.25" style="132" customWidth="1"/>
    <col min="10508" max="10512" width="10.125" style="132" customWidth="1"/>
    <col min="10513" max="10518" width="9.625" style="132" customWidth="1"/>
    <col min="10519" max="10749" width="9" style="132"/>
    <col min="10750" max="10750" width="8.125" style="132" customWidth="1"/>
    <col min="10751" max="10751" width="15.625" style="132" customWidth="1"/>
    <col min="10752" max="10752" width="13.75" style="132" customWidth="1"/>
    <col min="10753" max="10758" width="9.75" style="132" customWidth="1"/>
    <col min="10759" max="10761" width="9.625" style="132" customWidth="1"/>
    <col min="10762" max="10762" width="1.5" style="132" customWidth="1"/>
    <col min="10763" max="10763" width="13.25" style="132" customWidth="1"/>
    <col min="10764" max="10768" width="10.125" style="132" customWidth="1"/>
    <col min="10769" max="10774" width="9.625" style="132" customWidth="1"/>
    <col min="10775" max="11005" width="9" style="132"/>
    <col min="11006" max="11006" width="8.125" style="132" customWidth="1"/>
    <col min="11007" max="11007" width="15.625" style="132" customWidth="1"/>
    <col min="11008" max="11008" width="13.75" style="132" customWidth="1"/>
    <col min="11009" max="11014" width="9.75" style="132" customWidth="1"/>
    <col min="11015" max="11017" width="9.625" style="132" customWidth="1"/>
    <col min="11018" max="11018" width="1.5" style="132" customWidth="1"/>
    <col min="11019" max="11019" width="13.25" style="132" customWidth="1"/>
    <col min="11020" max="11024" width="10.125" style="132" customWidth="1"/>
    <col min="11025" max="11030" width="9.625" style="132" customWidth="1"/>
    <col min="11031" max="11261" width="9" style="132"/>
    <col min="11262" max="11262" width="8.125" style="132" customWidth="1"/>
    <col min="11263" max="11263" width="15.625" style="132" customWidth="1"/>
    <col min="11264" max="11264" width="13.75" style="132" customWidth="1"/>
    <col min="11265" max="11270" width="9.75" style="132" customWidth="1"/>
    <col min="11271" max="11273" width="9.625" style="132" customWidth="1"/>
    <col min="11274" max="11274" width="1.5" style="132" customWidth="1"/>
    <col min="11275" max="11275" width="13.25" style="132" customWidth="1"/>
    <col min="11276" max="11280" width="10.125" style="132" customWidth="1"/>
    <col min="11281" max="11286" width="9.625" style="132" customWidth="1"/>
    <col min="11287" max="11517" width="9" style="132"/>
    <col min="11518" max="11518" width="8.125" style="132" customWidth="1"/>
    <col min="11519" max="11519" width="15.625" style="132" customWidth="1"/>
    <col min="11520" max="11520" width="13.75" style="132" customWidth="1"/>
    <col min="11521" max="11526" width="9.75" style="132" customWidth="1"/>
    <col min="11527" max="11529" width="9.625" style="132" customWidth="1"/>
    <col min="11530" max="11530" width="1.5" style="132" customWidth="1"/>
    <col min="11531" max="11531" width="13.25" style="132" customWidth="1"/>
    <col min="11532" max="11536" width="10.125" style="132" customWidth="1"/>
    <col min="11537" max="11542" width="9.625" style="132" customWidth="1"/>
    <col min="11543" max="11773" width="9" style="132"/>
    <col min="11774" max="11774" width="8.125" style="132" customWidth="1"/>
    <col min="11775" max="11775" width="15.625" style="132" customWidth="1"/>
    <col min="11776" max="11776" width="13.75" style="132" customWidth="1"/>
    <col min="11777" max="11782" width="9.75" style="132" customWidth="1"/>
    <col min="11783" max="11785" width="9.625" style="132" customWidth="1"/>
    <col min="11786" max="11786" width="1.5" style="132" customWidth="1"/>
    <col min="11787" max="11787" width="13.25" style="132" customWidth="1"/>
    <col min="11788" max="11792" width="10.125" style="132" customWidth="1"/>
    <col min="11793" max="11798" width="9.625" style="132" customWidth="1"/>
    <col min="11799" max="12029" width="9" style="132"/>
    <col min="12030" max="12030" width="8.125" style="132" customWidth="1"/>
    <col min="12031" max="12031" width="15.625" style="132" customWidth="1"/>
    <col min="12032" max="12032" width="13.75" style="132" customWidth="1"/>
    <col min="12033" max="12038" width="9.75" style="132" customWidth="1"/>
    <col min="12039" max="12041" width="9.625" style="132" customWidth="1"/>
    <col min="12042" max="12042" width="1.5" style="132" customWidth="1"/>
    <col min="12043" max="12043" width="13.25" style="132" customWidth="1"/>
    <col min="12044" max="12048" width="10.125" style="132" customWidth="1"/>
    <col min="12049" max="12054" width="9.625" style="132" customWidth="1"/>
    <col min="12055" max="12285" width="9" style="132"/>
    <col min="12286" max="12286" width="8.125" style="132" customWidth="1"/>
    <col min="12287" max="12287" width="15.625" style="132" customWidth="1"/>
    <col min="12288" max="12288" width="13.75" style="132" customWidth="1"/>
    <col min="12289" max="12294" width="9.75" style="132" customWidth="1"/>
    <col min="12295" max="12297" width="9.625" style="132" customWidth="1"/>
    <col min="12298" max="12298" width="1.5" style="132" customWidth="1"/>
    <col min="12299" max="12299" width="13.25" style="132" customWidth="1"/>
    <col min="12300" max="12304" width="10.125" style="132" customWidth="1"/>
    <col min="12305" max="12310" width="9.625" style="132" customWidth="1"/>
    <col min="12311" max="12541" width="9" style="132"/>
    <col min="12542" max="12542" width="8.125" style="132" customWidth="1"/>
    <col min="12543" max="12543" width="15.625" style="132" customWidth="1"/>
    <col min="12544" max="12544" width="13.75" style="132" customWidth="1"/>
    <col min="12545" max="12550" width="9.75" style="132" customWidth="1"/>
    <col min="12551" max="12553" width="9.625" style="132" customWidth="1"/>
    <col min="12554" max="12554" width="1.5" style="132" customWidth="1"/>
    <col min="12555" max="12555" width="13.25" style="132" customWidth="1"/>
    <col min="12556" max="12560" width="10.125" style="132" customWidth="1"/>
    <col min="12561" max="12566" width="9.625" style="132" customWidth="1"/>
    <col min="12567" max="12797" width="9" style="132"/>
    <col min="12798" max="12798" width="8.125" style="132" customWidth="1"/>
    <col min="12799" max="12799" width="15.625" style="132" customWidth="1"/>
    <col min="12800" max="12800" width="13.75" style="132" customWidth="1"/>
    <col min="12801" max="12806" width="9.75" style="132" customWidth="1"/>
    <col min="12807" max="12809" width="9.625" style="132" customWidth="1"/>
    <col min="12810" max="12810" width="1.5" style="132" customWidth="1"/>
    <col min="12811" max="12811" width="13.25" style="132" customWidth="1"/>
    <col min="12812" max="12816" width="10.125" style="132" customWidth="1"/>
    <col min="12817" max="12822" width="9.625" style="132" customWidth="1"/>
    <col min="12823" max="13053" width="9" style="132"/>
    <col min="13054" max="13054" width="8.125" style="132" customWidth="1"/>
    <col min="13055" max="13055" width="15.625" style="132" customWidth="1"/>
    <col min="13056" max="13056" width="13.75" style="132" customWidth="1"/>
    <col min="13057" max="13062" width="9.75" style="132" customWidth="1"/>
    <col min="13063" max="13065" width="9.625" style="132" customWidth="1"/>
    <col min="13066" max="13066" width="1.5" style="132" customWidth="1"/>
    <col min="13067" max="13067" width="13.25" style="132" customWidth="1"/>
    <col min="13068" max="13072" width="10.125" style="132" customWidth="1"/>
    <col min="13073" max="13078" width="9.625" style="132" customWidth="1"/>
    <col min="13079" max="13309" width="9" style="132"/>
    <col min="13310" max="13310" width="8.125" style="132" customWidth="1"/>
    <col min="13311" max="13311" width="15.625" style="132" customWidth="1"/>
    <col min="13312" max="13312" width="13.75" style="132" customWidth="1"/>
    <col min="13313" max="13318" width="9.75" style="132" customWidth="1"/>
    <col min="13319" max="13321" width="9.625" style="132" customWidth="1"/>
    <col min="13322" max="13322" width="1.5" style="132" customWidth="1"/>
    <col min="13323" max="13323" width="13.25" style="132" customWidth="1"/>
    <col min="13324" max="13328" width="10.125" style="132" customWidth="1"/>
    <col min="13329" max="13334" width="9.625" style="132" customWidth="1"/>
    <col min="13335" max="13565" width="9" style="132"/>
    <col min="13566" max="13566" width="8.125" style="132" customWidth="1"/>
    <col min="13567" max="13567" width="15.625" style="132" customWidth="1"/>
    <col min="13568" max="13568" width="13.75" style="132" customWidth="1"/>
    <col min="13569" max="13574" width="9.75" style="132" customWidth="1"/>
    <col min="13575" max="13577" width="9.625" style="132" customWidth="1"/>
    <col min="13578" max="13578" width="1.5" style="132" customWidth="1"/>
    <col min="13579" max="13579" width="13.25" style="132" customWidth="1"/>
    <col min="13580" max="13584" width="10.125" style="132" customWidth="1"/>
    <col min="13585" max="13590" width="9.625" style="132" customWidth="1"/>
    <col min="13591" max="13821" width="9" style="132"/>
    <col min="13822" max="13822" width="8.125" style="132" customWidth="1"/>
    <col min="13823" max="13823" width="15.625" style="132" customWidth="1"/>
    <col min="13824" max="13824" width="13.75" style="132" customWidth="1"/>
    <col min="13825" max="13830" width="9.75" style="132" customWidth="1"/>
    <col min="13831" max="13833" width="9.625" style="132" customWidth="1"/>
    <col min="13834" max="13834" width="1.5" style="132" customWidth="1"/>
    <col min="13835" max="13835" width="13.25" style="132" customWidth="1"/>
    <col min="13836" max="13840" width="10.125" style="132" customWidth="1"/>
    <col min="13841" max="13846" width="9.625" style="132" customWidth="1"/>
    <col min="13847" max="14077" width="9" style="132"/>
    <col min="14078" max="14078" width="8.125" style="132" customWidth="1"/>
    <col min="14079" max="14079" width="15.625" style="132" customWidth="1"/>
    <col min="14080" max="14080" width="13.75" style="132" customWidth="1"/>
    <col min="14081" max="14086" width="9.75" style="132" customWidth="1"/>
    <col min="14087" max="14089" width="9.625" style="132" customWidth="1"/>
    <col min="14090" max="14090" width="1.5" style="132" customWidth="1"/>
    <col min="14091" max="14091" width="13.25" style="132" customWidth="1"/>
    <col min="14092" max="14096" width="10.125" style="132" customWidth="1"/>
    <col min="14097" max="14102" width="9.625" style="132" customWidth="1"/>
    <col min="14103" max="14333" width="9" style="132"/>
    <col min="14334" max="14334" width="8.125" style="132" customWidth="1"/>
    <col min="14335" max="14335" width="15.625" style="132" customWidth="1"/>
    <col min="14336" max="14336" width="13.75" style="132" customWidth="1"/>
    <col min="14337" max="14342" width="9.75" style="132" customWidth="1"/>
    <col min="14343" max="14345" width="9.625" style="132" customWidth="1"/>
    <col min="14346" max="14346" width="1.5" style="132" customWidth="1"/>
    <col min="14347" max="14347" width="13.25" style="132" customWidth="1"/>
    <col min="14348" max="14352" width="10.125" style="132" customWidth="1"/>
    <col min="14353" max="14358" width="9.625" style="132" customWidth="1"/>
    <col min="14359" max="14589" width="9" style="132"/>
    <col min="14590" max="14590" width="8.125" style="132" customWidth="1"/>
    <col min="14591" max="14591" width="15.625" style="132" customWidth="1"/>
    <col min="14592" max="14592" width="13.75" style="132" customWidth="1"/>
    <col min="14593" max="14598" width="9.75" style="132" customWidth="1"/>
    <col min="14599" max="14601" width="9.625" style="132" customWidth="1"/>
    <col min="14602" max="14602" width="1.5" style="132" customWidth="1"/>
    <col min="14603" max="14603" width="13.25" style="132" customWidth="1"/>
    <col min="14604" max="14608" width="10.125" style="132" customWidth="1"/>
    <col min="14609" max="14614" width="9.625" style="132" customWidth="1"/>
    <col min="14615" max="14845" width="9" style="132"/>
    <col min="14846" max="14846" width="8.125" style="132" customWidth="1"/>
    <col min="14847" max="14847" width="15.625" style="132" customWidth="1"/>
    <col min="14848" max="14848" width="13.75" style="132" customWidth="1"/>
    <col min="14849" max="14854" width="9.75" style="132" customWidth="1"/>
    <col min="14855" max="14857" width="9.625" style="132" customWidth="1"/>
    <col min="14858" max="14858" width="1.5" style="132" customWidth="1"/>
    <col min="14859" max="14859" width="13.25" style="132" customWidth="1"/>
    <col min="14860" max="14864" width="10.125" style="132" customWidth="1"/>
    <col min="14865" max="14870" width="9.625" style="132" customWidth="1"/>
    <col min="14871" max="15101" width="9" style="132"/>
    <col min="15102" max="15102" width="8.125" style="132" customWidth="1"/>
    <col min="15103" max="15103" width="15.625" style="132" customWidth="1"/>
    <col min="15104" max="15104" width="13.75" style="132" customWidth="1"/>
    <col min="15105" max="15110" width="9.75" style="132" customWidth="1"/>
    <col min="15111" max="15113" width="9.625" style="132" customWidth="1"/>
    <col min="15114" max="15114" width="1.5" style="132" customWidth="1"/>
    <col min="15115" max="15115" width="13.25" style="132" customWidth="1"/>
    <col min="15116" max="15120" width="10.125" style="132" customWidth="1"/>
    <col min="15121" max="15126" width="9.625" style="132" customWidth="1"/>
    <col min="15127" max="15357" width="9" style="132"/>
    <col min="15358" max="15358" width="8.125" style="132" customWidth="1"/>
    <col min="15359" max="15359" width="15.625" style="132" customWidth="1"/>
    <col min="15360" max="15360" width="13.75" style="132" customWidth="1"/>
    <col min="15361" max="15366" width="9.75" style="132" customWidth="1"/>
    <col min="15367" max="15369" width="9.625" style="132" customWidth="1"/>
    <col min="15370" max="15370" width="1.5" style="132" customWidth="1"/>
    <col min="15371" max="15371" width="13.25" style="132" customWidth="1"/>
    <col min="15372" max="15376" width="10.125" style="132" customWidth="1"/>
    <col min="15377" max="15382" width="9.625" style="132" customWidth="1"/>
    <col min="15383" max="15613" width="9" style="132"/>
    <col min="15614" max="15614" width="8.125" style="132" customWidth="1"/>
    <col min="15615" max="15615" width="15.625" style="132" customWidth="1"/>
    <col min="15616" max="15616" width="13.75" style="132" customWidth="1"/>
    <col min="15617" max="15622" width="9.75" style="132" customWidth="1"/>
    <col min="15623" max="15625" width="9.625" style="132" customWidth="1"/>
    <col min="15626" max="15626" width="1.5" style="132" customWidth="1"/>
    <col min="15627" max="15627" width="13.25" style="132" customWidth="1"/>
    <col min="15628" max="15632" width="10.125" style="132" customWidth="1"/>
    <col min="15633" max="15638" width="9.625" style="132" customWidth="1"/>
    <col min="15639" max="15869" width="9" style="132"/>
    <col min="15870" max="15870" width="8.125" style="132" customWidth="1"/>
    <col min="15871" max="15871" width="15.625" style="132" customWidth="1"/>
    <col min="15872" max="15872" width="13.75" style="132" customWidth="1"/>
    <col min="15873" max="15878" width="9.75" style="132" customWidth="1"/>
    <col min="15879" max="15881" width="9.625" style="132" customWidth="1"/>
    <col min="15882" max="15882" width="1.5" style="132" customWidth="1"/>
    <col min="15883" max="15883" width="13.25" style="132" customWidth="1"/>
    <col min="15884" max="15888" width="10.125" style="132" customWidth="1"/>
    <col min="15889" max="15894" width="9.625" style="132" customWidth="1"/>
    <col min="15895" max="16125" width="9" style="132"/>
    <col min="16126" max="16126" width="8.125" style="132" customWidth="1"/>
    <col min="16127" max="16127" width="15.625" style="132" customWidth="1"/>
    <col min="16128" max="16128" width="13.75" style="132" customWidth="1"/>
    <col min="16129" max="16134" width="9.75" style="132" customWidth="1"/>
    <col min="16135" max="16137" width="9.625" style="132" customWidth="1"/>
    <col min="16138" max="16138" width="1.5" style="132" customWidth="1"/>
    <col min="16139" max="16139" width="13.25" style="132" customWidth="1"/>
    <col min="16140" max="16144" width="10.125" style="132" customWidth="1"/>
    <col min="16145" max="16150" width="9.625" style="132" customWidth="1"/>
    <col min="16151" max="16384" width="9" style="132"/>
  </cols>
  <sheetData>
    <row r="1" spans="1:25" ht="21" customHeight="1" thickBot="1">
      <c r="A1" s="1067" t="s">
        <v>657</v>
      </c>
      <c r="B1" s="284"/>
      <c r="C1" s="358"/>
      <c r="D1" s="358"/>
      <c r="E1" s="358"/>
      <c r="F1" s="358"/>
      <c r="R1" s="358" t="s">
        <v>657</v>
      </c>
      <c r="S1" s="358"/>
      <c r="T1" s="358"/>
      <c r="U1" s="358"/>
      <c r="X1" s="798"/>
    </row>
    <row r="2" spans="1:25" ht="16.5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</row>
    <row r="3" spans="1:25" ht="16.5" customHeight="1">
      <c r="A3" s="800" t="s">
        <v>540</v>
      </c>
      <c r="B3" s="801"/>
      <c r="C3" s="853"/>
      <c r="D3" s="860" t="s">
        <v>541</v>
      </c>
      <c r="E3" s="854"/>
      <c r="F3" s="854"/>
      <c r="G3" s="804"/>
      <c r="H3" s="805"/>
      <c r="I3" s="806"/>
      <c r="J3" s="806"/>
      <c r="K3" s="806"/>
      <c r="L3" s="806"/>
      <c r="M3" s="806"/>
      <c r="N3" s="806"/>
      <c r="O3" s="806"/>
      <c r="P3" s="807"/>
      <c r="Q3" s="804"/>
      <c r="R3" s="805"/>
      <c r="S3" s="806"/>
      <c r="T3" s="806"/>
      <c r="U3" s="806"/>
      <c r="V3" s="806"/>
      <c r="W3" s="806"/>
      <c r="X3" s="806"/>
      <c r="Y3" s="806"/>
    </row>
    <row r="4" spans="1:25" ht="16.5" customHeight="1">
      <c r="A4" s="808" t="s">
        <v>604</v>
      </c>
      <c r="B4" s="809"/>
      <c r="C4" s="1445" t="s">
        <v>296</v>
      </c>
      <c r="D4" s="810" t="s">
        <v>543</v>
      </c>
      <c r="E4" s="808"/>
      <c r="F4" s="809"/>
      <c r="G4" s="811"/>
      <c r="H4" s="808" t="s">
        <v>477</v>
      </c>
      <c r="I4" s="809"/>
      <c r="J4" s="804"/>
      <c r="K4" s="806" t="s">
        <v>478</v>
      </c>
      <c r="L4" s="806"/>
      <c r="M4" s="804"/>
      <c r="N4" s="806"/>
      <c r="O4" s="812" t="s">
        <v>544</v>
      </c>
      <c r="P4" s="807"/>
      <c r="Q4" s="809"/>
      <c r="R4" s="808" t="s">
        <v>480</v>
      </c>
      <c r="S4" s="809"/>
      <c r="T4" s="804"/>
      <c r="U4" s="806" t="s">
        <v>481</v>
      </c>
      <c r="V4" s="807"/>
      <c r="W4" s="804"/>
      <c r="X4" s="806" t="s">
        <v>482</v>
      </c>
      <c r="Y4" s="806"/>
    </row>
    <row r="5" spans="1:25" ht="16.5" customHeight="1">
      <c r="A5" s="810"/>
      <c r="B5" s="808"/>
      <c r="C5" s="1445"/>
      <c r="D5" s="813"/>
      <c r="E5" s="814" t="s">
        <v>546</v>
      </c>
      <c r="F5" s="813"/>
      <c r="G5" s="815" t="s">
        <v>605</v>
      </c>
      <c r="H5" s="813"/>
      <c r="I5" s="813"/>
      <c r="J5" s="815"/>
      <c r="K5" s="814" t="s">
        <v>548</v>
      </c>
      <c r="L5" s="813"/>
      <c r="M5" s="815"/>
      <c r="N5" s="813"/>
      <c r="O5" s="816" t="s">
        <v>549</v>
      </c>
      <c r="P5" s="817"/>
      <c r="Q5" s="813" t="s">
        <v>550</v>
      </c>
      <c r="R5" s="813"/>
      <c r="S5" s="813"/>
      <c r="T5" s="815"/>
      <c r="U5" s="814" t="s">
        <v>551</v>
      </c>
      <c r="V5" s="817"/>
      <c r="W5" s="813"/>
      <c r="X5" s="814" t="s">
        <v>552</v>
      </c>
      <c r="Y5" s="813"/>
    </row>
    <row r="6" spans="1:25" ht="16.5" customHeight="1">
      <c r="A6" s="818"/>
      <c r="B6" s="814"/>
      <c r="C6" s="819"/>
      <c r="D6" s="814" t="s">
        <v>553</v>
      </c>
      <c r="E6" s="820" t="s">
        <v>554</v>
      </c>
      <c r="F6" s="814" t="s">
        <v>555</v>
      </c>
      <c r="G6" s="821" t="s">
        <v>553</v>
      </c>
      <c r="H6" s="820" t="s">
        <v>554</v>
      </c>
      <c r="I6" s="814" t="s">
        <v>555</v>
      </c>
      <c r="J6" s="821" t="s">
        <v>553</v>
      </c>
      <c r="K6" s="820" t="s">
        <v>554</v>
      </c>
      <c r="L6" s="814" t="s">
        <v>555</v>
      </c>
      <c r="M6" s="821"/>
      <c r="N6" s="814" t="s">
        <v>658</v>
      </c>
      <c r="O6" s="822" t="s">
        <v>557</v>
      </c>
      <c r="P6" s="823" t="s">
        <v>555</v>
      </c>
      <c r="Q6" s="814" t="s">
        <v>553</v>
      </c>
      <c r="R6" s="820" t="s">
        <v>554</v>
      </c>
      <c r="S6" s="814" t="s">
        <v>555</v>
      </c>
      <c r="T6" s="821" t="s">
        <v>553</v>
      </c>
      <c r="U6" s="820" t="s">
        <v>554</v>
      </c>
      <c r="V6" s="823" t="s">
        <v>555</v>
      </c>
      <c r="W6" s="814" t="s">
        <v>553</v>
      </c>
      <c r="X6" s="820" t="s">
        <v>554</v>
      </c>
      <c r="Y6" s="814" t="s">
        <v>555</v>
      </c>
    </row>
    <row r="7" spans="1:25" ht="16.5" customHeight="1">
      <c r="A7" s="178"/>
      <c r="B7" s="855" t="s">
        <v>236</v>
      </c>
      <c r="C7" s="825"/>
      <c r="D7" s="856" t="s">
        <v>236</v>
      </c>
      <c r="E7" s="857" t="s">
        <v>236</v>
      </c>
      <c r="F7" s="856" t="s">
        <v>236</v>
      </c>
      <c r="G7" s="824" t="s">
        <v>236</v>
      </c>
      <c r="H7" s="180" t="s">
        <v>236</v>
      </c>
      <c r="I7" s="166" t="s">
        <v>236</v>
      </c>
      <c r="J7" s="824" t="s">
        <v>236</v>
      </c>
      <c r="K7" s="180" t="s">
        <v>236</v>
      </c>
      <c r="L7" s="166" t="s">
        <v>236</v>
      </c>
      <c r="M7" s="824"/>
      <c r="N7" s="166" t="s">
        <v>236</v>
      </c>
      <c r="O7" s="180" t="s">
        <v>236</v>
      </c>
      <c r="P7" s="826" t="s">
        <v>236</v>
      </c>
      <c r="Q7" s="166" t="s">
        <v>236</v>
      </c>
      <c r="R7" s="180" t="s">
        <v>236</v>
      </c>
      <c r="S7" s="166" t="s">
        <v>236</v>
      </c>
      <c r="T7" s="824" t="s">
        <v>236</v>
      </c>
      <c r="U7" s="180" t="s">
        <v>236</v>
      </c>
      <c r="V7" s="826" t="s">
        <v>236</v>
      </c>
      <c r="W7" s="166" t="s">
        <v>236</v>
      </c>
      <c r="X7" s="180" t="s">
        <v>236</v>
      </c>
      <c r="Y7" s="166" t="s">
        <v>236</v>
      </c>
    </row>
    <row r="8" spans="1:25" ht="16.5" customHeight="1">
      <c r="A8" s="178"/>
      <c r="B8" s="886">
        <v>342868</v>
      </c>
      <c r="C8" s="884" t="s">
        <v>238</v>
      </c>
      <c r="D8" s="888">
        <v>-1894</v>
      </c>
      <c r="E8" s="887">
        <v>-898</v>
      </c>
      <c r="F8" s="888">
        <v>-996</v>
      </c>
      <c r="G8" s="886">
        <v>-1960</v>
      </c>
      <c r="H8" s="887">
        <v>-1000</v>
      </c>
      <c r="I8" s="888">
        <v>-960</v>
      </c>
      <c r="J8" s="886">
        <v>2053</v>
      </c>
      <c r="K8" s="887">
        <v>1056</v>
      </c>
      <c r="L8" s="888">
        <v>997</v>
      </c>
      <c r="M8" s="886"/>
      <c r="N8" s="888">
        <v>4013</v>
      </c>
      <c r="O8" s="887">
        <v>2056</v>
      </c>
      <c r="P8" s="889">
        <v>1957</v>
      </c>
      <c r="Q8" s="888">
        <v>66</v>
      </c>
      <c r="R8" s="887">
        <v>102</v>
      </c>
      <c r="S8" s="888">
        <v>-36</v>
      </c>
      <c r="T8" s="886">
        <v>13571</v>
      </c>
      <c r="U8" s="887">
        <v>7011</v>
      </c>
      <c r="V8" s="889">
        <v>6560</v>
      </c>
      <c r="W8" s="888">
        <v>13505</v>
      </c>
      <c r="X8" s="887">
        <v>6909</v>
      </c>
      <c r="Y8" s="888">
        <v>6596</v>
      </c>
    </row>
    <row r="9" spans="1:25" ht="16.5" customHeight="1">
      <c r="A9" s="178"/>
      <c r="B9" s="890"/>
      <c r="C9" s="891"/>
      <c r="D9" s="895"/>
      <c r="E9" s="894"/>
      <c r="F9" s="895"/>
      <c r="G9" s="893"/>
      <c r="H9" s="894"/>
      <c r="I9" s="895"/>
      <c r="J9" s="893"/>
      <c r="K9" s="894"/>
      <c r="L9" s="895"/>
      <c r="M9" s="893"/>
      <c r="N9" s="895"/>
      <c r="O9" s="894"/>
      <c r="P9" s="896"/>
      <c r="Q9" s="895"/>
      <c r="R9" s="894"/>
      <c r="S9" s="895"/>
      <c r="T9" s="893"/>
      <c r="U9" s="894"/>
      <c r="V9" s="896"/>
      <c r="W9" s="895"/>
      <c r="X9" s="894"/>
      <c r="Y9" s="895"/>
    </row>
    <row r="10" spans="1:25" ht="16.5" customHeight="1">
      <c r="A10" s="178"/>
      <c r="B10" s="1084">
        <v>10884</v>
      </c>
      <c r="C10" s="1085" t="s">
        <v>271</v>
      </c>
      <c r="D10" s="1201">
        <v>2086</v>
      </c>
      <c r="E10" s="1202">
        <v>1075</v>
      </c>
      <c r="F10" s="1201">
        <v>1011</v>
      </c>
      <c r="G10" s="1203">
        <v>2044</v>
      </c>
      <c r="H10" s="1202">
        <v>1052</v>
      </c>
      <c r="I10" s="1201">
        <v>992</v>
      </c>
      <c r="J10" s="1203">
        <v>2053</v>
      </c>
      <c r="K10" s="1203">
        <v>1056</v>
      </c>
      <c r="L10" s="1203">
        <v>997</v>
      </c>
      <c r="M10" s="1203"/>
      <c r="N10" s="1201">
        <v>9</v>
      </c>
      <c r="O10" s="1203">
        <v>4</v>
      </c>
      <c r="P10" s="1202">
        <v>5</v>
      </c>
      <c r="Q10" s="1201">
        <v>42</v>
      </c>
      <c r="R10" s="1202">
        <v>23</v>
      </c>
      <c r="S10" s="1201">
        <v>19</v>
      </c>
      <c r="T10" s="1203">
        <v>772</v>
      </c>
      <c r="U10" s="1202">
        <v>396</v>
      </c>
      <c r="V10" s="1202">
        <v>376</v>
      </c>
      <c r="W10" s="1201">
        <v>730</v>
      </c>
      <c r="X10" s="1202">
        <v>373</v>
      </c>
      <c r="Y10" s="1203">
        <v>357</v>
      </c>
    </row>
    <row r="11" spans="1:25" ht="16.5" customHeight="1">
      <c r="A11" s="178"/>
      <c r="B11" s="1084">
        <v>13060</v>
      </c>
      <c r="C11" s="1085" t="s">
        <v>272</v>
      </c>
      <c r="D11" s="1201">
        <v>41</v>
      </c>
      <c r="E11" s="1202">
        <v>25</v>
      </c>
      <c r="F11" s="1201">
        <v>16</v>
      </c>
      <c r="G11" s="1203">
        <v>-1</v>
      </c>
      <c r="H11" s="1202">
        <v>-1</v>
      </c>
      <c r="I11" s="1201">
        <v>0</v>
      </c>
      <c r="J11" s="1205" t="s">
        <v>188</v>
      </c>
      <c r="K11" s="1206" t="s">
        <v>188</v>
      </c>
      <c r="L11" s="1207" t="s">
        <v>188</v>
      </c>
      <c r="M11" s="1205"/>
      <c r="N11" s="1201">
        <v>1</v>
      </c>
      <c r="O11" s="1203">
        <v>1</v>
      </c>
      <c r="P11" s="1202">
        <v>0</v>
      </c>
      <c r="Q11" s="1201">
        <v>42</v>
      </c>
      <c r="R11" s="1202">
        <v>26</v>
      </c>
      <c r="S11" s="1201">
        <v>16</v>
      </c>
      <c r="T11" s="1203">
        <v>417</v>
      </c>
      <c r="U11" s="1202">
        <v>215</v>
      </c>
      <c r="V11" s="1202">
        <v>202</v>
      </c>
      <c r="W11" s="1201">
        <v>375</v>
      </c>
      <c r="X11" s="1202">
        <v>189</v>
      </c>
      <c r="Y11" s="1203">
        <v>186</v>
      </c>
    </row>
    <row r="12" spans="1:25" ht="16.5" customHeight="1">
      <c r="A12" s="178"/>
      <c r="B12" s="1084">
        <v>14118</v>
      </c>
      <c r="C12" s="1085" t="s">
        <v>273</v>
      </c>
      <c r="D12" s="1201">
        <v>44</v>
      </c>
      <c r="E12" s="1202">
        <v>20</v>
      </c>
      <c r="F12" s="1201">
        <v>24</v>
      </c>
      <c r="G12" s="1203">
        <v>-1</v>
      </c>
      <c r="H12" s="1202">
        <v>-1</v>
      </c>
      <c r="I12" s="1201">
        <v>0</v>
      </c>
      <c r="J12" s="1205" t="s">
        <v>188</v>
      </c>
      <c r="K12" s="1206" t="s">
        <v>188</v>
      </c>
      <c r="L12" s="1207" t="s">
        <v>188</v>
      </c>
      <c r="M12" s="1205"/>
      <c r="N12" s="1201">
        <v>1</v>
      </c>
      <c r="O12" s="1203">
        <v>1</v>
      </c>
      <c r="P12" s="1202">
        <v>0</v>
      </c>
      <c r="Q12" s="1201">
        <v>45</v>
      </c>
      <c r="R12" s="1202">
        <v>21</v>
      </c>
      <c r="S12" s="1201">
        <v>24</v>
      </c>
      <c r="T12" s="1203">
        <v>218</v>
      </c>
      <c r="U12" s="1202">
        <v>101</v>
      </c>
      <c r="V12" s="1202">
        <v>117</v>
      </c>
      <c r="W12" s="1201">
        <v>173</v>
      </c>
      <c r="X12" s="1202">
        <v>80</v>
      </c>
      <c r="Y12" s="1203">
        <v>93</v>
      </c>
    </row>
    <row r="13" spans="1:25" ht="16.5" customHeight="1">
      <c r="A13" s="178"/>
      <c r="B13" s="1084">
        <v>16348</v>
      </c>
      <c r="C13" s="1085" t="s">
        <v>274</v>
      </c>
      <c r="D13" s="1201">
        <v>-38</v>
      </c>
      <c r="E13" s="1202">
        <v>-56</v>
      </c>
      <c r="F13" s="1201">
        <v>18</v>
      </c>
      <c r="G13" s="1203">
        <v>-2</v>
      </c>
      <c r="H13" s="1202">
        <v>-2</v>
      </c>
      <c r="I13" s="1201">
        <v>0</v>
      </c>
      <c r="J13" s="1205" t="s">
        <v>188</v>
      </c>
      <c r="K13" s="1206" t="s">
        <v>188</v>
      </c>
      <c r="L13" s="1207" t="s">
        <v>188</v>
      </c>
      <c r="M13" s="1205"/>
      <c r="N13" s="1201">
        <v>2</v>
      </c>
      <c r="O13" s="1203">
        <v>2</v>
      </c>
      <c r="P13" s="1202">
        <v>0</v>
      </c>
      <c r="Q13" s="1201">
        <v>-36</v>
      </c>
      <c r="R13" s="1202">
        <v>-54</v>
      </c>
      <c r="S13" s="1201">
        <v>18</v>
      </c>
      <c r="T13" s="1203">
        <v>537</v>
      </c>
      <c r="U13" s="1202">
        <v>226</v>
      </c>
      <c r="V13" s="1202">
        <v>311</v>
      </c>
      <c r="W13" s="1201">
        <v>573</v>
      </c>
      <c r="X13" s="1202">
        <v>280</v>
      </c>
      <c r="Y13" s="1203">
        <v>293</v>
      </c>
    </row>
    <row r="14" spans="1:25" ht="16.5" customHeight="1">
      <c r="A14" s="178"/>
      <c r="B14" s="1090">
        <v>15772</v>
      </c>
      <c r="C14" s="1088" t="s">
        <v>275</v>
      </c>
      <c r="D14" s="1208">
        <v>-280</v>
      </c>
      <c r="E14" s="1209">
        <v>-140</v>
      </c>
      <c r="F14" s="1208">
        <v>-140</v>
      </c>
      <c r="G14" s="1210">
        <v>-4</v>
      </c>
      <c r="H14" s="1209">
        <v>-2</v>
      </c>
      <c r="I14" s="1208">
        <v>-2</v>
      </c>
      <c r="J14" s="1211" t="s">
        <v>188</v>
      </c>
      <c r="K14" s="1212" t="s">
        <v>188</v>
      </c>
      <c r="L14" s="1213" t="s">
        <v>188</v>
      </c>
      <c r="M14" s="1211"/>
      <c r="N14" s="1208">
        <v>4</v>
      </c>
      <c r="O14" s="1210">
        <v>2</v>
      </c>
      <c r="P14" s="1209">
        <v>2</v>
      </c>
      <c r="Q14" s="1208">
        <v>-276</v>
      </c>
      <c r="R14" s="1209">
        <v>-138</v>
      </c>
      <c r="S14" s="1208">
        <v>-138</v>
      </c>
      <c r="T14" s="1210">
        <v>2015</v>
      </c>
      <c r="U14" s="1209">
        <v>980</v>
      </c>
      <c r="V14" s="1209">
        <v>1035</v>
      </c>
      <c r="W14" s="1208">
        <v>2291</v>
      </c>
      <c r="X14" s="1209">
        <v>1118</v>
      </c>
      <c r="Y14" s="1210">
        <v>1173</v>
      </c>
    </row>
    <row r="15" spans="1:25" ht="16.5" customHeight="1">
      <c r="A15" s="178"/>
      <c r="B15" s="1084">
        <v>14416</v>
      </c>
      <c r="C15" s="1085" t="s">
        <v>276</v>
      </c>
      <c r="D15" s="1201">
        <v>-298</v>
      </c>
      <c r="E15" s="1202">
        <v>-92</v>
      </c>
      <c r="F15" s="1201">
        <v>-206</v>
      </c>
      <c r="G15" s="1203">
        <v>-10</v>
      </c>
      <c r="H15" s="1202">
        <v>-7</v>
      </c>
      <c r="I15" s="1201">
        <v>-3</v>
      </c>
      <c r="J15" s="1205" t="s">
        <v>188</v>
      </c>
      <c r="K15" s="1206" t="s">
        <v>188</v>
      </c>
      <c r="L15" s="1207" t="s">
        <v>188</v>
      </c>
      <c r="M15" s="1205"/>
      <c r="N15" s="1201">
        <v>10</v>
      </c>
      <c r="O15" s="1203">
        <v>7</v>
      </c>
      <c r="P15" s="1202">
        <v>3</v>
      </c>
      <c r="Q15" s="1201">
        <v>-288</v>
      </c>
      <c r="R15" s="1202">
        <v>-85</v>
      </c>
      <c r="S15" s="1201">
        <v>-203</v>
      </c>
      <c r="T15" s="1203">
        <v>2201</v>
      </c>
      <c r="U15" s="1202">
        <v>1149</v>
      </c>
      <c r="V15" s="1202">
        <v>1052</v>
      </c>
      <c r="W15" s="1201">
        <v>2489</v>
      </c>
      <c r="X15" s="1202">
        <v>1234</v>
      </c>
      <c r="Y15" s="1203">
        <v>1255</v>
      </c>
    </row>
    <row r="16" spans="1:25" ht="16.5" customHeight="1">
      <c r="A16" s="178"/>
      <c r="B16" s="1084">
        <v>16061</v>
      </c>
      <c r="C16" s="1085" t="s">
        <v>277</v>
      </c>
      <c r="D16" s="1201">
        <v>-14</v>
      </c>
      <c r="E16" s="1202">
        <v>12</v>
      </c>
      <c r="F16" s="1201">
        <v>-26</v>
      </c>
      <c r="G16" s="1203">
        <v>-12</v>
      </c>
      <c r="H16" s="1202">
        <v>-9</v>
      </c>
      <c r="I16" s="1201">
        <v>-3</v>
      </c>
      <c r="J16" s="1205" t="s">
        <v>188</v>
      </c>
      <c r="K16" s="1206" t="s">
        <v>188</v>
      </c>
      <c r="L16" s="1207" t="s">
        <v>188</v>
      </c>
      <c r="M16" s="1205"/>
      <c r="N16" s="1201">
        <v>12</v>
      </c>
      <c r="O16" s="1203">
        <v>9</v>
      </c>
      <c r="P16" s="1202">
        <v>3</v>
      </c>
      <c r="Q16" s="1201">
        <v>-2</v>
      </c>
      <c r="R16" s="1202">
        <v>21</v>
      </c>
      <c r="S16" s="1201">
        <v>-23</v>
      </c>
      <c r="T16" s="1203">
        <v>1671</v>
      </c>
      <c r="U16" s="1202">
        <v>882</v>
      </c>
      <c r="V16" s="1202">
        <v>789</v>
      </c>
      <c r="W16" s="1201">
        <v>1673</v>
      </c>
      <c r="X16" s="1202">
        <v>861</v>
      </c>
      <c r="Y16" s="1203">
        <v>812</v>
      </c>
    </row>
    <row r="17" spans="1:25" ht="16.5" customHeight="1">
      <c r="A17" s="808" t="s">
        <v>559</v>
      </c>
      <c r="B17" s="1084">
        <v>18901</v>
      </c>
      <c r="C17" s="1085" t="s">
        <v>278</v>
      </c>
      <c r="D17" s="1201">
        <v>5</v>
      </c>
      <c r="E17" s="1202">
        <v>-7</v>
      </c>
      <c r="F17" s="1201">
        <v>12</v>
      </c>
      <c r="G17" s="1203">
        <v>-16</v>
      </c>
      <c r="H17" s="1202">
        <v>-12</v>
      </c>
      <c r="I17" s="1201">
        <v>-4</v>
      </c>
      <c r="J17" s="1205" t="s">
        <v>188</v>
      </c>
      <c r="K17" s="1206" t="s">
        <v>188</v>
      </c>
      <c r="L17" s="1207" t="s">
        <v>188</v>
      </c>
      <c r="M17" s="1205"/>
      <c r="N17" s="1201">
        <v>16</v>
      </c>
      <c r="O17" s="1203">
        <v>12</v>
      </c>
      <c r="P17" s="1202">
        <v>4</v>
      </c>
      <c r="Q17" s="1201">
        <v>21</v>
      </c>
      <c r="R17" s="1202">
        <v>5</v>
      </c>
      <c r="S17" s="1201">
        <v>16</v>
      </c>
      <c r="T17" s="1203">
        <v>1205</v>
      </c>
      <c r="U17" s="1202">
        <v>654</v>
      </c>
      <c r="V17" s="1202">
        <v>551</v>
      </c>
      <c r="W17" s="1201">
        <v>1184</v>
      </c>
      <c r="X17" s="1202">
        <v>649</v>
      </c>
      <c r="Y17" s="1203">
        <v>535</v>
      </c>
    </row>
    <row r="18" spans="1:25" ht="16.5" customHeight="1">
      <c r="A18" s="809"/>
      <c r="B18" s="1084">
        <v>23710</v>
      </c>
      <c r="C18" s="1085" t="s">
        <v>279</v>
      </c>
      <c r="D18" s="1201">
        <v>98</v>
      </c>
      <c r="E18" s="1202">
        <v>46</v>
      </c>
      <c r="F18" s="1201">
        <v>52</v>
      </c>
      <c r="G18" s="1203">
        <v>-24</v>
      </c>
      <c r="H18" s="1202">
        <v>-18</v>
      </c>
      <c r="I18" s="1201">
        <v>-6</v>
      </c>
      <c r="J18" s="1205" t="s">
        <v>188</v>
      </c>
      <c r="K18" s="1206" t="s">
        <v>188</v>
      </c>
      <c r="L18" s="1207" t="s">
        <v>188</v>
      </c>
      <c r="M18" s="1205"/>
      <c r="N18" s="1201">
        <v>24</v>
      </c>
      <c r="O18" s="1203">
        <v>18</v>
      </c>
      <c r="P18" s="1202">
        <v>6</v>
      </c>
      <c r="Q18" s="1201">
        <v>122</v>
      </c>
      <c r="R18" s="1202">
        <v>64</v>
      </c>
      <c r="S18" s="1201">
        <v>58</v>
      </c>
      <c r="T18" s="1203">
        <v>1003</v>
      </c>
      <c r="U18" s="1202">
        <v>572</v>
      </c>
      <c r="V18" s="1202">
        <v>431</v>
      </c>
      <c r="W18" s="1201">
        <v>881</v>
      </c>
      <c r="X18" s="1202">
        <v>508</v>
      </c>
      <c r="Y18" s="1203">
        <v>373</v>
      </c>
    </row>
    <row r="19" spans="1:25" ht="16.5" customHeight="1">
      <c r="A19" s="809"/>
      <c r="B19" s="1090">
        <v>25889</v>
      </c>
      <c r="C19" s="1088" t="s">
        <v>280</v>
      </c>
      <c r="D19" s="1208">
        <v>-2</v>
      </c>
      <c r="E19" s="1209">
        <v>-18</v>
      </c>
      <c r="F19" s="1208">
        <v>16</v>
      </c>
      <c r="G19" s="1210">
        <v>-42</v>
      </c>
      <c r="H19" s="1209">
        <v>-23</v>
      </c>
      <c r="I19" s="1208">
        <v>-19</v>
      </c>
      <c r="J19" s="1211" t="s">
        <v>188</v>
      </c>
      <c r="K19" s="1212" t="s">
        <v>188</v>
      </c>
      <c r="L19" s="1213" t="s">
        <v>188</v>
      </c>
      <c r="M19" s="1211"/>
      <c r="N19" s="1208">
        <v>42</v>
      </c>
      <c r="O19" s="1210">
        <v>23</v>
      </c>
      <c r="P19" s="1209">
        <v>19</v>
      </c>
      <c r="Q19" s="1208">
        <v>40</v>
      </c>
      <c r="R19" s="1209">
        <v>5</v>
      </c>
      <c r="S19" s="1208">
        <v>35</v>
      </c>
      <c r="T19" s="1210">
        <v>777</v>
      </c>
      <c r="U19" s="1209">
        <v>439</v>
      </c>
      <c r="V19" s="1209">
        <v>338</v>
      </c>
      <c r="W19" s="1208">
        <v>737</v>
      </c>
      <c r="X19" s="1209">
        <v>434</v>
      </c>
      <c r="Y19" s="1210">
        <v>303</v>
      </c>
    </row>
    <row r="20" spans="1:25" ht="16.5" customHeight="1">
      <c r="A20" s="809"/>
      <c r="B20" s="1084">
        <v>23441</v>
      </c>
      <c r="C20" s="1085" t="s">
        <v>281</v>
      </c>
      <c r="D20" s="1201">
        <v>39</v>
      </c>
      <c r="E20" s="1202">
        <v>6</v>
      </c>
      <c r="F20" s="1201">
        <v>33</v>
      </c>
      <c r="G20" s="1203">
        <v>-62</v>
      </c>
      <c r="H20" s="1202">
        <v>-45</v>
      </c>
      <c r="I20" s="1201">
        <v>-17</v>
      </c>
      <c r="J20" s="1205" t="s">
        <v>188</v>
      </c>
      <c r="K20" s="1206" t="s">
        <v>188</v>
      </c>
      <c r="L20" s="1207" t="s">
        <v>188</v>
      </c>
      <c r="M20" s="1205"/>
      <c r="N20" s="1201">
        <v>62</v>
      </c>
      <c r="O20" s="1203">
        <v>45</v>
      </c>
      <c r="P20" s="1202">
        <v>17</v>
      </c>
      <c r="Q20" s="1201">
        <v>101</v>
      </c>
      <c r="R20" s="1202">
        <v>51</v>
      </c>
      <c r="S20" s="1201">
        <v>50</v>
      </c>
      <c r="T20" s="1203">
        <v>611</v>
      </c>
      <c r="U20" s="1202">
        <v>334</v>
      </c>
      <c r="V20" s="1202">
        <v>277</v>
      </c>
      <c r="W20" s="1201">
        <v>510</v>
      </c>
      <c r="X20" s="1202">
        <v>283</v>
      </c>
      <c r="Y20" s="1203">
        <v>227</v>
      </c>
    </row>
    <row r="21" spans="1:25" ht="16.5" customHeight="1">
      <c r="A21" s="809"/>
      <c r="B21" s="1084">
        <v>20941</v>
      </c>
      <c r="C21" s="1085" t="s">
        <v>282</v>
      </c>
      <c r="D21" s="1201">
        <v>-27</v>
      </c>
      <c r="E21" s="1202">
        <v>-16</v>
      </c>
      <c r="F21" s="1201">
        <v>-11</v>
      </c>
      <c r="G21" s="1203">
        <v>-75</v>
      </c>
      <c r="H21" s="1202">
        <v>-48</v>
      </c>
      <c r="I21" s="1201">
        <v>-27</v>
      </c>
      <c r="J21" s="1205" t="s">
        <v>188</v>
      </c>
      <c r="K21" s="1206" t="s">
        <v>188</v>
      </c>
      <c r="L21" s="1207" t="s">
        <v>188</v>
      </c>
      <c r="M21" s="1205"/>
      <c r="N21" s="1201">
        <v>75</v>
      </c>
      <c r="O21" s="1203">
        <v>48</v>
      </c>
      <c r="P21" s="1202">
        <v>27</v>
      </c>
      <c r="Q21" s="1201">
        <v>48</v>
      </c>
      <c r="R21" s="1202">
        <v>32</v>
      </c>
      <c r="S21" s="1201">
        <v>16</v>
      </c>
      <c r="T21" s="1203">
        <v>453</v>
      </c>
      <c r="U21" s="1202">
        <v>265</v>
      </c>
      <c r="V21" s="1202">
        <v>188</v>
      </c>
      <c r="W21" s="1201">
        <v>405</v>
      </c>
      <c r="X21" s="1202">
        <v>233</v>
      </c>
      <c r="Y21" s="1203">
        <v>172</v>
      </c>
    </row>
    <row r="22" spans="1:25" ht="16.5" customHeight="1">
      <c r="A22" s="808" t="s">
        <v>560</v>
      </c>
      <c r="B22" s="1084">
        <v>21375</v>
      </c>
      <c r="C22" s="1085" t="s">
        <v>283</v>
      </c>
      <c r="D22" s="1201">
        <v>-33</v>
      </c>
      <c r="E22" s="1202">
        <v>-38</v>
      </c>
      <c r="F22" s="1201">
        <v>5</v>
      </c>
      <c r="G22" s="1203">
        <v>-115</v>
      </c>
      <c r="H22" s="1202">
        <v>-80</v>
      </c>
      <c r="I22" s="1201">
        <v>-35</v>
      </c>
      <c r="J22" s="1205" t="s">
        <v>188</v>
      </c>
      <c r="K22" s="1206" t="s">
        <v>188</v>
      </c>
      <c r="L22" s="1207" t="s">
        <v>188</v>
      </c>
      <c r="M22" s="1205"/>
      <c r="N22" s="1201">
        <v>115</v>
      </c>
      <c r="O22" s="1203">
        <v>80</v>
      </c>
      <c r="P22" s="1202">
        <v>35</v>
      </c>
      <c r="Q22" s="1201">
        <v>82</v>
      </c>
      <c r="R22" s="1202">
        <v>42</v>
      </c>
      <c r="S22" s="1201">
        <v>40</v>
      </c>
      <c r="T22" s="1203">
        <v>405</v>
      </c>
      <c r="U22" s="1202">
        <v>219</v>
      </c>
      <c r="V22" s="1202">
        <v>186</v>
      </c>
      <c r="W22" s="1201">
        <v>323</v>
      </c>
      <c r="X22" s="1202">
        <v>177</v>
      </c>
      <c r="Y22" s="1203">
        <v>146</v>
      </c>
    </row>
    <row r="23" spans="1:25" ht="16.5" customHeight="1">
      <c r="A23" s="178"/>
      <c r="B23" s="1084">
        <v>28863</v>
      </c>
      <c r="C23" s="1085" t="s">
        <v>284</v>
      </c>
      <c r="D23" s="1201">
        <v>-237</v>
      </c>
      <c r="E23" s="1202">
        <v>-146</v>
      </c>
      <c r="F23" s="1201">
        <v>-91</v>
      </c>
      <c r="G23" s="1203">
        <v>-283</v>
      </c>
      <c r="H23" s="1202">
        <v>-177</v>
      </c>
      <c r="I23" s="1201">
        <v>-106</v>
      </c>
      <c r="J23" s="1205" t="s">
        <v>188</v>
      </c>
      <c r="K23" s="1206" t="s">
        <v>188</v>
      </c>
      <c r="L23" s="1207" t="s">
        <v>188</v>
      </c>
      <c r="M23" s="1205"/>
      <c r="N23" s="1201">
        <v>283</v>
      </c>
      <c r="O23" s="1203">
        <v>177</v>
      </c>
      <c r="P23" s="1202">
        <v>106</v>
      </c>
      <c r="Q23" s="1201">
        <v>46</v>
      </c>
      <c r="R23" s="1202">
        <v>31</v>
      </c>
      <c r="S23" s="1201">
        <v>15</v>
      </c>
      <c r="T23" s="1203">
        <v>384</v>
      </c>
      <c r="U23" s="1202">
        <v>215</v>
      </c>
      <c r="V23" s="1202">
        <v>169</v>
      </c>
      <c r="W23" s="1201">
        <v>338</v>
      </c>
      <c r="X23" s="1202">
        <v>184</v>
      </c>
      <c r="Y23" s="1203">
        <v>154</v>
      </c>
    </row>
    <row r="24" spans="1:25" ht="16.5" customHeight="1">
      <c r="A24" s="178"/>
      <c r="B24" s="1090">
        <v>24706</v>
      </c>
      <c r="C24" s="1088" t="s">
        <v>285</v>
      </c>
      <c r="D24" s="1208">
        <v>-346</v>
      </c>
      <c r="E24" s="1209">
        <v>-240</v>
      </c>
      <c r="F24" s="1208">
        <v>-106</v>
      </c>
      <c r="G24" s="1210">
        <v>-377</v>
      </c>
      <c r="H24" s="1209">
        <v>-251</v>
      </c>
      <c r="I24" s="1208">
        <v>-126</v>
      </c>
      <c r="J24" s="1211" t="s">
        <v>188</v>
      </c>
      <c r="K24" s="1212" t="s">
        <v>188</v>
      </c>
      <c r="L24" s="1213" t="s">
        <v>188</v>
      </c>
      <c r="M24" s="1211"/>
      <c r="N24" s="1208">
        <v>377</v>
      </c>
      <c r="O24" s="1210">
        <v>251</v>
      </c>
      <c r="P24" s="1209">
        <v>126</v>
      </c>
      <c r="Q24" s="1208">
        <v>31</v>
      </c>
      <c r="R24" s="1209">
        <v>11</v>
      </c>
      <c r="S24" s="1208">
        <v>20</v>
      </c>
      <c r="T24" s="1210">
        <v>261</v>
      </c>
      <c r="U24" s="1209">
        <v>119</v>
      </c>
      <c r="V24" s="1209">
        <v>142</v>
      </c>
      <c r="W24" s="1208">
        <v>230</v>
      </c>
      <c r="X24" s="1209">
        <v>108</v>
      </c>
      <c r="Y24" s="1210">
        <v>122</v>
      </c>
    </row>
    <row r="25" spans="1:25" ht="16.5" customHeight="1">
      <c r="A25" s="178"/>
      <c r="B25" s="1084">
        <v>21130</v>
      </c>
      <c r="C25" s="1085" t="s">
        <v>286</v>
      </c>
      <c r="D25" s="1201">
        <v>-507</v>
      </c>
      <c r="E25" s="1202">
        <v>-326</v>
      </c>
      <c r="F25" s="1201">
        <v>-181</v>
      </c>
      <c r="G25" s="1203">
        <v>-507</v>
      </c>
      <c r="H25" s="1202">
        <v>-334</v>
      </c>
      <c r="I25" s="1201">
        <v>-173</v>
      </c>
      <c r="J25" s="1205" t="s">
        <v>188</v>
      </c>
      <c r="K25" s="1206" t="s">
        <v>188</v>
      </c>
      <c r="L25" s="1207" t="s">
        <v>188</v>
      </c>
      <c r="M25" s="1205"/>
      <c r="N25" s="1201">
        <v>507</v>
      </c>
      <c r="O25" s="1203">
        <v>334</v>
      </c>
      <c r="P25" s="1202">
        <v>173</v>
      </c>
      <c r="Q25" s="1201">
        <v>0</v>
      </c>
      <c r="R25" s="1202">
        <v>8</v>
      </c>
      <c r="S25" s="1201">
        <v>-8</v>
      </c>
      <c r="T25" s="1203">
        <v>192</v>
      </c>
      <c r="U25" s="1202">
        <v>78</v>
      </c>
      <c r="V25" s="1202">
        <v>114</v>
      </c>
      <c r="W25" s="1201">
        <v>192</v>
      </c>
      <c r="X25" s="1202">
        <v>70</v>
      </c>
      <c r="Y25" s="1203">
        <v>122</v>
      </c>
    </row>
    <row r="26" spans="1:25" ht="16.5" customHeight="1">
      <c r="A26" s="178"/>
      <c r="B26" s="1084">
        <v>15887</v>
      </c>
      <c r="C26" s="1085" t="s">
        <v>287</v>
      </c>
      <c r="D26" s="1201">
        <v>-647</v>
      </c>
      <c r="E26" s="1202">
        <v>-351</v>
      </c>
      <c r="F26" s="1201">
        <v>-296</v>
      </c>
      <c r="G26" s="1203">
        <v>-677</v>
      </c>
      <c r="H26" s="1202">
        <v>-373</v>
      </c>
      <c r="I26" s="1201">
        <v>-304</v>
      </c>
      <c r="J26" s="1205" t="s">
        <v>188</v>
      </c>
      <c r="K26" s="1206" t="s">
        <v>188</v>
      </c>
      <c r="L26" s="1207" t="s">
        <v>188</v>
      </c>
      <c r="M26" s="1205"/>
      <c r="N26" s="1201">
        <v>677</v>
      </c>
      <c r="O26" s="1203">
        <v>373</v>
      </c>
      <c r="P26" s="1202">
        <v>304</v>
      </c>
      <c r="Q26" s="1201">
        <v>30</v>
      </c>
      <c r="R26" s="1202">
        <v>22</v>
      </c>
      <c r="S26" s="1201">
        <v>8</v>
      </c>
      <c r="T26" s="1203">
        <v>203</v>
      </c>
      <c r="U26" s="1202">
        <v>87</v>
      </c>
      <c r="V26" s="1202">
        <v>116</v>
      </c>
      <c r="W26" s="1201">
        <v>173</v>
      </c>
      <c r="X26" s="1202">
        <v>65</v>
      </c>
      <c r="Y26" s="1203">
        <v>108</v>
      </c>
    </row>
    <row r="27" spans="1:25" ht="16.5" customHeight="1">
      <c r="A27" s="178"/>
      <c r="B27" s="1084">
        <v>9666</v>
      </c>
      <c r="C27" s="1085" t="s">
        <v>288</v>
      </c>
      <c r="D27" s="1201">
        <v>-738</v>
      </c>
      <c r="E27" s="1202">
        <v>-354</v>
      </c>
      <c r="F27" s="1201">
        <v>-384</v>
      </c>
      <c r="G27" s="1203">
        <v>-743</v>
      </c>
      <c r="H27" s="1202">
        <v>-367</v>
      </c>
      <c r="I27" s="1201">
        <v>-376</v>
      </c>
      <c r="J27" s="1205" t="s">
        <v>188</v>
      </c>
      <c r="K27" s="1206" t="s">
        <v>188</v>
      </c>
      <c r="L27" s="1207" t="s">
        <v>188</v>
      </c>
      <c r="M27" s="1205"/>
      <c r="N27" s="1201">
        <v>743</v>
      </c>
      <c r="O27" s="1203">
        <v>367</v>
      </c>
      <c r="P27" s="1202">
        <v>376</v>
      </c>
      <c r="Q27" s="1201">
        <v>5</v>
      </c>
      <c r="R27" s="1202">
        <v>13</v>
      </c>
      <c r="S27" s="1201">
        <v>-8</v>
      </c>
      <c r="T27" s="1203">
        <v>150</v>
      </c>
      <c r="U27" s="1202">
        <v>54</v>
      </c>
      <c r="V27" s="1202">
        <v>96</v>
      </c>
      <c r="W27" s="1201">
        <v>145</v>
      </c>
      <c r="X27" s="1202">
        <v>41</v>
      </c>
      <c r="Y27" s="1203">
        <v>104</v>
      </c>
    </row>
    <row r="28" spans="1:25" ht="16.5" customHeight="1">
      <c r="A28" s="178"/>
      <c r="B28" s="1084">
        <v>4542</v>
      </c>
      <c r="C28" s="1085" t="s">
        <v>289</v>
      </c>
      <c r="D28" s="1201">
        <v>-621</v>
      </c>
      <c r="E28" s="1202">
        <v>-214</v>
      </c>
      <c r="F28" s="1201">
        <v>-407</v>
      </c>
      <c r="G28" s="1203">
        <v>-635</v>
      </c>
      <c r="H28" s="1202">
        <v>-216</v>
      </c>
      <c r="I28" s="1201">
        <v>-419</v>
      </c>
      <c r="J28" s="1205" t="s">
        <v>188</v>
      </c>
      <c r="K28" s="1206" t="s">
        <v>188</v>
      </c>
      <c r="L28" s="1207" t="s">
        <v>188</v>
      </c>
      <c r="M28" s="1205"/>
      <c r="N28" s="1201">
        <v>635</v>
      </c>
      <c r="O28" s="1203">
        <v>216</v>
      </c>
      <c r="P28" s="1202">
        <v>419</v>
      </c>
      <c r="Q28" s="1201">
        <v>14</v>
      </c>
      <c r="R28" s="1202">
        <v>2</v>
      </c>
      <c r="S28" s="1201">
        <v>12</v>
      </c>
      <c r="T28" s="1203">
        <v>80</v>
      </c>
      <c r="U28" s="1202">
        <v>21</v>
      </c>
      <c r="V28" s="1202">
        <v>59</v>
      </c>
      <c r="W28" s="1201">
        <v>66</v>
      </c>
      <c r="X28" s="1202">
        <v>19</v>
      </c>
      <c r="Y28" s="1203">
        <v>47</v>
      </c>
    </row>
    <row r="29" spans="1:25" ht="16.5" customHeight="1">
      <c r="A29" s="178"/>
      <c r="B29" s="1090">
        <v>1191</v>
      </c>
      <c r="C29" s="1088" t="s">
        <v>290</v>
      </c>
      <c r="D29" s="1208">
        <v>-306</v>
      </c>
      <c r="E29" s="1209">
        <v>-70</v>
      </c>
      <c r="F29" s="1208">
        <v>-236</v>
      </c>
      <c r="G29" s="1210">
        <v>-305</v>
      </c>
      <c r="H29" s="1209">
        <v>-72</v>
      </c>
      <c r="I29" s="1208">
        <v>-233</v>
      </c>
      <c r="J29" s="1211" t="s">
        <v>188</v>
      </c>
      <c r="K29" s="1212" t="s">
        <v>188</v>
      </c>
      <c r="L29" s="1213" t="s">
        <v>188</v>
      </c>
      <c r="M29" s="1211"/>
      <c r="N29" s="1208">
        <v>305</v>
      </c>
      <c r="O29" s="1210">
        <v>72</v>
      </c>
      <c r="P29" s="1209">
        <v>233</v>
      </c>
      <c r="Q29" s="1208">
        <v>-1</v>
      </c>
      <c r="R29" s="1209">
        <v>2</v>
      </c>
      <c r="S29" s="1208">
        <v>-3</v>
      </c>
      <c r="T29" s="1210">
        <v>14</v>
      </c>
      <c r="U29" s="1209">
        <v>4</v>
      </c>
      <c r="V29" s="1209">
        <v>10</v>
      </c>
      <c r="W29" s="1208">
        <v>15</v>
      </c>
      <c r="X29" s="1209">
        <v>2</v>
      </c>
      <c r="Y29" s="1210">
        <v>13</v>
      </c>
    </row>
    <row r="30" spans="1:25" ht="16.5" customHeight="1">
      <c r="A30" s="178"/>
      <c r="B30" s="1094">
        <v>215</v>
      </c>
      <c r="C30" s="1088" t="s">
        <v>515</v>
      </c>
      <c r="D30" s="1214">
        <v>-113</v>
      </c>
      <c r="E30" s="1209">
        <v>-14</v>
      </c>
      <c r="F30" s="1210">
        <v>-99</v>
      </c>
      <c r="G30" s="1210">
        <v>-113</v>
      </c>
      <c r="H30" s="1209">
        <v>-14</v>
      </c>
      <c r="I30" s="1208">
        <v>-99</v>
      </c>
      <c r="J30" s="1211" t="s">
        <v>188</v>
      </c>
      <c r="K30" s="1212" t="s">
        <v>188</v>
      </c>
      <c r="L30" s="1211" t="s">
        <v>188</v>
      </c>
      <c r="M30" s="1211"/>
      <c r="N30" s="1208">
        <v>113</v>
      </c>
      <c r="O30" s="1210">
        <v>14</v>
      </c>
      <c r="P30" s="1209">
        <v>99</v>
      </c>
      <c r="Q30" s="1208">
        <v>0</v>
      </c>
      <c r="R30" s="1209">
        <v>0</v>
      </c>
      <c r="S30" s="1210">
        <v>0</v>
      </c>
      <c r="T30" s="1210">
        <v>2</v>
      </c>
      <c r="U30" s="1209">
        <v>1</v>
      </c>
      <c r="V30" s="1209">
        <v>1</v>
      </c>
      <c r="W30" s="1208">
        <v>2</v>
      </c>
      <c r="X30" s="1209">
        <v>1</v>
      </c>
      <c r="Y30" s="1210">
        <v>1</v>
      </c>
    </row>
    <row r="31" spans="1:25" ht="16.5" customHeight="1">
      <c r="A31" s="178"/>
      <c r="B31" s="1097">
        <v>1752</v>
      </c>
      <c r="C31" s="1095" t="s">
        <v>154</v>
      </c>
      <c r="D31" s="1215" t="s">
        <v>188</v>
      </c>
      <c r="E31" s="1216" t="s">
        <v>188</v>
      </c>
      <c r="F31" s="1215" t="s">
        <v>188</v>
      </c>
      <c r="G31" s="1217" t="s">
        <v>188</v>
      </c>
      <c r="H31" s="1216" t="s">
        <v>188</v>
      </c>
      <c r="I31" s="1215" t="s">
        <v>188</v>
      </c>
      <c r="J31" s="1217" t="s">
        <v>188</v>
      </c>
      <c r="K31" s="1216" t="s">
        <v>188</v>
      </c>
      <c r="L31" s="1215" t="s">
        <v>188</v>
      </c>
      <c r="M31" s="1217"/>
      <c r="N31" s="1215" t="s">
        <v>188</v>
      </c>
      <c r="O31" s="1216" t="s">
        <v>188</v>
      </c>
      <c r="P31" s="1218" t="s">
        <v>188</v>
      </c>
      <c r="Q31" s="1215" t="s">
        <v>188</v>
      </c>
      <c r="R31" s="1216" t="s">
        <v>188</v>
      </c>
      <c r="S31" s="1215" t="s">
        <v>188</v>
      </c>
      <c r="T31" s="1217" t="s">
        <v>188</v>
      </c>
      <c r="U31" s="1216" t="s">
        <v>188</v>
      </c>
      <c r="V31" s="1218" t="s">
        <v>188</v>
      </c>
      <c r="W31" s="1215" t="s">
        <v>188</v>
      </c>
      <c r="X31" s="1216" t="s">
        <v>188</v>
      </c>
      <c r="Y31" s="1217" t="s">
        <v>188</v>
      </c>
    </row>
    <row r="32" spans="1:25" ht="16.5" customHeight="1">
      <c r="A32" s="178"/>
      <c r="B32" s="1084">
        <v>38062</v>
      </c>
      <c r="C32" s="1085" t="s">
        <v>516</v>
      </c>
      <c r="D32" s="1201">
        <v>2171</v>
      </c>
      <c r="E32" s="1202">
        <v>1120</v>
      </c>
      <c r="F32" s="1201">
        <v>1051</v>
      </c>
      <c r="G32" s="1203">
        <v>2042</v>
      </c>
      <c r="H32" s="1202">
        <v>1050</v>
      </c>
      <c r="I32" s="1201">
        <v>992</v>
      </c>
      <c r="J32" s="1203">
        <v>2053</v>
      </c>
      <c r="K32" s="1203">
        <v>1056</v>
      </c>
      <c r="L32" s="1203">
        <v>997</v>
      </c>
      <c r="M32" s="1203"/>
      <c r="N32" s="1201">
        <v>11</v>
      </c>
      <c r="O32" s="1202">
        <v>6</v>
      </c>
      <c r="P32" s="1204">
        <v>5</v>
      </c>
      <c r="Q32" s="1201">
        <v>129</v>
      </c>
      <c r="R32" s="1202">
        <v>70</v>
      </c>
      <c r="S32" s="1201">
        <v>59</v>
      </c>
      <c r="T32" s="1203">
        <v>1407</v>
      </c>
      <c r="U32" s="1202">
        <v>712</v>
      </c>
      <c r="V32" s="1204">
        <v>695</v>
      </c>
      <c r="W32" s="1201">
        <v>1278</v>
      </c>
      <c r="X32" s="1202">
        <v>642</v>
      </c>
      <c r="Y32" s="1201">
        <v>636</v>
      </c>
    </row>
    <row r="33" spans="1:25" ht="16.5" customHeight="1">
      <c r="A33" s="178"/>
      <c r="B33" s="1084">
        <v>196854</v>
      </c>
      <c r="C33" s="1085" t="s">
        <v>517</v>
      </c>
      <c r="D33" s="1201">
        <v>-550</v>
      </c>
      <c r="E33" s="1202">
        <v>-303</v>
      </c>
      <c r="F33" s="1201">
        <v>-247</v>
      </c>
      <c r="G33" s="1203">
        <v>-362</v>
      </c>
      <c r="H33" s="1202">
        <v>-246</v>
      </c>
      <c r="I33" s="1201">
        <v>-116</v>
      </c>
      <c r="J33" s="1205" t="s">
        <v>188</v>
      </c>
      <c r="K33" s="1206" t="s">
        <v>188</v>
      </c>
      <c r="L33" s="1207" t="s">
        <v>188</v>
      </c>
      <c r="M33" s="1205"/>
      <c r="N33" s="1201">
        <v>362</v>
      </c>
      <c r="O33" s="1202">
        <v>246</v>
      </c>
      <c r="P33" s="1204">
        <v>116</v>
      </c>
      <c r="Q33" s="1201">
        <v>-188</v>
      </c>
      <c r="R33" s="1202">
        <v>-57</v>
      </c>
      <c r="S33" s="1201">
        <v>-131</v>
      </c>
      <c r="T33" s="1203">
        <v>10878</v>
      </c>
      <c r="U33" s="1202">
        <v>5720</v>
      </c>
      <c r="V33" s="1204">
        <v>5158</v>
      </c>
      <c r="W33" s="1201">
        <v>11066</v>
      </c>
      <c r="X33" s="1202">
        <v>5777</v>
      </c>
      <c r="Y33" s="1201">
        <v>5289</v>
      </c>
    </row>
    <row r="34" spans="1:25" ht="16.5" customHeight="1" thickBot="1">
      <c r="A34" s="178"/>
      <c r="B34" s="1084">
        <v>106200</v>
      </c>
      <c r="C34" s="1085" t="s">
        <v>518</v>
      </c>
      <c r="D34" s="1201">
        <v>-3515</v>
      </c>
      <c r="E34" s="1202">
        <v>-1715</v>
      </c>
      <c r="F34" s="1201">
        <v>-1800</v>
      </c>
      <c r="G34" s="1203">
        <v>-3640</v>
      </c>
      <c r="H34" s="1202">
        <v>-1804</v>
      </c>
      <c r="I34" s="1201">
        <v>-1836</v>
      </c>
      <c r="J34" s="1205" t="s">
        <v>188</v>
      </c>
      <c r="K34" s="1206" t="s">
        <v>188</v>
      </c>
      <c r="L34" s="1207" t="s">
        <v>188</v>
      </c>
      <c r="M34" s="1205"/>
      <c r="N34" s="1201">
        <v>3640</v>
      </c>
      <c r="O34" s="1202">
        <v>1804</v>
      </c>
      <c r="P34" s="1204">
        <v>1836</v>
      </c>
      <c r="Q34" s="1201">
        <v>125</v>
      </c>
      <c r="R34" s="1202">
        <v>89</v>
      </c>
      <c r="S34" s="1201">
        <v>36</v>
      </c>
      <c r="T34" s="1203">
        <v>1286</v>
      </c>
      <c r="U34" s="1202">
        <v>579</v>
      </c>
      <c r="V34" s="1204">
        <v>707</v>
      </c>
      <c r="W34" s="1201">
        <v>1161</v>
      </c>
      <c r="X34" s="1202">
        <v>490</v>
      </c>
      <c r="Y34" s="1201">
        <v>671</v>
      </c>
    </row>
    <row r="35" spans="1:25" ht="16.5" customHeight="1" thickTop="1">
      <c r="A35" s="195"/>
      <c r="B35" s="832" t="s">
        <v>200</v>
      </c>
      <c r="C35" s="833"/>
      <c r="D35" s="193" t="s">
        <v>200</v>
      </c>
      <c r="E35" s="834" t="s">
        <v>200</v>
      </c>
      <c r="F35" s="193" t="s">
        <v>200</v>
      </c>
      <c r="G35" s="832" t="s">
        <v>200</v>
      </c>
      <c r="H35" s="834" t="s">
        <v>200</v>
      </c>
      <c r="I35" s="193" t="s">
        <v>200</v>
      </c>
      <c r="J35" s="832" t="s">
        <v>200</v>
      </c>
      <c r="K35" s="834" t="s">
        <v>200</v>
      </c>
      <c r="L35" s="193" t="s">
        <v>200</v>
      </c>
      <c r="M35" s="832"/>
      <c r="N35" s="193" t="s">
        <v>200</v>
      </c>
      <c r="O35" s="834" t="s">
        <v>200</v>
      </c>
      <c r="P35" s="835" t="s">
        <v>200</v>
      </c>
      <c r="Q35" s="193" t="s">
        <v>200</v>
      </c>
      <c r="R35" s="834" t="s">
        <v>200</v>
      </c>
      <c r="S35" s="193" t="s">
        <v>200</v>
      </c>
      <c r="T35" s="832" t="s">
        <v>200</v>
      </c>
      <c r="U35" s="834" t="s">
        <v>200</v>
      </c>
      <c r="V35" s="835" t="s">
        <v>200</v>
      </c>
      <c r="W35" s="193" t="s">
        <v>200</v>
      </c>
      <c r="X35" s="834" t="s">
        <v>200</v>
      </c>
      <c r="Y35" s="193" t="s">
        <v>200</v>
      </c>
    </row>
    <row r="36" spans="1:25" ht="16.5" customHeight="1">
      <c r="A36" s="178"/>
      <c r="B36" s="836">
        <v>100</v>
      </c>
      <c r="C36" s="827" t="s">
        <v>238</v>
      </c>
      <c r="D36" s="837" t="s">
        <v>386</v>
      </c>
      <c r="E36" s="838" t="s">
        <v>386</v>
      </c>
      <c r="F36" s="837" t="s">
        <v>386</v>
      </c>
      <c r="G36" s="839" t="s">
        <v>386</v>
      </c>
      <c r="H36" s="838" t="s">
        <v>386</v>
      </c>
      <c r="I36" s="837" t="s">
        <v>386</v>
      </c>
      <c r="J36" s="836">
        <v>100</v>
      </c>
      <c r="K36" s="840">
        <v>100</v>
      </c>
      <c r="L36" s="841">
        <v>100</v>
      </c>
      <c r="M36" s="836"/>
      <c r="N36" s="841">
        <v>100</v>
      </c>
      <c r="O36" s="840">
        <v>100</v>
      </c>
      <c r="P36" s="842">
        <v>100</v>
      </c>
      <c r="Q36" s="839" t="s">
        <v>386</v>
      </c>
      <c r="R36" s="838" t="s">
        <v>386</v>
      </c>
      <c r="S36" s="837" t="s">
        <v>386</v>
      </c>
      <c r="T36" s="836">
        <v>100</v>
      </c>
      <c r="U36" s="840">
        <v>100</v>
      </c>
      <c r="V36" s="842">
        <v>100</v>
      </c>
      <c r="W36" s="841">
        <v>100</v>
      </c>
      <c r="X36" s="840">
        <v>100</v>
      </c>
      <c r="Y36" s="841">
        <v>100</v>
      </c>
    </row>
    <row r="37" spans="1:25" ht="16.5" customHeight="1">
      <c r="A37" s="178"/>
      <c r="B37" s="843"/>
      <c r="C37" s="828"/>
      <c r="D37" s="844"/>
      <c r="E37" s="845"/>
      <c r="F37" s="844"/>
      <c r="G37" s="843"/>
      <c r="H37" s="845"/>
      <c r="I37" s="844"/>
      <c r="J37" s="843"/>
      <c r="K37" s="845"/>
      <c r="L37" s="844"/>
      <c r="M37" s="843"/>
      <c r="N37" s="844"/>
      <c r="O37" s="845"/>
      <c r="P37" s="846"/>
      <c r="Q37" s="844"/>
      <c r="R37" s="845"/>
      <c r="S37" s="844"/>
      <c r="T37" s="843"/>
      <c r="U37" s="845"/>
      <c r="V37" s="846"/>
      <c r="W37" s="844"/>
      <c r="X37" s="845"/>
      <c r="Y37" s="844"/>
    </row>
    <row r="38" spans="1:25" ht="16.5" customHeight="1">
      <c r="A38" s="178"/>
      <c r="B38" s="847">
        <v>3.2</v>
      </c>
      <c r="C38" s="829" t="s">
        <v>490</v>
      </c>
      <c r="D38" s="1179" t="s">
        <v>386</v>
      </c>
      <c r="E38" s="1178" t="s">
        <v>386</v>
      </c>
      <c r="F38" s="1179" t="s">
        <v>386</v>
      </c>
      <c r="G38" s="1177" t="s">
        <v>386</v>
      </c>
      <c r="H38" s="1178" t="s">
        <v>386</v>
      </c>
      <c r="I38" s="1179" t="s">
        <v>386</v>
      </c>
      <c r="J38" s="1180">
        <v>100</v>
      </c>
      <c r="K38" s="1181">
        <v>100</v>
      </c>
      <c r="L38" s="1182">
        <v>100</v>
      </c>
      <c r="M38" s="1180"/>
      <c r="N38" s="1182">
        <v>0.2</v>
      </c>
      <c r="O38" s="1181">
        <v>0.2</v>
      </c>
      <c r="P38" s="1183">
        <v>0.3</v>
      </c>
      <c r="Q38" s="1177" t="s">
        <v>386</v>
      </c>
      <c r="R38" s="1178" t="s">
        <v>386</v>
      </c>
      <c r="S38" s="1179" t="s">
        <v>386</v>
      </c>
      <c r="T38" s="1180">
        <v>5.7</v>
      </c>
      <c r="U38" s="1181">
        <v>5.6</v>
      </c>
      <c r="V38" s="1183">
        <v>5.7</v>
      </c>
      <c r="W38" s="1182">
        <v>5.4</v>
      </c>
      <c r="X38" s="1181">
        <v>5.4</v>
      </c>
      <c r="Y38" s="1182">
        <v>5.4</v>
      </c>
    </row>
    <row r="39" spans="1:25" ht="16.5" customHeight="1">
      <c r="A39" s="178"/>
      <c r="B39" s="847">
        <v>3.8</v>
      </c>
      <c r="C39" s="829" t="s">
        <v>491</v>
      </c>
      <c r="D39" s="1177" t="s">
        <v>188</v>
      </c>
      <c r="E39" s="1178" t="s">
        <v>188</v>
      </c>
      <c r="F39" s="1179" t="s">
        <v>188</v>
      </c>
      <c r="G39" s="1177" t="s">
        <v>188</v>
      </c>
      <c r="H39" s="1178" t="s">
        <v>188</v>
      </c>
      <c r="I39" s="1179" t="s">
        <v>188</v>
      </c>
      <c r="J39" s="1177" t="s">
        <v>188</v>
      </c>
      <c r="K39" s="1178" t="s">
        <v>188</v>
      </c>
      <c r="L39" s="1179" t="s">
        <v>188</v>
      </c>
      <c r="M39" s="1177"/>
      <c r="N39" s="1182">
        <v>0</v>
      </c>
      <c r="O39" s="1181">
        <v>0</v>
      </c>
      <c r="P39" s="1183">
        <v>0</v>
      </c>
      <c r="Q39" s="1177" t="s">
        <v>188</v>
      </c>
      <c r="R39" s="1178" t="s">
        <v>188</v>
      </c>
      <c r="S39" s="1179" t="s">
        <v>188</v>
      </c>
      <c r="T39" s="1180">
        <v>3.1</v>
      </c>
      <c r="U39" s="1181">
        <v>3.1</v>
      </c>
      <c r="V39" s="1183">
        <v>3.1</v>
      </c>
      <c r="W39" s="1182">
        <v>2.8</v>
      </c>
      <c r="X39" s="1181">
        <v>2.7</v>
      </c>
      <c r="Y39" s="1182">
        <v>2.8</v>
      </c>
    </row>
    <row r="40" spans="1:25" ht="16.5" customHeight="1">
      <c r="A40" s="178"/>
      <c r="B40" s="847">
        <v>4.0999999999999996</v>
      </c>
      <c r="C40" s="829" t="s">
        <v>492</v>
      </c>
      <c r="D40" s="1177" t="s">
        <v>188</v>
      </c>
      <c r="E40" s="1178" t="s">
        <v>188</v>
      </c>
      <c r="F40" s="1179" t="s">
        <v>188</v>
      </c>
      <c r="G40" s="1177" t="s">
        <v>188</v>
      </c>
      <c r="H40" s="1178" t="s">
        <v>188</v>
      </c>
      <c r="I40" s="1179" t="s">
        <v>188</v>
      </c>
      <c r="J40" s="1177" t="s">
        <v>188</v>
      </c>
      <c r="K40" s="1178" t="s">
        <v>188</v>
      </c>
      <c r="L40" s="1179" t="s">
        <v>188</v>
      </c>
      <c r="M40" s="1177"/>
      <c r="N40" s="1182">
        <v>0</v>
      </c>
      <c r="O40" s="1181">
        <v>0</v>
      </c>
      <c r="P40" s="1183">
        <v>0</v>
      </c>
      <c r="Q40" s="1177" t="s">
        <v>188</v>
      </c>
      <c r="R40" s="1178" t="s">
        <v>188</v>
      </c>
      <c r="S40" s="1179" t="s">
        <v>188</v>
      </c>
      <c r="T40" s="1180">
        <v>1.6</v>
      </c>
      <c r="U40" s="1181">
        <v>1.4</v>
      </c>
      <c r="V40" s="1183">
        <v>1.8</v>
      </c>
      <c r="W40" s="1182">
        <v>1.3</v>
      </c>
      <c r="X40" s="1181">
        <v>1.2</v>
      </c>
      <c r="Y40" s="1182">
        <v>1.4</v>
      </c>
    </row>
    <row r="41" spans="1:25" ht="16.5" customHeight="1">
      <c r="A41" s="178"/>
      <c r="B41" s="847">
        <v>4.8</v>
      </c>
      <c r="C41" s="829" t="s">
        <v>558</v>
      </c>
      <c r="D41" s="1177" t="s">
        <v>188</v>
      </c>
      <c r="E41" s="1178" t="s">
        <v>188</v>
      </c>
      <c r="F41" s="1179" t="s">
        <v>188</v>
      </c>
      <c r="G41" s="1177" t="s">
        <v>188</v>
      </c>
      <c r="H41" s="1178" t="s">
        <v>188</v>
      </c>
      <c r="I41" s="1179" t="s">
        <v>188</v>
      </c>
      <c r="J41" s="1177" t="s">
        <v>188</v>
      </c>
      <c r="K41" s="1178" t="s">
        <v>188</v>
      </c>
      <c r="L41" s="1179" t="s">
        <v>188</v>
      </c>
      <c r="M41" s="1177"/>
      <c r="N41" s="1182">
        <v>0</v>
      </c>
      <c r="O41" s="1181">
        <v>0.1</v>
      </c>
      <c r="P41" s="1183">
        <v>0</v>
      </c>
      <c r="Q41" s="1177" t="s">
        <v>188</v>
      </c>
      <c r="R41" s="1178" t="s">
        <v>188</v>
      </c>
      <c r="S41" s="1179" t="s">
        <v>188</v>
      </c>
      <c r="T41" s="1180">
        <v>4</v>
      </c>
      <c r="U41" s="1181">
        <v>3.2</v>
      </c>
      <c r="V41" s="1183">
        <v>4.7</v>
      </c>
      <c r="W41" s="1182">
        <v>4.2</v>
      </c>
      <c r="X41" s="1181">
        <v>4.0999999999999996</v>
      </c>
      <c r="Y41" s="1182">
        <v>4.4000000000000004</v>
      </c>
    </row>
    <row r="42" spans="1:25" ht="16.5" customHeight="1">
      <c r="A42" s="178"/>
      <c r="B42" s="845">
        <v>4.5999999999999996</v>
      </c>
      <c r="C42" s="830" t="s">
        <v>494</v>
      </c>
      <c r="D42" s="1187" t="s">
        <v>188</v>
      </c>
      <c r="E42" s="1188" t="s">
        <v>188</v>
      </c>
      <c r="F42" s="1189" t="s">
        <v>188</v>
      </c>
      <c r="G42" s="1187" t="s">
        <v>188</v>
      </c>
      <c r="H42" s="1188" t="s">
        <v>188</v>
      </c>
      <c r="I42" s="1189" t="s">
        <v>188</v>
      </c>
      <c r="J42" s="1187" t="s">
        <v>188</v>
      </c>
      <c r="K42" s="1188" t="s">
        <v>188</v>
      </c>
      <c r="L42" s="1189" t="s">
        <v>188</v>
      </c>
      <c r="M42" s="1187"/>
      <c r="N42" s="1184">
        <v>0.1</v>
      </c>
      <c r="O42" s="1185">
        <v>0.1</v>
      </c>
      <c r="P42" s="1186">
        <v>0.1</v>
      </c>
      <c r="Q42" s="1187" t="s">
        <v>188</v>
      </c>
      <c r="R42" s="1188" t="s">
        <v>188</v>
      </c>
      <c r="S42" s="1189" t="s">
        <v>188</v>
      </c>
      <c r="T42" s="1190">
        <v>14.8</v>
      </c>
      <c r="U42" s="1185">
        <v>14</v>
      </c>
      <c r="V42" s="1186">
        <v>15.8</v>
      </c>
      <c r="W42" s="1184">
        <v>17</v>
      </c>
      <c r="X42" s="1185">
        <v>16.2</v>
      </c>
      <c r="Y42" s="1184">
        <v>17.8</v>
      </c>
    </row>
    <row r="43" spans="1:25" ht="16.5" customHeight="1">
      <c r="A43" s="178"/>
      <c r="B43" s="847">
        <v>4.2</v>
      </c>
      <c r="C43" s="829" t="s">
        <v>495</v>
      </c>
      <c r="D43" s="1177" t="s">
        <v>188</v>
      </c>
      <c r="E43" s="1178" t="s">
        <v>188</v>
      </c>
      <c r="F43" s="1179" t="s">
        <v>188</v>
      </c>
      <c r="G43" s="1177" t="s">
        <v>188</v>
      </c>
      <c r="H43" s="1178" t="s">
        <v>188</v>
      </c>
      <c r="I43" s="1179" t="s">
        <v>188</v>
      </c>
      <c r="J43" s="1177" t="s">
        <v>188</v>
      </c>
      <c r="K43" s="1178" t="s">
        <v>188</v>
      </c>
      <c r="L43" s="1179" t="s">
        <v>188</v>
      </c>
      <c r="M43" s="1177"/>
      <c r="N43" s="1182">
        <v>0.2</v>
      </c>
      <c r="O43" s="1181">
        <v>0.3</v>
      </c>
      <c r="P43" s="1183">
        <v>0.2</v>
      </c>
      <c r="Q43" s="1177" t="s">
        <v>188</v>
      </c>
      <c r="R43" s="1178" t="s">
        <v>188</v>
      </c>
      <c r="S43" s="1179" t="s">
        <v>188</v>
      </c>
      <c r="T43" s="1180">
        <v>16.2</v>
      </c>
      <c r="U43" s="1181">
        <v>16.399999999999999</v>
      </c>
      <c r="V43" s="1183">
        <v>16</v>
      </c>
      <c r="W43" s="1182">
        <v>18.399999999999999</v>
      </c>
      <c r="X43" s="1181">
        <v>17.899999999999999</v>
      </c>
      <c r="Y43" s="1182">
        <v>19</v>
      </c>
    </row>
    <row r="44" spans="1:25" ht="16.5" customHeight="1">
      <c r="A44" s="808" t="s">
        <v>573</v>
      </c>
      <c r="B44" s="847">
        <v>4.7</v>
      </c>
      <c r="C44" s="829" t="s">
        <v>496</v>
      </c>
      <c r="D44" s="1177" t="s">
        <v>188</v>
      </c>
      <c r="E44" s="1178" t="s">
        <v>188</v>
      </c>
      <c r="F44" s="1179" t="s">
        <v>188</v>
      </c>
      <c r="G44" s="1177" t="s">
        <v>188</v>
      </c>
      <c r="H44" s="1178" t="s">
        <v>188</v>
      </c>
      <c r="I44" s="1179" t="s">
        <v>188</v>
      </c>
      <c r="J44" s="1177" t="s">
        <v>188</v>
      </c>
      <c r="K44" s="1178" t="s">
        <v>188</v>
      </c>
      <c r="L44" s="1179" t="s">
        <v>188</v>
      </c>
      <c r="M44" s="1177"/>
      <c r="N44" s="1182">
        <v>0.3</v>
      </c>
      <c r="O44" s="1181">
        <v>0.4</v>
      </c>
      <c r="P44" s="1183">
        <v>0.2</v>
      </c>
      <c r="Q44" s="1177" t="s">
        <v>188</v>
      </c>
      <c r="R44" s="1178" t="s">
        <v>188</v>
      </c>
      <c r="S44" s="1179" t="s">
        <v>188</v>
      </c>
      <c r="T44" s="1180">
        <v>12.3</v>
      </c>
      <c r="U44" s="1181">
        <v>12.6</v>
      </c>
      <c r="V44" s="1183">
        <v>12</v>
      </c>
      <c r="W44" s="1182">
        <v>12.4</v>
      </c>
      <c r="X44" s="1181">
        <v>12.5</v>
      </c>
      <c r="Y44" s="1182">
        <v>12.3</v>
      </c>
    </row>
    <row r="45" spans="1:25" ht="16.5" customHeight="1">
      <c r="A45" s="808"/>
      <c r="B45" s="847">
        <v>5.5</v>
      </c>
      <c r="C45" s="829" t="s">
        <v>497</v>
      </c>
      <c r="D45" s="1177" t="s">
        <v>188</v>
      </c>
      <c r="E45" s="1178" t="s">
        <v>188</v>
      </c>
      <c r="F45" s="1179" t="s">
        <v>188</v>
      </c>
      <c r="G45" s="1177" t="s">
        <v>188</v>
      </c>
      <c r="H45" s="1178" t="s">
        <v>188</v>
      </c>
      <c r="I45" s="1179" t="s">
        <v>188</v>
      </c>
      <c r="J45" s="1177" t="s">
        <v>188</v>
      </c>
      <c r="K45" s="1178" t="s">
        <v>188</v>
      </c>
      <c r="L45" s="1179" t="s">
        <v>188</v>
      </c>
      <c r="M45" s="1177"/>
      <c r="N45" s="1182">
        <v>0.4</v>
      </c>
      <c r="O45" s="1181">
        <v>0.6</v>
      </c>
      <c r="P45" s="1183">
        <v>0.2</v>
      </c>
      <c r="Q45" s="1177" t="s">
        <v>188</v>
      </c>
      <c r="R45" s="1178" t="s">
        <v>188</v>
      </c>
      <c r="S45" s="1179" t="s">
        <v>188</v>
      </c>
      <c r="T45" s="1180">
        <v>8.9</v>
      </c>
      <c r="U45" s="1181">
        <v>9.3000000000000007</v>
      </c>
      <c r="V45" s="1183">
        <v>8.4</v>
      </c>
      <c r="W45" s="1182">
        <v>8.8000000000000007</v>
      </c>
      <c r="X45" s="1181">
        <v>9.4</v>
      </c>
      <c r="Y45" s="1182">
        <v>8.1</v>
      </c>
    </row>
    <row r="46" spans="1:25" ht="16.5" customHeight="1">
      <c r="A46" s="809"/>
      <c r="B46" s="847">
        <v>7</v>
      </c>
      <c r="C46" s="829" t="s">
        <v>498</v>
      </c>
      <c r="D46" s="1177" t="s">
        <v>188</v>
      </c>
      <c r="E46" s="1178" t="s">
        <v>188</v>
      </c>
      <c r="F46" s="1179" t="s">
        <v>188</v>
      </c>
      <c r="G46" s="1177" t="s">
        <v>188</v>
      </c>
      <c r="H46" s="1178" t="s">
        <v>188</v>
      </c>
      <c r="I46" s="1179" t="s">
        <v>188</v>
      </c>
      <c r="J46" s="1177" t="s">
        <v>188</v>
      </c>
      <c r="K46" s="1178" t="s">
        <v>188</v>
      </c>
      <c r="L46" s="1179" t="s">
        <v>188</v>
      </c>
      <c r="M46" s="1177"/>
      <c r="N46" s="1182">
        <v>0.6</v>
      </c>
      <c r="O46" s="1181">
        <v>0.9</v>
      </c>
      <c r="P46" s="1183">
        <v>0.3</v>
      </c>
      <c r="Q46" s="1177" t="s">
        <v>188</v>
      </c>
      <c r="R46" s="1178" t="s">
        <v>188</v>
      </c>
      <c r="S46" s="1179" t="s">
        <v>188</v>
      </c>
      <c r="T46" s="1180">
        <v>7.4</v>
      </c>
      <c r="U46" s="1181">
        <v>8.1999999999999993</v>
      </c>
      <c r="V46" s="1183">
        <v>6.6</v>
      </c>
      <c r="W46" s="1182">
        <v>6.5</v>
      </c>
      <c r="X46" s="1181">
        <v>7.4</v>
      </c>
      <c r="Y46" s="1182">
        <v>5.7</v>
      </c>
    </row>
    <row r="47" spans="1:25" ht="16.5" customHeight="1">
      <c r="A47" s="809"/>
      <c r="B47" s="845">
        <v>7.6</v>
      </c>
      <c r="C47" s="830" t="s">
        <v>499</v>
      </c>
      <c r="D47" s="1187" t="s">
        <v>188</v>
      </c>
      <c r="E47" s="1188" t="s">
        <v>188</v>
      </c>
      <c r="F47" s="1189" t="s">
        <v>188</v>
      </c>
      <c r="G47" s="1187" t="s">
        <v>188</v>
      </c>
      <c r="H47" s="1188" t="s">
        <v>188</v>
      </c>
      <c r="I47" s="1189" t="s">
        <v>188</v>
      </c>
      <c r="J47" s="1187" t="s">
        <v>188</v>
      </c>
      <c r="K47" s="1188" t="s">
        <v>188</v>
      </c>
      <c r="L47" s="1189" t="s">
        <v>188</v>
      </c>
      <c r="M47" s="1187"/>
      <c r="N47" s="1184">
        <v>1</v>
      </c>
      <c r="O47" s="1185">
        <v>1.1000000000000001</v>
      </c>
      <c r="P47" s="1186">
        <v>1</v>
      </c>
      <c r="Q47" s="1187" t="s">
        <v>188</v>
      </c>
      <c r="R47" s="1188" t="s">
        <v>188</v>
      </c>
      <c r="S47" s="1189" t="s">
        <v>188</v>
      </c>
      <c r="T47" s="1190">
        <v>5.7</v>
      </c>
      <c r="U47" s="1185">
        <v>6.3</v>
      </c>
      <c r="V47" s="1186">
        <v>5.2</v>
      </c>
      <c r="W47" s="1184">
        <v>5.5</v>
      </c>
      <c r="X47" s="1185">
        <v>6.3</v>
      </c>
      <c r="Y47" s="1184">
        <v>4.5999999999999996</v>
      </c>
    </row>
    <row r="48" spans="1:25" ht="16.5" customHeight="1">
      <c r="A48" s="808" t="s">
        <v>311</v>
      </c>
      <c r="B48" s="847">
        <v>6.9</v>
      </c>
      <c r="C48" s="829" t="s">
        <v>501</v>
      </c>
      <c r="D48" s="1177" t="s">
        <v>188</v>
      </c>
      <c r="E48" s="1178" t="s">
        <v>188</v>
      </c>
      <c r="F48" s="1179" t="s">
        <v>188</v>
      </c>
      <c r="G48" s="1177" t="s">
        <v>188</v>
      </c>
      <c r="H48" s="1178" t="s">
        <v>188</v>
      </c>
      <c r="I48" s="1179" t="s">
        <v>188</v>
      </c>
      <c r="J48" s="1177" t="s">
        <v>188</v>
      </c>
      <c r="K48" s="1178" t="s">
        <v>188</v>
      </c>
      <c r="L48" s="1179" t="s">
        <v>188</v>
      </c>
      <c r="M48" s="1177"/>
      <c r="N48" s="1182">
        <v>1.5</v>
      </c>
      <c r="O48" s="1181">
        <v>2.2000000000000002</v>
      </c>
      <c r="P48" s="1183">
        <v>0.9</v>
      </c>
      <c r="Q48" s="1177" t="s">
        <v>188</v>
      </c>
      <c r="R48" s="1178" t="s">
        <v>188</v>
      </c>
      <c r="S48" s="1179" t="s">
        <v>188</v>
      </c>
      <c r="T48" s="1180">
        <v>4.5</v>
      </c>
      <c r="U48" s="1181">
        <v>4.8</v>
      </c>
      <c r="V48" s="1183">
        <v>4.2</v>
      </c>
      <c r="W48" s="1182">
        <v>3.8</v>
      </c>
      <c r="X48" s="1181">
        <v>4.0999999999999996</v>
      </c>
      <c r="Y48" s="1182">
        <v>3.4</v>
      </c>
    </row>
    <row r="49" spans="1:25" ht="16.5" customHeight="1">
      <c r="A49" s="809"/>
      <c r="B49" s="847">
        <v>6.1</v>
      </c>
      <c r="C49" s="829" t="s">
        <v>502</v>
      </c>
      <c r="D49" s="1177" t="s">
        <v>188</v>
      </c>
      <c r="E49" s="1178" t="s">
        <v>188</v>
      </c>
      <c r="F49" s="1179" t="s">
        <v>188</v>
      </c>
      <c r="G49" s="1177" t="s">
        <v>188</v>
      </c>
      <c r="H49" s="1178" t="s">
        <v>188</v>
      </c>
      <c r="I49" s="1179" t="s">
        <v>188</v>
      </c>
      <c r="J49" s="1177" t="s">
        <v>188</v>
      </c>
      <c r="K49" s="1178" t="s">
        <v>188</v>
      </c>
      <c r="L49" s="1179" t="s">
        <v>188</v>
      </c>
      <c r="M49" s="1177"/>
      <c r="N49" s="1182">
        <v>1.9</v>
      </c>
      <c r="O49" s="1181">
        <v>2.2999999999999998</v>
      </c>
      <c r="P49" s="1183">
        <v>1.4</v>
      </c>
      <c r="Q49" s="1177" t="s">
        <v>188</v>
      </c>
      <c r="R49" s="1178" t="s">
        <v>188</v>
      </c>
      <c r="S49" s="1179" t="s">
        <v>188</v>
      </c>
      <c r="T49" s="1180">
        <v>3.3</v>
      </c>
      <c r="U49" s="1181">
        <v>3.8</v>
      </c>
      <c r="V49" s="1183">
        <v>2.9</v>
      </c>
      <c r="W49" s="1182">
        <v>3</v>
      </c>
      <c r="X49" s="1181">
        <v>3.4</v>
      </c>
      <c r="Y49" s="1182">
        <v>2.6</v>
      </c>
    </row>
    <row r="50" spans="1:25" ht="16.5" customHeight="1">
      <c r="A50" s="808"/>
      <c r="B50" s="847">
        <v>6.3</v>
      </c>
      <c r="C50" s="829" t="s">
        <v>503</v>
      </c>
      <c r="D50" s="1177" t="s">
        <v>188</v>
      </c>
      <c r="E50" s="1178" t="s">
        <v>188</v>
      </c>
      <c r="F50" s="1179" t="s">
        <v>188</v>
      </c>
      <c r="G50" s="1177" t="s">
        <v>188</v>
      </c>
      <c r="H50" s="1178" t="s">
        <v>188</v>
      </c>
      <c r="I50" s="1179" t="s">
        <v>188</v>
      </c>
      <c r="J50" s="1177" t="s">
        <v>188</v>
      </c>
      <c r="K50" s="1178" t="s">
        <v>188</v>
      </c>
      <c r="L50" s="1179" t="s">
        <v>188</v>
      </c>
      <c r="M50" s="1177"/>
      <c r="N50" s="1182">
        <v>2.9</v>
      </c>
      <c r="O50" s="1181">
        <v>3.9</v>
      </c>
      <c r="P50" s="1183">
        <v>1.8</v>
      </c>
      <c r="Q50" s="1177" t="s">
        <v>188</v>
      </c>
      <c r="R50" s="1178" t="s">
        <v>188</v>
      </c>
      <c r="S50" s="1179" t="s">
        <v>188</v>
      </c>
      <c r="T50" s="1180">
        <v>3</v>
      </c>
      <c r="U50" s="1181">
        <v>3.1</v>
      </c>
      <c r="V50" s="1183">
        <v>2.8</v>
      </c>
      <c r="W50" s="1182">
        <v>2.4</v>
      </c>
      <c r="X50" s="1181">
        <v>2.6</v>
      </c>
      <c r="Y50" s="1182">
        <v>2.2000000000000002</v>
      </c>
    </row>
    <row r="51" spans="1:25" ht="16.5" customHeight="1">
      <c r="A51" s="809"/>
      <c r="B51" s="847">
        <v>8.5</v>
      </c>
      <c r="C51" s="829" t="s">
        <v>504</v>
      </c>
      <c r="D51" s="1177" t="s">
        <v>188</v>
      </c>
      <c r="E51" s="1178" t="s">
        <v>188</v>
      </c>
      <c r="F51" s="1179" t="s">
        <v>188</v>
      </c>
      <c r="G51" s="1177" t="s">
        <v>188</v>
      </c>
      <c r="H51" s="1178" t="s">
        <v>188</v>
      </c>
      <c r="I51" s="1179" t="s">
        <v>188</v>
      </c>
      <c r="J51" s="1177" t="s">
        <v>188</v>
      </c>
      <c r="K51" s="1178" t="s">
        <v>188</v>
      </c>
      <c r="L51" s="1179" t="s">
        <v>188</v>
      </c>
      <c r="M51" s="1177"/>
      <c r="N51" s="1182">
        <v>7.1</v>
      </c>
      <c r="O51" s="1181">
        <v>8.6</v>
      </c>
      <c r="P51" s="1183">
        <v>5.4</v>
      </c>
      <c r="Q51" s="1177" t="s">
        <v>188</v>
      </c>
      <c r="R51" s="1178" t="s">
        <v>188</v>
      </c>
      <c r="S51" s="1179" t="s">
        <v>188</v>
      </c>
      <c r="T51" s="1180">
        <v>2.8</v>
      </c>
      <c r="U51" s="1181">
        <v>3.1</v>
      </c>
      <c r="V51" s="1183">
        <v>2.6</v>
      </c>
      <c r="W51" s="1182">
        <v>2.5</v>
      </c>
      <c r="X51" s="1181">
        <v>2.7</v>
      </c>
      <c r="Y51" s="1182">
        <v>2.2999999999999998</v>
      </c>
    </row>
    <row r="52" spans="1:25" ht="16.5" customHeight="1">
      <c r="A52" s="808" t="s">
        <v>582</v>
      </c>
      <c r="B52" s="845">
        <v>7.2</v>
      </c>
      <c r="C52" s="830" t="s">
        <v>505</v>
      </c>
      <c r="D52" s="1187" t="s">
        <v>188</v>
      </c>
      <c r="E52" s="1188" t="s">
        <v>188</v>
      </c>
      <c r="F52" s="1189" t="s">
        <v>188</v>
      </c>
      <c r="G52" s="1187" t="s">
        <v>188</v>
      </c>
      <c r="H52" s="1188" t="s">
        <v>188</v>
      </c>
      <c r="I52" s="1189" t="s">
        <v>188</v>
      </c>
      <c r="J52" s="1187" t="s">
        <v>188</v>
      </c>
      <c r="K52" s="1188" t="s">
        <v>188</v>
      </c>
      <c r="L52" s="1189" t="s">
        <v>188</v>
      </c>
      <c r="M52" s="1187"/>
      <c r="N52" s="1184">
        <v>9.4</v>
      </c>
      <c r="O52" s="1185">
        <v>12.2</v>
      </c>
      <c r="P52" s="1186">
        <v>6.4</v>
      </c>
      <c r="Q52" s="1187" t="s">
        <v>188</v>
      </c>
      <c r="R52" s="1188" t="s">
        <v>188</v>
      </c>
      <c r="S52" s="1189" t="s">
        <v>188</v>
      </c>
      <c r="T52" s="1190">
        <v>1.9</v>
      </c>
      <c r="U52" s="1185">
        <v>1.7</v>
      </c>
      <c r="V52" s="1186">
        <v>2.2000000000000002</v>
      </c>
      <c r="W52" s="1184">
        <v>1.7</v>
      </c>
      <c r="X52" s="1185">
        <v>1.6</v>
      </c>
      <c r="Y52" s="1184">
        <v>1.8</v>
      </c>
    </row>
    <row r="53" spans="1:25" ht="16.5" customHeight="1">
      <c r="A53" s="178"/>
      <c r="B53" s="847">
        <v>6.2</v>
      </c>
      <c r="C53" s="829" t="s">
        <v>506</v>
      </c>
      <c r="D53" s="1177" t="s">
        <v>188</v>
      </c>
      <c r="E53" s="1178" t="s">
        <v>188</v>
      </c>
      <c r="F53" s="1179" t="s">
        <v>188</v>
      </c>
      <c r="G53" s="1177" t="s">
        <v>188</v>
      </c>
      <c r="H53" s="1178" t="s">
        <v>188</v>
      </c>
      <c r="I53" s="1179" t="s">
        <v>188</v>
      </c>
      <c r="J53" s="1177" t="s">
        <v>188</v>
      </c>
      <c r="K53" s="1178" t="s">
        <v>188</v>
      </c>
      <c r="L53" s="1179" t="s">
        <v>188</v>
      </c>
      <c r="M53" s="1177"/>
      <c r="N53" s="1182">
        <v>12.6</v>
      </c>
      <c r="O53" s="1181">
        <v>16.2</v>
      </c>
      <c r="P53" s="1183">
        <v>8.8000000000000007</v>
      </c>
      <c r="Q53" s="1177" t="s">
        <v>188</v>
      </c>
      <c r="R53" s="1178" t="s">
        <v>188</v>
      </c>
      <c r="S53" s="1179" t="s">
        <v>188</v>
      </c>
      <c r="T53" s="1180">
        <v>1.4</v>
      </c>
      <c r="U53" s="1181">
        <v>1.1000000000000001</v>
      </c>
      <c r="V53" s="1183">
        <v>1.7</v>
      </c>
      <c r="W53" s="1182">
        <v>1.4</v>
      </c>
      <c r="X53" s="1181">
        <v>1</v>
      </c>
      <c r="Y53" s="1182">
        <v>1.8</v>
      </c>
    </row>
    <row r="54" spans="1:25" ht="16.5" customHeight="1">
      <c r="A54" s="178"/>
      <c r="B54" s="847">
        <v>4.7</v>
      </c>
      <c r="C54" s="829" t="s">
        <v>561</v>
      </c>
      <c r="D54" s="1177" t="s">
        <v>188</v>
      </c>
      <c r="E54" s="1178" t="s">
        <v>188</v>
      </c>
      <c r="F54" s="1179" t="s">
        <v>188</v>
      </c>
      <c r="G54" s="1177" t="s">
        <v>188</v>
      </c>
      <c r="H54" s="1178" t="s">
        <v>188</v>
      </c>
      <c r="I54" s="1179" t="s">
        <v>188</v>
      </c>
      <c r="J54" s="1177" t="s">
        <v>188</v>
      </c>
      <c r="K54" s="1178" t="s">
        <v>188</v>
      </c>
      <c r="L54" s="1179" t="s">
        <v>188</v>
      </c>
      <c r="M54" s="1177"/>
      <c r="N54" s="1182">
        <v>16.899999999999999</v>
      </c>
      <c r="O54" s="1181">
        <v>18.100000000000001</v>
      </c>
      <c r="P54" s="1183">
        <v>15.5</v>
      </c>
      <c r="Q54" s="1177" t="s">
        <v>188</v>
      </c>
      <c r="R54" s="1178" t="s">
        <v>188</v>
      </c>
      <c r="S54" s="1179" t="s">
        <v>188</v>
      </c>
      <c r="T54" s="1180">
        <v>1.5</v>
      </c>
      <c r="U54" s="1181">
        <v>1.2</v>
      </c>
      <c r="V54" s="1183">
        <v>1.8</v>
      </c>
      <c r="W54" s="1182">
        <v>1.3</v>
      </c>
      <c r="X54" s="1181">
        <v>0.9</v>
      </c>
      <c r="Y54" s="1182">
        <v>1.6</v>
      </c>
    </row>
    <row r="55" spans="1:25" ht="16.5" customHeight="1">
      <c r="A55" s="178"/>
      <c r="B55" s="847">
        <v>2.8</v>
      </c>
      <c r="C55" s="829" t="s">
        <v>508</v>
      </c>
      <c r="D55" s="1177" t="s">
        <v>188</v>
      </c>
      <c r="E55" s="1178" t="s">
        <v>188</v>
      </c>
      <c r="F55" s="1179" t="s">
        <v>188</v>
      </c>
      <c r="G55" s="1177" t="s">
        <v>188</v>
      </c>
      <c r="H55" s="1178" t="s">
        <v>188</v>
      </c>
      <c r="I55" s="1179" t="s">
        <v>188</v>
      </c>
      <c r="J55" s="1177" t="s">
        <v>188</v>
      </c>
      <c r="K55" s="1178" t="s">
        <v>188</v>
      </c>
      <c r="L55" s="1179" t="s">
        <v>188</v>
      </c>
      <c r="M55" s="1177"/>
      <c r="N55" s="1182">
        <v>18.5</v>
      </c>
      <c r="O55" s="1181">
        <v>17.899999999999999</v>
      </c>
      <c r="P55" s="1183">
        <v>19.2</v>
      </c>
      <c r="Q55" s="1177" t="s">
        <v>188</v>
      </c>
      <c r="R55" s="1178" t="s">
        <v>188</v>
      </c>
      <c r="S55" s="1179" t="s">
        <v>188</v>
      </c>
      <c r="T55" s="1180">
        <v>1.1000000000000001</v>
      </c>
      <c r="U55" s="1181">
        <v>0.8</v>
      </c>
      <c r="V55" s="1183">
        <v>1.5</v>
      </c>
      <c r="W55" s="1182">
        <v>1.1000000000000001</v>
      </c>
      <c r="X55" s="1181">
        <v>0.6</v>
      </c>
      <c r="Y55" s="1182">
        <v>1.6</v>
      </c>
    </row>
    <row r="56" spans="1:25" ht="16.5" customHeight="1">
      <c r="A56" s="178"/>
      <c r="B56" s="847">
        <v>1.3</v>
      </c>
      <c r="C56" s="829" t="s">
        <v>509</v>
      </c>
      <c r="D56" s="1177" t="s">
        <v>188</v>
      </c>
      <c r="E56" s="1178" t="s">
        <v>188</v>
      </c>
      <c r="F56" s="1179" t="s">
        <v>188</v>
      </c>
      <c r="G56" s="1177" t="s">
        <v>188</v>
      </c>
      <c r="H56" s="1178" t="s">
        <v>188</v>
      </c>
      <c r="I56" s="1179" t="s">
        <v>188</v>
      </c>
      <c r="J56" s="1177" t="s">
        <v>188</v>
      </c>
      <c r="K56" s="1178" t="s">
        <v>188</v>
      </c>
      <c r="L56" s="1179" t="s">
        <v>188</v>
      </c>
      <c r="M56" s="1177"/>
      <c r="N56" s="1182">
        <v>15.8</v>
      </c>
      <c r="O56" s="1181">
        <v>10.5</v>
      </c>
      <c r="P56" s="1183">
        <v>21.4</v>
      </c>
      <c r="Q56" s="1177" t="s">
        <v>188</v>
      </c>
      <c r="R56" s="1178" t="s">
        <v>188</v>
      </c>
      <c r="S56" s="1179" t="s">
        <v>188</v>
      </c>
      <c r="T56" s="1180">
        <v>0.6</v>
      </c>
      <c r="U56" s="1181">
        <v>0.3</v>
      </c>
      <c r="V56" s="1183">
        <v>0.9</v>
      </c>
      <c r="W56" s="1182">
        <v>0.5</v>
      </c>
      <c r="X56" s="1181">
        <v>0.3</v>
      </c>
      <c r="Y56" s="1182">
        <v>0.7</v>
      </c>
    </row>
    <row r="57" spans="1:25" ht="16.5" customHeight="1">
      <c r="A57" s="178"/>
      <c r="B57" s="845">
        <v>0.3</v>
      </c>
      <c r="C57" s="830" t="s">
        <v>510</v>
      </c>
      <c r="D57" s="1187" t="s">
        <v>188</v>
      </c>
      <c r="E57" s="1188" t="s">
        <v>188</v>
      </c>
      <c r="F57" s="1189" t="s">
        <v>188</v>
      </c>
      <c r="G57" s="1187" t="s">
        <v>188</v>
      </c>
      <c r="H57" s="1188" t="s">
        <v>188</v>
      </c>
      <c r="I57" s="1189" t="s">
        <v>188</v>
      </c>
      <c r="J57" s="1187" t="s">
        <v>188</v>
      </c>
      <c r="K57" s="1188" t="s">
        <v>188</v>
      </c>
      <c r="L57" s="1189" t="s">
        <v>188</v>
      </c>
      <c r="M57" s="1187"/>
      <c r="N57" s="1184">
        <v>7.6</v>
      </c>
      <c r="O57" s="1185">
        <v>3.5</v>
      </c>
      <c r="P57" s="1186">
        <v>11.9</v>
      </c>
      <c r="Q57" s="1187" t="s">
        <v>188</v>
      </c>
      <c r="R57" s="1188" t="s">
        <v>188</v>
      </c>
      <c r="S57" s="1189" t="s">
        <v>188</v>
      </c>
      <c r="T57" s="1190">
        <v>0.1</v>
      </c>
      <c r="U57" s="1185">
        <v>0.1</v>
      </c>
      <c r="V57" s="1186">
        <v>0.2</v>
      </c>
      <c r="W57" s="1184">
        <v>0.1</v>
      </c>
      <c r="X57" s="1185">
        <v>0</v>
      </c>
      <c r="Y57" s="1184">
        <v>0.2</v>
      </c>
    </row>
    <row r="58" spans="1:25" ht="16.5" customHeight="1">
      <c r="A58" s="178"/>
      <c r="B58" s="848">
        <v>0.1</v>
      </c>
      <c r="C58" s="830" t="s">
        <v>562</v>
      </c>
      <c r="D58" s="1187" t="s">
        <v>188</v>
      </c>
      <c r="E58" s="1188" t="s">
        <v>188</v>
      </c>
      <c r="F58" s="1187" t="s">
        <v>188</v>
      </c>
      <c r="G58" s="1187" t="s">
        <v>188</v>
      </c>
      <c r="H58" s="1188" t="s">
        <v>188</v>
      </c>
      <c r="I58" s="1187" t="s">
        <v>188</v>
      </c>
      <c r="J58" s="1187" t="s">
        <v>188</v>
      </c>
      <c r="K58" s="1188" t="s">
        <v>188</v>
      </c>
      <c r="L58" s="1187" t="s">
        <v>188</v>
      </c>
      <c r="M58" s="1187"/>
      <c r="N58" s="1184">
        <v>2.8</v>
      </c>
      <c r="O58" s="1185">
        <v>0.7</v>
      </c>
      <c r="P58" s="1185">
        <v>5.0999999999999996</v>
      </c>
      <c r="Q58" s="1187" t="s">
        <v>188</v>
      </c>
      <c r="R58" s="1188" t="s">
        <v>188</v>
      </c>
      <c r="S58" s="1187" t="s">
        <v>188</v>
      </c>
      <c r="T58" s="1190">
        <v>0</v>
      </c>
      <c r="U58" s="1185">
        <v>0</v>
      </c>
      <c r="V58" s="1185">
        <v>0</v>
      </c>
      <c r="W58" s="1184">
        <v>0</v>
      </c>
      <c r="X58" s="1185">
        <v>0</v>
      </c>
      <c r="Y58" s="1184">
        <v>0</v>
      </c>
    </row>
    <row r="59" spans="1:25" ht="16.5" customHeight="1">
      <c r="A59" s="178"/>
      <c r="B59" s="859" t="s">
        <v>386</v>
      </c>
      <c r="C59" s="831" t="s">
        <v>154</v>
      </c>
      <c r="D59" s="1191" t="s">
        <v>188</v>
      </c>
      <c r="E59" s="1192" t="s">
        <v>188</v>
      </c>
      <c r="F59" s="1191" t="s">
        <v>188</v>
      </c>
      <c r="G59" s="1194" t="s">
        <v>188</v>
      </c>
      <c r="H59" s="1192" t="s">
        <v>188</v>
      </c>
      <c r="I59" s="1191" t="s">
        <v>188</v>
      </c>
      <c r="J59" s="1194" t="s">
        <v>188</v>
      </c>
      <c r="K59" s="1192" t="s">
        <v>188</v>
      </c>
      <c r="L59" s="1191" t="s">
        <v>188</v>
      </c>
      <c r="M59" s="1194"/>
      <c r="N59" s="1191" t="s">
        <v>188</v>
      </c>
      <c r="O59" s="1192" t="s">
        <v>188</v>
      </c>
      <c r="P59" s="1193" t="s">
        <v>188</v>
      </c>
      <c r="Q59" s="1191" t="s">
        <v>188</v>
      </c>
      <c r="R59" s="1192" t="s">
        <v>188</v>
      </c>
      <c r="S59" s="1191" t="s">
        <v>188</v>
      </c>
      <c r="T59" s="1194" t="s">
        <v>188</v>
      </c>
      <c r="U59" s="1192" t="s">
        <v>188</v>
      </c>
      <c r="V59" s="1193" t="s">
        <v>188</v>
      </c>
      <c r="W59" s="1191" t="s">
        <v>188</v>
      </c>
      <c r="X59" s="1192" t="s">
        <v>188</v>
      </c>
      <c r="Y59" s="1194" t="s">
        <v>188</v>
      </c>
    </row>
    <row r="60" spans="1:25" ht="16.5" customHeight="1">
      <c r="A60" s="178"/>
      <c r="B60" s="847">
        <v>11.2</v>
      </c>
      <c r="C60" s="829" t="s">
        <v>563</v>
      </c>
      <c r="D60" s="1177" t="s">
        <v>188</v>
      </c>
      <c r="E60" s="1178" t="s">
        <v>188</v>
      </c>
      <c r="F60" s="1179" t="s">
        <v>188</v>
      </c>
      <c r="G60" s="1177" t="s">
        <v>188</v>
      </c>
      <c r="H60" s="1178" t="s">
        <v>188</v>
      </c>
      <c r="I60" s="1179" t="s">
        <v>188</v>
      </c>
      <c r="J60" s="1180">
        <v>100</v>
      </c>
      <c r="K60" s="1181">
        <v>100</v>
      </c>
      <c r="L60" s="1182">
        <v>100</v>
      </c>
      <c r="M60" s="1180"/>
      <c r="N60" s="1182">
        <v>0.3</v>
      </c>
      <c r="O60" s="1181">
        <v>0.3</v>
      </c>
      <c r="P60" s="1183">
        <v>0.3</v>
      </c>
      <c r="Q60" s="1177" t="s">
        <v>188</v>
      </c>
      <c r="R60" s="1178" t="s">
        <v>188</v>
      </c>
      <c r="S60" s="1179" t="s">
        <v>188</v>
      </c>
      <c r="T60" s="1180">
        <v>10.4</v>
      </c>
      <c r="U60" s="1181">
        <v>10.199999999999999</v>
      </c>
      <c r="V60" s="1183">
        <v>10.6</v>
      </c>
      <c r="W60" s="1182">
        <v>9.5</v>
      </c>
      <c r="X60" s="1181">
        <v>9.3000000000000007</v>
      </c>
      <c r="Y60" s="1182">
        <v>9.6</v>
      </c>
    </row>
    <row r="61" spans="1:25" ht="16.5" customHeight="1">
      <c r="A61" s="178"/>
      <c r="B61" s="847">
        <v>57.7</v>
      </c>
      <c r="C61" s="829" t="s">
        <v>564</v>
      </c>
      <c r="D61" s="1177" t="s">
        <v>188</v>
      </c>
      <c r="E61" s="1178" t="s">
        <v>188</v>
      </c>
      <c r="F61" s="1179" t="s">
        <v>188</v>
      </c>
      <c r="G61" s="1177" t="s">
        <v>188</v>
      </c>
      <c r="H61" s="1178" t="s">
        <v>188</v>
      </c>
      <c r="I61" s="1179" t="s">
        <v>188</v>
      </c>
      <c r="J61" s="1177" t="s">
        <v>188</v>
      </c>
      <c r="K61" s="1178" t="s">
        <v>188</v>
      </c>
      <c r="L61" s="1179" t="s">
        <v>188</v>
      </c>
      <c r="M61" s="1177"/>
      <c r="N61" s="1182">
        <v>9</v>
      </c>
      <c r="O61" s="1181">
        <v>12</v>
      </c>
      <c r="P61" s="1183">
        <v>5.9</v>
      </c>
      <c r="Q61" s="1177" t="s">
        <v>188</v>
      </c>
      <c r="R61" s="1178" t="s">
        <v>188</v>
      </c>
      <c r="S61" s="1179" t="s">
        <v>188</v>
      </c>
      <c r="T61" s="1180">
        <v>80.2</v>
      </c>
      <c r="U61" s="1181">
        <v>81.599999999999994</v>
      </c>
      <c r="V61" s="1183">
        <v>78.599999999999994</v>
      </c>
      <c r="W61" s="1182">
        <v>81.900000000000006</v>
      </c>
      <c r="X61" s="1181">
        <v>83.6</v>
      </c>
      <c r="Y61" s="1182">
        <v>80.2</v>
      </c>
    </row>
    <row r="62" spans="1:25" ht="16.5" customHeight="1" thickBot="1">
      <c r="A62" s="850"/>
      <c r="B62" s="851">
        <v>31.1</v>
      </c>
      <c r="C62" s="852" t="s">
        <v>565</v>
      </c>
      <c r="D62" s="1187" t="s">
        <v>188</v>
      </c>
      <c r="E62" s="1188" t="s">
        <v>188</v>
      </c>
      <c r="F62" s="1189" t="s">
        <v>188</v>
      </c>
      <c r="G62" s="1187" t="s">
        <v>188</v>
      </c>
      <c r="H62" s="1188" t="s">
        <v>188</v>
      </c>
      <c r="I62" s="1199" t="s">
        <v>188</v>
      </c>
      <c r="J62" s="1198" t="s">
        <v>188</v>
      </c>
      <c r="K62" s="1199" t="s">
        <v>188</v>
      </c>
      <c r="L62" s="1219" t="s">
        <v>188</v>
      </c>
      <c r="M62" s="1198"/>
      <c r="N62" s="1195">
        <v>90.7</v>
      </c>
      <c r="O62" s="1196">
        <v>87.7</v>
      </c>
      <c r="P62" s="1197">
        <v>93.8</v>
      </c>
      <c r="Q62" s="1198" t="s">
        <v>188</v>
      </c>
      <c r="R62" s="1199" t="s">
        <v>188</v>
      </c>
      <c r="S62" s="1199" t="s">
        <v>188</v>
      </c>
      <c r="T62" s="1200">
        <v>9.5</v>
      </c>
      <c r="U62" s="1196">
        <v>8.3000000000000007</v>
      </c>
      <c r="V62" s="1197">
        <v>10.8</v>
      </c>
      <c r="W62" s="1195">
        <v>8.6</v>
      </c>
      <c r="X62" s="1196">
        <v>7.1</v>
      </c>
      <c r="Y62" s="1195">
        <v>10.199999999999999</v>
      </c>
    </row>
    <row r="63" spans="1:25" ht="15" thickTop="1">
      <c r="A63" s="285" t="s">
        <v>602</v>
      </c>
      <c r="B63" s="1446" t="s">
        <v>536</v>
      </c>
      <c r="C63" s="1446"/>
      <c r="D63" s="1446"/>
      <c r="E63" s="1446"/>
      <c r="F63" s="1446"/>
      <c r="G63" s="1446"/>
      <c r="H63" s="1446"/>
      <c r="I63" s="285"/>
    </row>
    <row r="64" spans="1:25" ht="14.25">
      <c r="B64" s="285" t="s">
        <v>537</v>
      </c>
      <c r="C64" s="285"/>
      <c r="D64" s="285"/>
      <c r="E64" s="285"/>
      <c r="F64" s="285"/>
      <c r="G64" s="285"/>
      <c r="H64" s="285"/>
      <c r="I64" s="285"/>
    </row>
    <row r="65" spans="2:9" ht="14.25">
      <c r="B65" s="1448" t="s">
        <v>595</v>
      </c>
      <c r="C65" s="1448"/>
      <c r="D65" s="1448"/>
      <c r="E65" s="1448"/>
      <c r="F65" s="1448"/>
      <c r="G65" s="1448"/>
      <c r="H65" s="1447"/>
      <c r="I65" s="1447"/>
    </row>
  </sheetData>
  <mergeCells count="3">
    <mergeCell ref="C4:C5"/>
    <mergeCell ref="B63:H63"/>
    <mergeCell ref="B65:I65"/>
  </mergeCells>
  <phoneticPr fontId="3"/>
  <printOptions gridLinesSet="0"/>
  <pageMargins left="0.86614173228346458" right="0.31496062992125984" top="0.78740157480314965" bottom="0.78740157480314965" header="0" footer="0"/>
  <pageSetup paperSize="9" scale="75" firstPageNumber="36" fitToWidth="0" orientation="portrait" blackAndWhite="1" useFirstPageNumber="1" r:id="rId1"/>
  <headerFooter>
    <oddFooter>&amp;C&amp;"ＭＳ ゴシック,太字"&amp;12-&amp;P--</oddFooter>
    <evenFooter>&amp;C－37－</evenFooter>
  </headerFooter>
  <colBreaks count="1" manualBreakCount="1">
    <brk id="13" max="64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53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62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3" width="10.125" style="132" customWidth="1"/>
    <col min="24" max="24" width="10.25" style="132" customWidth="1"/>
    <col min="25" max="26" width="10.125" style="132" customWidth="1"/>
    <col min="27" max="257" width="9" style="132"/>
    <col min="258" max="258" width="6.375" style="132" customWidth="1"/>
    <col min="259" max="260" width="12.625" style="132" customWidth="1"/>
    <col min="261" max="261" width="6.25" style="132" customWidth="1"/>
    <col min="262" max="269" width="9.75" style="132" customWidth="1"/>
    <col min="270" max="270" width="9.875" style="132" customWidth="1"/>
    <col min="271" max="271" width="44.625" style="132" customWidth="1"/>
    <col min="272" max="279" width="10.125" style="132" customWidth="1"/>
    <col min="280" max="280" width="10.25" style="132" customWidth="1"/>
    <col min="281" max="282" width="10.125" style="132" customWidth="1"/>
    <col min="283" max="513" width="9" style="132"/>
    <col min="514" max="514" width="6.375" style="132" customWidth="1"/>
    <col min="515" max="516" width="12.625" style="132" customWidth="1"/>
    <col min="517" max="517" width="6.25" style="132" customWidth="1"/>
    <col min="518" max="525" width="9.75" style="132" customWidth="1"/>
    <col min="526" max="526" width="9.875" style="132" customWidth="1"/>
    <col min="527" max="527" width="44.625" style="132" customWidth="1"/>
    <col min="528" max="535" width="10.125" style="132" customWidth="1"/>
    <col min="536" max="536" width="10.25" style="132" customWidth="1"/>
    <col min="537" max="538" width="10.125" style="132" customWidth="1"/>
    <col min="539" max="769" width="9" style="132"/>
    <col min="770" max="770" width="6.375" style="132" customWidth="1"/>
    <col min="771" max="772" width="12.625" style="132" customWidth="1"/>
    <col min="773" max="773" width="6.25" style="132" customWidth="1"/>
    <col min="774" max="781" width="9.75" style="132" customWidth="1"/>
    <col min="782" max="782" width="9.875" style="132" customWidth="1"/>
    <col min="783" max="783" width="44.625" style="132" customWidth="1"/>
    <col min="784" max="791" width="10.125" style="132" customWidth="1"/>
    <col min="792" max="792" width="10.25" style="132" customWidth="1"/>
    <col min="793" max="794" width="10.125" style="132" customWidth="1"/>
    <col min="795" max="1025" width="9" style="132"/>
    <col min="1026" max="1026" width="6.375" style="132" customWidth="1"/>
    <col min="1027" max="1028" width="12.625" style="132" customWidth="1"/>
    <col min="1029" max="1029" width="6.25" style="132" customWidth="1"/>
    <col min="1030" max="1037" width="9.75" style="132" customWidth="1"/>
    <col min="1038" max="1038" width="9.875" style="132" customWidth="1"/>
    <col min="1039" max="1039" width="44.625" style="132" customWidth="1"/>
    <col min="1040" max="1047" width="10.125" style="132" customWidth="1"/>
    <col min="1048" max="1048" width="10.25" style="132" customWidth="1"/>
    <col min="1049" max="1050" width="10.125" style="132" customWidth="1"/>
    <col min="1051" max="1281" width="9" style="132"/>
    <col min="1282" max="1282" width="6.375" style="132" customWidth="1"/>
    <col min="1283" max="1284" width="12.625" style="132" customWidth="1"/>
    <col min="1285" max="1285" width="6.25" style="132" customWidth="1"/>
    <col min="1286" max="1293" width="9.75" style="132" customWidth="1"/>
    <col min="1294" max="1294" width="9.875" style="132" customWidth="1"/>
    <col min="1295" max="1295" width="44.625" style="132" customWidth="1"/>
    <col min="1296" max="1303" width="10.125" style="132" customWidth="1"/>
    <col min="1304" max="1304" width="10.25" style="132" customWidth="1"/>
    <col min="1305" max="1306" width="10.125" style="132" customWidth="1"/>
    <col min="1307" max="1537" width="9" style="132"/>
    <col min="1538" max="1538" width="6.375" style="132" customWidth="1"/>
    <col min="1539" max="1540" width="12.625" style="132" customWidth="1"/>
    <col min="1541" max="1541" width="6.25" style="132" customWidth="1"/>
    <col min="1542" max="1549" width="9.75" style="132" customWidth="1"/>
    <col min="1550" max="1550" width="9.875" style="132" customWidth="1"/>
    <col min="1551" max="1551" width="44.625" style="132" customWidth="1"/>
    <col min="1552" max="1559" width="10.125" style="132" customWidth="1"/>
    <col min="1560" max="1560" width="10.25" style="132" customWidth="1"/>
    <col min="1561" max="1562" width="10.125" style="132" customWidth="1"/>
    <col min="1563" max="1793" width="9" style="132"/>
    <col min="1794" max="1794" width="6.375" style="132" customWidth="1"/>
    <col min="1795" max="1796" width="12.625" style="132" customWidth="1"/>
    <col min="1797" max="1797" width="6.25" style="132" customWidth="1"/>
    <col min="1798" max="1805" width="9.75" style="132" customWidth="1"/>
    <col min="1806" max="1806" width="9.875" style="132" customWidth="1"/>
    <col min="1807" max="1807" width="44.625" style="132" customWidth="1"/>
    <col min="1808" max="1815" width="10.125" style="132" customWidth="1"/>
    <col min="1816" max="1816" width="10.25" style="132" customWidth="1"/>
    <col min="1817" max="1818" width="10.125" style="132" customWidth="1"/>
    <col min="1819" max="2049" width="9" style="132"/>
    <col min="2050" max="2050" width="6.375" style="132" customWidth="1"/>
    <col min="2051" max="2052" width="12.625" style="132" customWidth="1"/>
    <col min="2053" max="2053" width="6.25" style="132" customWidth="1"/>
    <col min="2054" max="2061" width="9.75" style="132" customWidth="1"/>
    <col min="2062" max="2062" width="9.875" style="132" customWidth="1"/>
    <col min="2063" max="2063" width="44.625" style="132" customWidth="1"/>
    <col min="2064" max="2071" width="10.125" style="132" customWidth="1"/>
    <col min="2072" max="2072" width="10.25" style="132" customWidth="1"/>
    <col min="2073" max="2074" width="10.125" style="132" customWidth="1"/>
    <col min="2075" max="2305" width="9" style="132"/>
    <col min="2306" max="2306" width="6.375" style="132" customWidth="1"/>
    <col min="2307" max="2308" width="12.625" style="132" customWidth="1"/>
    <col min="2309" max="2309" width="6.25" style="132" customWidth="1"/>
    <col min="2310" max="2317" width="9.75" style="132" customWidth="1"/>
    <col min="2318" max="2318" width="9.875" style="132" customWidth="1"/>
    <col min="2319" max="2319" width="44.625" style="132" customWidth="1"/>
    <col min="2320" max="2327" width="10.125" style="132" customWidth="1"/>
    <col min="2328" max="2328" width="10.25" style="132" customWidth="1"/>
    <col min="2329" max="2330" width="10.125" style="132" customWidth="1"/>
    <col min="2331" max="2561" width="9" style="132"/>
    <col min="2562" max="2562" width="6.375" style="132" customWidth="1"/>
    <col min="2563" max="2564" width="12.625" style="132" customWidth="1"/>
    <col min="2565" max="2565" width="6.25" style="132" customWidth="1"/>
    <col min="2566" max="2573" width="9.75" style="132" customWidth="1"/>
    <col min="2574" max="2574" width="9.875" style="132" customWidth="1"/>
    <col min="2575" max="2575" width="44.625" style="132" customWidth="1"/>
    <col min="2576" max="2583" width="10.125" style="132" customWidth="1"/>
    <col min="2584" max="2584" width="10.25" style="132" customWidth="1"/>
    <col min="2585" max="2586" width="10.125" style="132" customWidth="1"/>
    <col min="2587" max="2817" width="9" style="132"/>
    <col min="2818" max="2818" width="6.375" style="132" customWidth="1"/>
    <col min="2819" max="2820" width="12.625" style="132" customWidth="1"/>
    <col min="2821" max="2821" width="6.25" style="132" customWidth="1"/>
    <col min="2822" max="2829" width="9.75" style="132" customWidth="1"/>
    <col min="2830" max="2830" width="9.875" style="132" customWidth="1"/>
    <col min="2831" max="2831" width="44.625" style="132" customWidth="1"/>
    <col min="2832" max="2839" width="10.125" style="132" customWidth="1"/>
    <col min="2840" max="2840" width="10.25" style="132" customWidth="1"/>
    <col min="2841" max="2842" width="10.125" style="132" customWidth="1"/>
    <col min="2843" max="3073" width="9" style="132"/>
    <col min="3074" max="3074" width="6.375" style="132" customWidth="1"/>
    <col min="3075" max="3076" width="12.625" style="132" customWidth="1"/>
    <col min="3077" max="3077" width="6.25" style="132" customWidth="1"/>
    <col min="3078" max="3085" width="9.75" style="132" customWidth="1"/>
    <col min="3086" max="3086" width="9.875" style="132" customWidth="1"/>
    <col min="3087" max="3087" width="44.625" style="132" customWidth="1"/>
    <col min="3088" max="3095" width="10.125" style="132" customWidth="1"/>
    <col min="3096" max="3096" width="10.25" style="132" customWidth="1"/>
    <col min="3097" max="3098" width="10.125" style="132" customWidth="1"/>
    <col min="3099" max="3329" width="9" style="132"/>
    <col min="3330" max="3330" width="6.375" style="132" customWidth="1"/>
    <col min="3331" max="3332" width="12.625" style="132" customWidth="1"/>
    <col min="3333" max="3333" width="6.25" style="132" customWidth="1"/>
    <col min="3334" max="3341" width="9.75" style="132" customWidth="1"/>
    <col min="3342" max="3342" width="9.875" style="132" customWidth="1"/>
    <col min="3343" max="3343" width="44.625" style="132" customWidth="1"/>
    <col min="3344" max="3351" width="10.125" style="132" customWidth="1"/>
    <col min="3352" max="3352" width="10.25" style="132" customWidth="1"/>
    <col min="3353" max="3354" width="10.125" style="132" customWidth="1"/>
    <col min="3355" max="3585" width="9" style="132"/>
    <col min="3586" max="3586" width="6.375" style="132" customWidth="1"/>
    <col min="3587" max="3588" width="12.625" style="132" customWidth="1"/>
    <col min="3589" max="3589" width="6.25" style="132" customWidth="1"/>
    <col min="3590" max="3597" width="9.75" style="132" customWidth="1"/>
    <col min="3598" max="3598" width="9.875" style="132" customWidth="1"/>
    <col min="3599" max="3599" width="44.625" style="132" customWidth="1"/>
    <col min="3600" max="3607" width="10.125" style="132" customWidth="1"/>
    <col min="3608" max="3608" width="10.25" style="132" customWidth="1"/>
    <col min="3609" max="3610" width="10.125" style="132" customWidth="1"/>
    <col min="3611" max="3841" width="9" style="132"/>
    <col min="3842" max="3842" width="6.375" style="132" customWidth="1"/>
    <col min="3843" max="3844" width="12.625" style="132" customWidth="1"/>
    <col min="3845" max="3845" width="6.25" style="132" customWidth="1"/>
    <col min="3846" max="3853" width="9.75" style="132" customWidth="1"/>
    <col min="3854" max="3854" width="9.875" style="132" customWidth="1"/>
    <col min="3855" max="3855" width="44.625" style="132" customWidth="1"/>
    <col min="3856" max="3863" width="10.125" style="132" customWidth="1"/>
    <col min="3864" max="3864" width="10.25" style="132" customWidth="1"/>
    <col min="3865" max="3866" width="10.125" style="132" customWidth="1"/>
    <col min="3867" max="4097" width="9" style="132"/>
    <col min="4098" max="4098" width="6.375" style="132" customWidth="1"/>
    <col min="4099" max="4100" width="12.625" style="132" customWidth="1"/>
    <col min="4101" max="4101" width="6.25" style="132" customWidth="1"/>
    <col min="4102" max="4109" width="9.75" style="132" customWidth="1"/>
    <col min="4110" max="4110" width="9.875" style="132" customWidth="1"/>
    <col min="4111" max="4111" width="44.625" style="132" customWidth="1"/>
    <col min="4112" max="4119" width="10.125" style="132" customWidth="1"/>
    <col min="4120" max="4120" width="10.25" style="132" customWidth="1"/>
    <col min="4121" max="4122" width="10.125" style="132" customWidth="1"/>
    <col min="4123" max="4353" width="9" style="132"/>
    <col min="4354" max="4354" width="6.375" style="132" customWidth="1"/>
    <col min="4355" max="4356" width="12.625" style="132" customWidth="1"/>
    <col min="4357" max="4357" width="6.25" style="132" customWidth="1"/>
    <col min="4358" max="4365" width="9.75" style="132" customWidth="1"/>
    <col min="4366" max="4366" width="9.875" style="132" customWidth="1"/>
    <col min="4367" max="4367" width="44.625" style="132" customWidth="1"/>
    <col min="4368" max="4375" width="10.125" style="132" customWidth="1"/>
    <col min="4376" max="4376" width="10.25" style="132" customWidth="1"/>
    <col min="4377" max="4378" width="10.125" style="132" customWidth="1"/>
    <col min="4379" max="4609" width="9" style="132"/>
    <col min="4610" max="4610" width="6.375" style="132" customWidth="1"/>
    <col min="4611" max="4612" width="12.625" style="132" customWidth="1"/>
    <col min="4613" max="4613" width="6.25" style="132" customWidth="1"/>
    <col min="4614" max="4621" width="9.75" style="132" customWidth="1"/>
    <col min="4622" max="4622" width="9.875" style="132" customWidth="1"/>
    <col min="4623" max="4623" width="44.625" style="132" customWidth="1"/>
    <col min="4624" max="4631" width="10.125" style="132" customWidth="1"/>
    <col min="4632" max="4632" width="10.25" style="132" customWidth="1"/>
    <col min="4633" max="4634" width="10.125" style="132" customWidth="1"/>
    <col min="4635" max="4865" width="9" style="132"/>
    <col min="4866" max="4866" width="6.375" style="132" customWidth="1"/>
    <col min="4867" max="4868" width="12.625" style="132" customWidth="1"/>
    <col min="4869" max="4869" width="6.25" style="132" customWidth="1"/>
    <col min="4870" max="4877" width="9.75" style="132" customWidth="1"/>
    <col min="4878" max="4878" width="9.875" style="132" customWidth="1"/>
    <col min="4879" max="4879" width="44.625" style="132" customWidth="1"/>
    <col min="4880" max="4887" width="10.125" style="132" customWidth="1"/>
    <col min="4888" max="4888" width="10.25" style="132" customWidth="1"/>
    <col min="4889" max="4890" width="10.125" style="132" customWidth="1"/>
    <col min="4891" max="5121" width="9" style="132"/>
    <col min="5122" max="5122" width="6.375" style="132" customWidth="1"/>
    <col min="5123" max="5124" width="12.625" style="132" customWidth="1"/>
    <col min="5125" max="5125" width="6.25" style="132" customWidth="1"/>
    <col min="5126" max="5133" width="9.75" style="132" customWidth="1"/>
    <col min="5134" max="5134" width="9.875" style="132" customWidth="1"/>
    <col min="5135" max="5135" width="44.625" style="132" customWidth="1"/>
    <col min="5136" max="5143" width="10.125" style="132" customWidth="1"/>
    <col min="5144" max="5144" width="10.25" style="132" customWidth="1"/>
    <col min="5145" max="5146" width="10.125" style="132" customWidth="1"/>
    <col min="5147" max="5377" width="9" style="132"/>
    <col min="5378" max="5378" width="6.375" style="132" customWidth="1"/>
    <col min="5379" max="5380" width="12.625" style="132" customWidth="1"/>
    <col min="5381" max="5381" width="6.25" style="132" customWidth="1"/>
    <col min="5382" max="5389" width="9.75" style="132" customWidth="1"/>
    <col min="5390" max="5390" width="9.875" style="132" customWidth="1"/>
    <col min="5391" max="5391" width="44.625" style="132" customWidth="1"/>
    <col min="5392" max="5399" width="10.125" style="132" customWidth="1"/>
    <col min="5400" max="5400" width="10.25" style="132" customWidth="1"/>
    <col min="5401" max="5402" width="10.125" style="132" customWidth="1"/>
    <col min="5403" max="5633" width="9" style="132"/>
    <col min="5634" max="5634" width="6.375" style="132" customWidth="1"/>
    <col min="5635" max="5636" width="12.625" style="132" customWidth="1"/>
    <col min="5637" max="5637" width="6.25" style="132" customWidth="1"/>
    <col min="5638" max="5645" width="9.75" style="132" customWidth="1"/>
    <col min="5646" max="5646" width="9.875" style="132" customWidth="1"/>
    <col min="5647" max="5647" width="44.625" style="132" customWidth="1"/>
    <col min="5648" max="5655" width="10.125" style="132" customWidth="1"/>
    <col min="5656" max="5656" width="10.25" style="132" customWidth="1"/>
    <col min="5657" max="5658" width="10.125" style="132" customWidth="1"/>
    <col min="5659" max="5889" width="9" style="132"/>
    <col min="5890" max="5890" width="6.375" style="132" customWidth="1"/>
    <col min="5891" max="5892" width="12.625" style="132" customWidth="1"/>
    <col min="5893" max="5893" width="6.25" style="132" customWidth="1"/>
    <col min="5894" max="5901" width="9.75" style="132" customWidth="1"/>
    <col min="5902" max="5902" width="9.875" style="132" customWidth="1"/>
    <col min="5903" max="5903" width="44.625" style="132" customWidth="1"/>
    <col min="5904" max="5911" width="10.125" style="132" customWidth="1"/>
    <col min="5912" max="5912" width="10.25" style="132" customWidth="1"/>
    <col min="5913" max="5914" width="10.125" style="132" customWidth="1"/>
    <col min="5915" max="6145" width="9" style="132"/>
    <col min="6146" max="6146" width="6.375" style="132" customWidth="1"/>
    <col min="6147" max="6148" width="12.625" style="132" customWidth="1"/>
    <col min="6149" max="6149" width="6.25" style="132" customWidth="1"/>
    <col min="6150" max="6157" width="9.75" style="132" customWidth="1"/>
    <col min="6158" max="6158" width="9.875" style="132" customWidth="1"/>
    <col min="6159" max="6159" width="44.625" style="132" customWidth="1"/>
    <col min="6160" max="6167" width="10.125" style="132" customWidth="1"/>
    <col min="6168" max="6168" width="10.25" style="132" customWidth="1"/>
    <col min="6169" max="6170" width="10.125" style="132" customWidth="1"/>
    <col min="6171" max="6401" width="9" style="132"/>
    <col min="6402" max="6402" width="6.375" style="132" customWidth="1"/>
    <col min="6403" max="6404" width="12.625" style="132" customWidth="1"/>
    <col min="6405" max="6405" width="6.25" style="132" customWidth="1"/>
    <col min="6406" max="6413" width="9.75" style="132" customWidth="1"/>
    <col min="6414" max="6414" width="9.875" style="132" customWidth="1"/>
    <col min="6415" max="6415" width="44.625" style="132" customWidth="1"/>
    <col min="6416" max="6423" width="10.125" style="132" customWidth="1"/>
    <col min="6424" max="6424" width="10.25" style="132" customWidth="1"/>
    <col min="6425" max="6426" width="10.125" style="132" customWidth="1"/>
    <col min="6427" max="6657" width="9" style="132"/>
    <col min="6658" max="6658" width="6.375" style="132" customWidth="1"/>
    <col min="6659" max="6660" width="12.625" style="132" customWidth="1"/>
    <col min="6661" max="6661" width="6.25" style="132" customWidth="1"/>
    <col min="6662" max="6669" width="9.75" style="132" customWidth="1"/>
    <col min="6670" max="6670" width="9.875" style="132" customWidth="1"/>
    <col min="6671" max="6671" width="44.625" style="132" customWidth="1"/>
    <col min="6672" max="6679" width="10.125" style="132" customWidth="1"/>
    <col min="6680" max="6680" width="10.25" style="132" customWidth="1"/>
    <col min="6681" max="6682" width="10.125" style="132" customWidth="1"/>
    <col min="6683" max="6913" width="9" style="132"/>
    <col min="6914" max="6914" width="6.375" style="132" customWidth="1"/>
    <col min="6915" max="6916" width="12.625" style="132" customWidth="1"/>
    <col min="6917" max="6917" width="6.25" style="132" customWidth="1"/>
    <col min="6918" max="6925" width="9.75" style="132" customWidth="1"/>
    <col min="6926" max="6926" width="9.875" style="132" customWidth="1"/>
    <col min="6927" max="6927" width="44.625" style="132" customWidth="1"/>
    <col min="6928" max="6935" width="10.125" style="132" customWidth="1"/>
    <col min="6936" max="6936" width="10.25" style="132" customWidth="1"/>
    <col min="6937" max="6938" width="10.125" style="132" customWidth="1"/>
    <col min="6939" max="7169" width="9" style="132"/>
    <col min="7170" max="7170" width="6.375" style="132" customWidth="1"/>
    <col min="7171" max="7172" width="12.625" style="132" customWidth="1"/>
    <col min="7173" max="7173" width="6.25" style="132" customWidth="1"/>
    <col min="7174" max="7181" width="9.75" style="132" customWidth="1"/>
    <col min="7182" max="7182" width="9.875" style="132" customWidth="1"/>
    <col min="7183" max="7183" width="44.625" style="132" customWidth="1"/>
    <col min="7184" max="7191" width="10.125" style="132" customWidth="1"/>
    <col min="7192" max="7192" width="10.25" style="132" customWidth="1"/>
    <col min="7193" max="7194" width="10.125" style="132" customWidth="1"/>
    <col min="7195" max="7425" width="9" style="132"/>
    <col min="7426" max="7426" width="6.375" style="132" customWidth="1"/>
    <col min="7427" max="7428" width="12.625" style="132" customWidth="1"/>
    <col min="7429" max="7429" width="6.25" style="132" customWidth="1"/>
    <col min="7430" max="7437" width="9.75" style="132" customWidth="1"/>
    <col min="7438" max="7438" width="9.875" style="132" customWidth="1"/>
    <col min="7439" max="7439" width="44.625" style="132" customWidth="1"/>
    <col min="7440" max="7447" width="10.125" style="132" customWidth="1"/>
    <col min="7448" max="7448" width="10.25" style="132" customWidth="1"/>
    <col min="7449" max="7450" width="10.125" style="132" customWidth="1"/>
    <col min="7451" max="7681" width="9" style="132"/>
    <col min="7682" max="7682" width="6.375" style="132" customWidth="1"/>
    <col min="7683" max="7684" width="12.625" style="132" customWidth="1"/>
    <col min="7685" max="7685" width="6.25" style="132" customWidth="1"/>
    <col min="7686" max="7693" width="9.75" style="132" customWidth="1"/>
    <col min="7694" max="7694" width="9.875" style="132" customWidth="1"/>
    <col min="7695" max="7695" width="44.625" style="132" customWidth="1"/>
    <col min="7696" max="7703" width="10.125" style="132" customWidth="1"/>
    <col min="7704" max="7704" width="10.25" style="132" customWidth="1"/>
    <col min="7705" max="7706" width="10.125" style="132" customWidth="1"/>
    <col min="7707" max="7937" width="9" style="132"/>
    <col min="7938" max="7938" width="6.375" style="132" customWidth="1"/>
    <col min="7939" max="7940" width="12.625" style="132" customWidth="1"/>
    <col min="7941" max="7941" width="6.25" style="132" customWidth="1"/>
    <col min="7942" max="7949" width="9.75" style="132" customWidth="1"/>
    <col min="7950" max="7950" width="9.875" style="132" customWidth="1"/>
    <col min="7951" max="7951" width="44.625" style="132" customWidth="1"/>
    <col min="7952" max="7959" width="10.125" style="132" customWidth="1"/>
    <col min="7960" max="7960" width="10.25" style="132" customWidth="1"/>
    <col min="7961" max="7962" width="10.125" style="132" customWidth="1"/>
    <col min="7963" max="8193" width="9" style="132"/>
    <col min="8194" max="8194" width="6.375" style="132" customWidth="1"/>
    <col min="8195" max="8196" width="12.625" style="132" customWidth="1"/>
    <col min="8197" max="8197" width="6.25" style="132" customWidth="1"/>
    <col min="8198" max="8205" width="9.75" style="132" customWidth="1"/>
    <col min="8206" max="8206" width="9.875" style="132" customWidth="1"/>
    <col min="8207" max="8207" width="44.625" style="132" customWidth="1"/>
    <col min="8208" max="8215" width="10.125" style="132" customWidth="1"/>
    <col min="8216" max="8216" width="10.25" style="132" customWidth="1"/>
    <col min="8217" max="8218" width="10.125" style="132" customWidth="1"/>
    <col min="8219" max="8449" width="9" style="132"/>
    <col min="8450" max="8450" width="6.375" style="132" customWidth="1"/>
    <col min="8451" max="8452" width="12.625" style="132" customWidth="1"/>
    <col min="8453" max="8453" width="6.25" style="132" customWidth="1"/>
    <col min="8454" max="8461" width="9.75" style="132" customWidth="1"/>
    <col min="8462" max="8462" width="9.875" style="132" customWidth="1"/>
    <col min="8463" max="8463" width="44.625" style="132" customWidth="1"/>
    <col min="8464" max="8471" width="10.125" style="132" customWidth="1"/>
    <col min="8472" max="8472" width="10.25" style="132" customWidth="1"/>
    <col min="8473" max="8474" width="10.125" style="132" customWidth="1"/>
    <col min="8475" max="8705" width="9" style="132"/>
    <col min="8706" max="8706" width="6.375" style="132" customWidth="1"/>
    <col min="8707" max="8708" width="12.625" style="132" customWidth="1"/>
    <col min="8709" max="8709" width="6.25" style="132" customWidth="1"/>
    <col min="8710" max="8717" width="9.75" style="132" customWidth="1"/>
    <col min="8718" max="8718" width="9.875" style="132" customWidth="1"/>
    <col min="8719" max="8719" width="44.625" style="132" customWidth="1"/>
    <col min="8720" max="8727" width="10.125" style="132" customWidth="1"/>
    <col min="8728" max="8728" width="10.25" style="132" customWidth="1"/>
    <col min="8729" max="8730" width="10.125" style="132" customWidth="1"/>
    <col min="8731" max="8961" width="9" style="132"/>
    <col min="8962" max="8962" width="6.375" style="132" customWidth="1"/>
    <col min="8963" max="8964" width="12.625" style="132" customWidth="1"/>
    <col min="8965" max="8965" width="6.25" style="132" customWidth="1"/>
    <col min="8966" max="8973" width="9.75" style="132" customWidth="1"/>
    <col min="8974" max="8974" width="9.875" style="132" customWidth="1"/>
    <col min="8975" max="8975" width="44.625" style="132" customWidth="1"/>
    <col min="8976" max="8983" width="10.125" style="132" customWidth="1"/>
    <col min="8984" max="8984" width="10.25" style="132" customWidth="1"/>
    <col min="8985" max="8986" width="10.125" style="132" customWidth="1"/>
    <col min="8987" max="9217" width="9" style="132"/>
    <col min="9218" max="9218" width="6.375" style="132" customWidth="1"/>
    <col min="9219" max="9220" width="12.625" style="132" customWidth="1"/>
    <col min="9221" max="9221" width="6.25" style="132" customWidth="1"/>
    <col min="9222" max="9229" width="9.75" style="132" customWidth="1"/>
    <col min="9230" max="9230" width="9.875" style="132" customWidth="1"/>
    <col min="9231" max="9231" width="44.625" style="132" customWidth="1"/>
    <col min="9232" max="9239" width="10.125" style="132" customWidth="1"/>
    <col min="9240" max="9240" width="10.25" style="132" customWidth="1"/>
    <col min="9241" max="9242" width="10.125" style="132" customWidth="1"/>
    <col min="9243" max="9473" width="9" style="132"/>
    <col min="9474" max="9474" width="6.375" style="132" customWidth="1"/>
    <col min="9475" max="9476" width="12.625" style="132" customWidth="1"/>
    <col min="9477" max="9477" width="6.25" style="132" customWidth="1"/>
    <col min="9478" max="9485" width="9.75" style="132" customWidth="1"/>
    <col min="9486" max="9486" width="9.875" style="132" customWidth="1"/>
    <col min="9487" max="9487" width="44.625" style="132" customWidth="1"/>
    <col min="9488" max="9495" width="10.125" style="132" customWidth="1"/>
    <col min="9496" max="9496" width="10.25" style="132" customWidth="1"/>
    <col min="9497" max="9498" width="10.125" style="132" customWidth="1"/>
    <col min="9499" max="9729" width="9" style="132"/>
    <col min="9730" max="9730" width="6.375" style="132" customWidth="1"/>
    <col min="9731" max="9732" width="12.625" style="132" customWidth="1"/>
    <col min="9733" max="9733" width="6.25" style="132" customWidth="1"/>
    <col min="9734" max="9741" width="9.75" style="132" customWidth="1"/>
    <col min="9742" max="9742" width="9.875" style="132" customWidth="1"/>
    <col min="9743" max="9743" width="44.625" style="132" customWidth="1"/>
    <col min="9744" max="9751" width="10.125" style="132" customWidth="1"/>
    <col min="9752" max="9752" width="10.25" style="132" customWidth="1"/>
    <col min="9753" max="9754" width="10.125" style="132" customWidth="1"/>
    <col min="9755" max="9985" width="9" style="132"/>
    <col min="9986" max="9986" width="6.375" style="132" customWidth="1"/>
    <col min="9987" max="9988" width="12.625" style="132" customWidth="1"/>
    <col min="9989" max="9989" width="6.25" style="132" customWidth="1"/>
    <col min="9990" max="9997" width="9.75" style="132" customWidth="1"/>
    <col min="9998" max="9998" width="9.875" style="132" customWidth="1"/>
    <col min="9999" max="9999" width="44.625" style="132" customWidth="1"/>
    <col min="10000" max="10007" width="10.125" style="132" customWidth="1"/>
    <col min="10008" max="10008" width="10.25" style="132" customWidth="1"/>
    <col min="10009" max="10010" width="10.125" style="132" customWidth="1"/>
    <col min="10011" max="10241" width="9" style="132"/>
    <col min="10242" max="10242" width="6.375" style="132" customWidth="1"/>
    <col min="10243" max="10244" width="12.625" style="132" customWidth="1"/>
    <col min="10245" max="10245" width="6.25" style="132" customWidth="1"/>
    <col min="10246" max="10253" width="9.75" style="132" customWidth="1"/>
    <col min="10254" max="10254" width="9.875" style="132" customWidth="1"/>
    <col min="10255" max="10255" width="44.625" style="132" customWidth="1"/>
    <col min="10256" max="10263" width="10.125" style="132" customWidth="1"/>
    <col min="10264" max="10264" width="10.25" style="132" customWidth="1"/>
    <col min="10265" max="10266" width="10.125" style="132" customWidth="1"/>
    <col min="10267" max="10497" width="9" style="132"/>
    <col min="10498" max="10498" width="6.375" style="132" customWidth="1"/>
    <col min="10499" max="10500" width="12.625" style="132" customWidth="1"/>
    <col min="10501" max="10501" width="6.25" style="132" customWidth="1"/>
    <col min="10502" max="10509" width="9.75" style="132" customWidth="1"/>
    <col min="10510" max="10510" width="9.875" style="132" customWidth="1"/>
    <col min="10511" max="10511" width="44.625" style="132" customWidth="1"/>
    <col min="10512" max="10519" width="10.125" style="132" customWidth="1"/>
    <col min="10520" max="10520" width="10.25" style="132" customWidth="1"/>
    <col min="10521" max="10522" width="10.125" style="132" customWidth="1"/>
    <col min="10523" max="10753" width="9" style="132"/>
    <col min="10754" max="10754" width="6.375" style="132" customWidth="1"/>
    <col min="10755" max="10756" width="12.625" style="132" customWidth="1"/>
    <col min="10757" max="10757" width="6.25" style="132" customWidth="1"/>
    <col min="10758" max="10765" width="9.75" style="132" customWidth="1"/>
    <col min="10766" max="10766" width="9.875" style="132" customWidth="1"/>
    <col min="10767" max="10767" width="44.625" style="132" customWidth="1"/>
    <col min="10768" max="10775" width="10.125" style="132" customWidth="1"/>
    <col min="10776" max="10776" width="10.25" style="132" customWidth="1"/>
    <col min="10777" max="10778" width="10.125" style="132" customWidth="1"/>
    <col min="10779" max="11009" width="9" style="132"/>
    <col min="11010" max="11010" width="6.375" style="132" customWidth="1"/>
    <col min="11011" max="11012" width="12.625" style="132" customWidth="1"/>
    <col min="11013" max="11013" width="6.25" style="132" customWidth="1"/>
    <col min="11014" max="11021" width="9.75" style="132" customWidth="1"/>
    <col min="11022" max="11022" width="9.875" style="132" customWidth="1"/>
    <col min="11023" max="11023" width="44.625" style="132" customWidth="1"/>
    <col min="11024" max="11031" width="10.125" style="132" customWidth="1"/>
    <col min="11032" max="11032" width="10.25" style="132" customWidth="1"/>
    <col min="11033" max="11034" width="10.125" style="132" customWidth="1"/>
    <col min="11035" max="11265" width="9" style="132"/>
    <col min="11266" max="11266" width="6.375" style="132" customWidth="1"/>
    <col min="11267" max="11268" width="12.625" style="132" customWidth="1"/>
    <col min="11269" max="11269" width="6.25" style="132" customWidth="1"/>
    <col min="11270" max="11277" width="9.75" style="132" customWidth="1"/>
    <col min="11278" max="11278" width="9.875" style="132" customWidth="1"/>
    <col min="11279" max="11279" width="44.625" style="132" customWidth="1"/>
    <col min="11280" max="11287" width="10.125" style="132" customWidth="1"/>
    <col min="11288" max="11288" width="10.25" style="132" customWidth="1"/>
    <col min="11289" max="11290" width="10.125" style="132" customWidth="1"/>
    <col min="11291" max="11521" width="9" style="132"/>
    <col min="11522" max="11522" width="6.375" style="132" customWidth="1"/>
    <col min="11523" max="11524" width="12.625" style="132" customWidth="1"/>
    <col min="11525" max="11525" width="6.25" style="132" customWidth="1"/>
    <col min="11526" max="11533" width="9.75" style="132" customWidth="1"/>
    <col min="11534" max="11534" width="9.875" style="132" customWidth="1"/>
    <col min="11535" max="11535" width="44.625" style="132" customWidth="1"/>
    <col min="11536" max="11543" width="10.125" style="132" customWidth="1"/>
    <col min="11544" max="11544" width="10.25" style="132" customWidth="1"/>
    <col min="11545" max="11546" width="10.125" style="132" customWidth="1"/>
    <col min="11547" max="11777" width="9" style="132"/>
    <col min="11778" max="11778" width="6.375" style="132" customWidth="1"/>
    <col min="11779" max="11780" width="12.625" style="132" customWidth="1"/>
    <col min="11781" max="11781" width="6.25" style="132" customWidth="1"/>
    <col min="11782" max="11789" width="9.75" style="132" customWidth="1"/>
    <col min="11790" max="11790" width="9.875" style="132" customWidth="1"/>
    <col min="11791" max="11791" width="44.625" style="132" customWidth="1"/>
    <col min="11792" max="11799" width="10.125" style="132" customWidth="1"/>
    <col min="11800" max="11800" width="10.25" style="132" customWidth="1"/>
    <col min="11801" max="11802" width="10.125" style="132" customWidth="1"/>
    <col min="11803" max="12033" width="9" style="132"/>
    <col min="12034" max="12034" width="6.375" style="132" customWidth="1"/>
    <col min="12035" max="12036" width="12.625" style="132" customWidth="1"/>
    <col min="12037" max="12037" width="6.25" style="132" customWidth="1"/>
    <col min="12038" max="12045" width="9.75" style="132" customWidth="1"/>
    <col min="12046" max="12046" width="9.875" style="132" customWidth="1"/>
    <col min="12047" max="12047" width="44.625" style="132" customWidth="1"/>
    <col min="12048" max="12055" width="10.125" style="132" customWidth="1"/>
    <col min="12056" max="12056" width="10.25" style="132" customWidth="1"/>
    <col min="12057" max="12058" width="10.125" style="132" customWidth="1"/>
    <col min="12059" max="12289" width="9" style="132"/>
    <col min="12290" max="12290" width="6.375" style="132" customWidth="1"/>
    <col min="12291" max="12292" width="12.625" style="132" customWidth="1"/>
    <col min="12293" max="12293" width="6.25" style="132" customWidth="1"/>
    <col min="12294" max="12301" width="9.75" style="132" customWidth="1"/>
    <col min="12302" max="12302" width="9.875" style="132" customWidth="1"/>
    <col min="12303" max="12303" width="44.625" style="132" customWidth="1"/>
    <col min="12304" max="12311" width="10.125" style="132" customWidth="1"/>
    <col min="12312" max="12312" width="10.25" style="132" customWidth="1"/>
    <col min="12313" max="12314" width="10.125" style="132" customWidth="1"/>
    <col min="12315" max="12545" width="9" style="132"/>
    <col min="12546" max="12546" width="6.375" style="132" customWidth="1"/>
    <col min="12547" max="12548" width="12.625" style="132" customWidth="1"/>
    <col min="12549" max="12549" width="6.25" style="132" customWidth="1"/>
    <col min="12550" max="12557" width="9.75" style="132" customWidth="1"/>
    <col min="12558" max="12558" width="9.875" style="132" customWidth="1"/>
    <col min="12559" max="12559" width="44.625" style="132" customWidth="1"/>
    <col min="12560" max="12567" width="10.125" style="132" customWidth="1"/>
    <col min="12568" max="12568" width="10.25" style="132" customWidth="1"/>
    <col min="12569" max="12570" width="10.125" style="132" customWidth="1"/>
    <col min="12571" max="12801" width="9" style="132"/>
    <col min="12802" max="12802" width="6.375" style="132" customWidth="1"/>
    <col min="12803" max="12804" width="12.625" style="132" customWidth="1"/>
    <col min="12805" max="12805" width="6.25" style="132" customWidth="1"/>
    <col min="12806" max="12813" width="9.75" style="132" customWidth="1"/>
    <col min="12814" max="12814" width="9.875" style="132" customWidth="1"/>
    <col min="12815" max="12815" width="44.625" style="132" customWidth="1"/>
    <col min="12816" max="12823" width="10.125" style="132" customWidth="1"/>
    <col min="12824" max="12824" width="10.25" style="132" customWidth="1"/>
    <col min="12825" max="12826" width="10.125" style="132" customWidth="1"/>
    <col min="12827" max="13057" width="9" style="132"/>
    <col min="13058" max="13058" width="6.375" style="132" customWidth="1"/>
    <col min="13059" max="13060" width="12.625" style="132" customWidth="1"/>
    <col min="13061" max="13061" width="6.25" style="132" customWidth="1"/>
    <col min="13062" max="13069" width="9.75" style="132" customWidth="1"/>
    <col min="13070" max="13070" width="9.875" style="132" customWidth="1"/>
    <col min="13071" max="13071" width="44.625" style="132" customWidth="1"/>
    <col min="13072" max="13079" width="10.125" style="132" customWidth="1"/>
    <col min="13080" max="13080" width="10.25" style="132" customWidth="1"/>
    <col min="13081" max="13082" width="10.125" style="132" customWidth="1"/>
    <col min="13083" max="13313" width="9" style="132"/>
    <col min="13314" max="13314" width="6.375" style="132" customWidth="1"/>
    <col min="13315" max="13316" width="12.625" style="132" customWidth="1"/>
    <col min="13317" max="13317" width="6.25" style="132" customWidth="1"/>
    <col min="13318" max="13325" width="9.75" style="132" customWidth="1"/>
    <col min="13326" max="13326" width="9.875" style="132" customWidth="1"/>
    <col min="13327" max="13327" width="44.625" style="132" customWidth="1"/>
    <col min="13328" max="13335" width="10.125" style="132" customWidth="1"/>
    <col min="13336" max="13336" width="10.25" style="132" customWidth="1"/>
    <col min="13337" max="13338" width="10.125" style="132" customWidth="1"/>
    <col min="13339" max="13569" width="9" style="132"/>
    <col min="13570" max="13570" width="6.375" style="132" customWidth="1"/>
    <col min="13571" max="13572" width="12.625" style="132" customWidth="1"/>
    <col min="13573" max="13573" width="6.25" style="132" customWidth="1"/>
    <col min="13574" max="13581" width="9.75" style="132" customWidth="1"/>
    <col min="13582" max="13582" width="9.875" style="132" customWidth="1"/>
    <col min="13583" max="13583" width="44.625" style="132" customWidth="1"/>
    <col min="13584" max="13591" width="10.125" style="132" customWidth="1"/>
    <col min="13592" max="13592" width="10.25" style="132" customWidth="1"/>
    <col min="13593" max="13594" width="10.125" style="132" customWidth="1"/>
    <col min="13595" max="13825" width="9" style="132"/>
    <col min="13826" max="13826" width="6.375" style="132" customWidth="1"/>
    <col min="13827" max="13828" width="12.625" style="132" customWidth="1"/>
    <col min="13829" max="13829" width="6.25" style="132" customWidth="1"/>
    <col min="13830" max="13837" width="9.75" style="132" customWidth="1"/>
    <col min="13838" max="13838" width="9.875" style="132" customWidth="1"/>
    <col min="13839" max="13839" width="44.625" style="132" customWidth="1"/>
    <col min="13840" max="13847" width="10.125" style="132" customWidth="1"/>
    <col min="13848" max="13848" width="10.25" style="132" customWidth="1"/>
    <col min="13849" max="13850" width="10.125" style="132" customWidth="1"/>
    <col min="13851" max="14081" width="9" style="132"/>
    <col min="14082" max="14082" width="6.375" style="132" customWidth="1"/>
    <col min="14083" max="14084" width="12.625" style="132" customWidth="1"/>
    <col min="14085" max="14085" width="6.25" style="132" customWidth="1"/>
    <col min="14086" max="14093" width="9.75" style="132" customWidth="1"/>
    <col min="14094" max="14094" width="9.875" style="132" customWidth="1"/>
    <col min="14095" max="14095" width="44.625" style="132" customWidth="1"/>
    <col min="14096" max="14103" width="10.125" style="132" customWidth="1"/>
    <col min="14104" max="14104" width="10.25" style="132" customWidth="1"/>
    <col min="14105" max="14106" width="10.125" style="132" customWidth="1"/>
    <col min="14107" max="14337" width="9" style="132"/>
    <col min="14338" max="14338" width="6.375" style="132" customWidth="1"/>
    <col min="14339" max="14340" width="12.625" style="132" customWidth="1"/>
    <col min="14341" max="14341" width="6.25" style="132" customWidth="1"/>
    <col min="14342" max="14349" width="9.75" style="132" customWidth="1"/>
    <col min="14350" max="14350" width="9.875" style="132" customWidth="1"/>
    <col min="14351" max="14351" width="44.625" style="132" customWidth="1"/>
    <col min="14352" max="14359" width="10.125" style="132" customWidth="1"/>
    <col min="14360" max="14360" width="10.25" style="132" customWidth="1"/>
    <col min="14361" max="14362" width="10.125" style="132" customWidth="1"/>
    <col min="14363" max="14593" width="9" style="132"/>
    <col min="14594" max="14594" width="6.375" style="132" customWidth="1"/>
    <col min="14595" max="14596" width="12.625" style="132" customWidth="1"/>
    <col min="14597" max="14597" width="6.25" style="132" customWidth="1"/>
    <col min="14598" max="14605" width="9.75" style="132" customWidth="1"/>
    <col min="14606" max="14606" width="9.875" style="132" customWidth="1"/>
    <col min="14607" max="14607" width="44.625" style="132" customWidth="1"/>
    <col min="14608" max="14615" width="10.125" style="132" customWidth="1"/>
    <col min="14616" max="14616" width="10.25" style="132" customWidth="1"/>
    <col min="14617" max="14618" width="10.125" style="132" customWidth="1"/>
    <col min="14619" max="14849" width="9" style="132"/>
    <col min="14850" max="14850" width="6.375" style="132" customWidth="1"/>
    <col min="14851" max="14852" width="12.625" style="132" customWidth="1"/>
    <col min="14853" max="14853" width="6.25" style="132" customWidth="1"/>
    <col min="14854" max="14861" width="9.75" style="132" customWidth="1"/>
    <col min="14862" max="14862" width="9.875" style="132" customWidth="1"/>
    <col min="14863" max="14863" width="44.625" style="132" customWidth="1"/>
    <col min="14864" max="14871" width="10.125" style="132" customWidth="1"/>
    <col min="14872" max="14872" width="10.25" style="132" customWidth="1"/>
    <col min="14873" max="14874" width="10.125" style="132" customWidth="1"/>
    <col min="14875" max="15105" width="9" style="132"/>
    <col min="15106" max="15106" width="6.375" style="132" customWidth="1"/>
    <col min="15107" max="15108" width="12.625" style="132" customWidth="1"/>
    <col min="15109" max="15109" width="6.25" style="132" customWidth="1"/>
    <col min="15110" max="15117" width="9.75" style="132" customWidth="1"/>
    <col min="15118" max="15118" width="9.875" style="132" customWidth="1"/>
    <col min="15119" max="15119" width="44.625" style="132" customWidth="1"/>
    <col min="15120" max="15127" width="10.125" style="132" customWidth="1"/>
    <col min="15128" max="15128" width="10.25" style="132" customWidth="1"/>
    <col min="15129" max="15130" width="10.125" style="132" customWidth="1"/>
    <col min="15131" max="15361" width="9" style="132"/>
    <col min="15362" max="15362" width="6.375" style="132" customWidth="1"/>
    <col min="15363" max="15364" width="12.625" style="132" customWidth="1"/>
    <col min="15365" max="15365" width="6.25" style="132" customWidth="1"/>
    <col min="15366" max="15373" width="9.75" style="132" customWidth="1"/>
    <col min="15374" max="15374" width="9.875" style="132" customWidth="1"/>
    <col min="15375" max="15375" width="44.625" style="132" customWidth="1"/>
    <col min="15376" max="15383" width="10.125" style="132" customWidth="1"/>
    <col min="15384" max="15384" width="10.25" style="132" customWidth="1"/>
    <col min="15385" max="15386" width="10.125" style="132" customWidth="1"/>
    <col min="15387" max="15617" width="9" style="132"/>
    <col min="15618" max="15618" width="6.375" style="132" customWidth="1"/>
    <col min="15619" max="15620" width="12.625" style="132" customWidth="1"/>
    <col min="15621" max="15621" width="6.25" style="132" customWidth="1"/>
    <col min="15622" max="15629" width="9.75" style="132" customWidth="1"/>
    <col min="15630" max="15630" width="9.875" style="132" customWidth="1"/>
    <col min="15631" max="15631" width="44.625" style="132" customWidth="1"/>
    <col min="15632" max="15639" width="10.125" style="132" customWidth="1"/>
    <col min="15640" max="15640" width="10.25" style="132" customWidth="1"/>
    <col min="15641" max="15642" width="10.125" style="132" customWidth="1"/>
    <col min="15643" max="15873" width="9" style="132"/>
    <col min="15874" max="15874" width="6.375" style="132" customWidth="1"/>
    <col min="15875" max="15876" width="12.625" style="132" customWidth="1"/>
    <col min="15877" max="15877" width="6.25" style="132" customWidth="1"/>
    <col min="15878" max="15885" width="9.75" style="132" customWidth="1"/>
    <col min="15886" max="15886" width="9.875" style="132" customWidth="1"/>
    <col min="15887" max="15887" width="44.625" style="132" customWidth="1"/>
    <col min="15888" max="15895" width="10.125" style="132" customWidth="1"/>
    <col min="15896" max="15896" width="10.25" style="132" customWidth="1"/>
    <col min="15897" max="15898" width="10.125" style="132" customWidth="1"/>
    <col min="15899" max="16129" width="9" style="132"/>
    <col min="16130" max="16130" width="6.375" style="132" customWidth="1"/>
    <col min="16131" max="16132" width="12.625" style="132" customWidth="1"/>
    <col min="16133" max="16133" width="6.25" style="132" customWidth="1"/>
    <col min="16134" max="16141" width="9.75" style="132" customWidth="1"/>
    <col min="16142" max="16142" width="9.875" style="132" customWidth="1"/>
    <col min="16143" max="16143" width="44.625" style="132" customWidth="1"/>
    <col min="16144" max="16151" width="10.125" style="132" customWidth="1"/>
    <col min="16152" max="16152" width="10.25" style="132" customWidth="1"/>
    <col min="16153" max="16154" width="10.125" style="132" customWidth="1"/>
    <col min="16155" max="16384" width="9" style="132"/>
  </cols>
  <sheetData>
    <row r="1" spans="1:26" ht="21" customHeight="1" thickBot="1">
      <c r="A1" s="1068" t="s">
        <v>659</v>
      </c>
      <c r="C1" s="358"/>
      <c r="D1" s="358"/>
      <c r="E1" s="358"/>
      <c r="F1" s="358"/>
      <c r="G1" s="358"/>
      <c r="T1" s="358" t="s">
        <v>659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60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8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6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9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63</v>
      </c>
      <c r="F5" s="814"/>
      <c r="G5" s="813"/>
      <c r="H5" s="815" t="s">
        <v>66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65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9163279</v>
      </c>
      <c r="C8" s="884" t="s">
        <v>238</v>
      </c>
      <c r="D8" s="1237"/>
      <c r="E8" s="1140">
        <v>15879</v>
      </c>
      <c r="F8" s="1141">
        <v>4520</v>
      </c>
      <c r="G8" s="1140">
        <v>11359</v>
      </c>
      <c r="H8" s="1140">
        <v>-11083</v>
      </c>
      <c r="I8" s="1140">
        <v>-7985</v>
      </c>
      <c r="J8" s="1141">
        <v>-3098</v>
      </c>
      <c r="K8" s="1140">
        <v>69902</v>
      </c>
      <c r="L8" s="1140">
        <v>35681</v>
      </c>
      <c r="M8" s="1141">
        <v>34221</v>
      </c>
      <c r="N8" s="1143"/>
      <c r="O8" s="1143">
        <v>80985</v>
      </c>
      <c r="P8" s="1140">
        <v>43666</v>
      </c>
      <c r="Q8" s="1140">
        <v>37319</v>
      </c>
      <c r="R8" s="1140">
        <v>26962</v>
      </c>
      <c r="S8" s="1140">
        <v>12505</v>
      </c>
      <c r="T8" s="1141">
        <v>14457</v>
      </c>
      <c r="U8" s="1143">
        <v>496793</v>
      </c>
      <c r="V8" s="1140">
        <v>265660</v>
      </c>
      <c r="W8" s="1140">
        <v>231133</v>
      </c>
      <c r="X8" s="1140">
        <v>469831</v>
      </c>
      <c r="Y8" s="1140">
        <v>253155</v>
      </c>
      <c r="Z8" s="1140">
        <v>216676</v>
      </c>
    </row>
    <row r="9" spans="1:26" ht="21" customHeight="1">
      <c r="A9" s="869" t="s">
        <v>667</v>
      </c>
      <c r="B9" s="893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4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731832</v>
      </c>
      <c r="C10" s="884" t="s">
        <v>668</v>
      </c>
      <c r="D10" s="892"/>
      <c r="E10" s="1203">
        <v>68375</v>
      </c>
      <c r="F10" s="1202">
        <v>34855</v>
      </c>
      <c r="G10" s="1201">
        <v>33520</v>
      </c>
      <c r="H10" s="1203">
        <v>69670</v>
      </c>
      <c r="I10" s="1202">
        <v>35555</v>
      </c>
      <c r="J10" s="1204">
        <v>34115</v>
      </c>
      <c r="K10" s="1203">
        <v>69902</v>
      </c>
      <c r="L10" s="1202">
        <v>35681</v>
      </c>
      <c r="M10" s="1202">
        <v>34221</v>
      </c>
      <c r="N10" s="1201"/>
      <c r="O10" s="1201">
        <v>232</v>
      </c>
      <c r="P10" s="1202">
        <v>126</v>
      </c>
      <c r="Q10" s="1203">
        <v>106</v>
      </c>
      <c r="R10" s="1203">
        <v>-1295</v>
      </c>
      <c r="S10" s="1202">
        <v>-700</v>
      </c>
      <c r="T10" s="1202">
        <v>-595</v>
      </c>
      <c r="U10" s="1201">
        <v>41019</v>
      </c>
      <c r="V10" s="1202">
        <v>20917</v>
      </c>
      <c r="W10" s="1201">
        <v>20102</v>
      </c>
      <c r="X10" s="1203">
        <v>42314</v>
      </c>
      <c r="Y10" s="1202">
        <v>21617</v>
      </c>
      <c r="Z10" s="1201">
        <v>20697</v>
      </c>
    </row>
    <row r="11" spans="1:26" ht="21" customHeight="1">
      <c r="A11" s="869" t="s">
        <v>309</v>
      </c>
      <c r="B11" s="1201">
        <v>806300</v>
      </c>
      <c r="C11" s="1085" t="s">
        <v>312</v>
      </c>
      <c r="D11" s="892" t="s">
        <v>309</v>
      </c>
      <c r="E11" s="1203">
        <v>7129</v>
      </c>
      <c r="F11" s="1202">
        <v>4067</v>
      </c>
      <c r="G11" s="1201">
        <v>3062</v>
      </c>
      <c r="H11" s="1203">
        <v>-85</v>
      </c>
      <c r="I11" s="1202">
        <v>-57</v>
      </c>
      <c r="J11" s="1204">
        <v>-28</v>
      </c>
      <c r="K11" s="1205" t="s">
        <v>188</v>
      </c>
      <c r="L11" s="1206" t="s">
        <v>188</v>
      </c>
      <c r="M11" s="1206" t="s">
        <v>188</v>
      </c>
      <c r="N11" s="1207"/>
      <c r="O11" s="1201">
        <v>85</v>
      </c>
      <c r="P11" s="1202">
        <v>57</v>
      </c>
      <c r="Q11" s="1203">
        <v>28</v>
      </c>
      <c r="R11" s="1203">
        <v>7214</v>
      </c>
      <c r="S11" s="1202">
        <v>4124</v>
      </c>
      <c r="T11" s="1202">
        <v>3090</v>
      </c>
      <c r="U11" s="1201">
        <v>28591</v>
      </c>
      <c r="V11" s="1202">
        <v>15649</v>
      </c>
      <c r="W11" s="1201">
        <v>12942</v>
      </c>
      <c r="X11" s="1203">
        <v>21377</v>
      </c>
      <c r="Y11" s="1202">
        <v>11525</v>
      </c>
      <c r="Z11" s="1201">
        <v>9852</v>
      </c>
    </row>
    <row r="12" spans="1:26" ht="21" customHeight="1">
      <c r="A12" s="869" t="s">
        <v>311</v>
      </c>
      <c r="B12" s="1201">
        <v>984389</v>
      </c>
      <c r="C12" s="1085" t="s">
        <v>313</v>
      </c>
      <c r="D12" s="892" t="s">
        <v>311</v>
      </c>
      <c r="E12" s="1203">
        <v>17775</v>
      </c>
      <c r="F12" s="1202">
        <v>8715</v>
      </c>
      <c r="G12" s="1201">
        <v>9060</v>
      </c>
      <c r="H12" s="1203">
        <v>-310</v>
      </c>
      <c r="I12" s="1202">
        <v>-199</v>
      </c>
      <c r="J12" s="1204">
        <v>-111</v>
      </c>
      <c r="K12" s="1205" t="s">
        <v>188</v>
      </c>
      <c r="L12" s="1206" t="s">
        <v>188</v>
      </c>
      <c r="M12" s="1206" t="s">
        <v>188</v>
      </c>
      <c r="N12" s="1207"/>
      <c r="O12" s="1201">
        <v>310</v>
      </c>
      <c r="P12" s="1202">
        <v>199</v>
      </c>
      <c r="Q12" s="1203">
        <v>111</v>
      </c>
      <c r="R12" s="1203">
        <v>18085</v>
      </c>
      <c r="S12" s="1202">
        <v>8914</v>
      </c>
      <c r="T12" s="1202">
        <v>9171</v>
      </c>
      <c r="U12" s="1201">
        <v>175714</v>
      </c>
      <c r="V12" s="1202">
        <v>92512</v>
      </c>
      <c r="W12" s="1201">
        <v>83202</v>
      </c>
      <c r="X12" s="1203">
        <v>157629</v>
      </c>
      <c r="Y12" s="1202">
        <v>83598</v>
      </c>
      <c r="Z12" s="1201">
        <v>74031</v>
      </c>
    </row>
    <row r="13" spans="1:26" ht="21" customHeight="1">
      <c r="A13" s="875">
        <v>30</v>
      </c>
      <c r="B13" s="1201">
        <v>1129691</v>
      </c>
      <c r="C13" s="1085" t="s">
        <v>314</v>
      </c>
      <c r="D13" s="875">
        <v>29</v>
      </c>
      <c r="E13" s="1203">
        <v>882</v>
      </c>
      <c r="F13" s="1202">
        <v>118</v>
      </c>
      <c r="G13" s="1201">
        <v>764</v>
      </c>
      <c r="H13" s="1203">
        <v>-532</v>
      </c>
      <c r="I13" s="1202">
        <v>-338</v>
      </c>
      <c r="J13" s="1204">
        <v>-194</v>
      </c>
      <c r="K13" s="1205" t="s">
        <v>188</v>
      </c>
      <c r="L13" s="1206" t="s">
        <v>188</v>
      </c>
      <c r="M13" s="1206" t="s">
        <v>188</v>
      </c>
      <c r="N13" s="1207"/>
      <c r="O13" s="1201">
        <v>532</v>
      </c>
      <c r="P13" s="1202">
        <v>338</v>
      </c>
      <c r="Q13" s="1203">
        <v>194</v>
      </c>
      <c r="R13" s="1203">
        <v>1414</v>
      </c>
      <c r="S13" s="1202">
        <v>456</v>
      </c>
      <c r="T13" s="1202">
        <v>958</v>
      </c>
      <c r="U13" s="1201">
        <v>121542</v>
      </c>
      <c r="V13" s="1202">
        <v>66056</v>
      </c>
      <c r="W13" s="1201">
        <v>55486</v>
      </c>
      <c r="X13" s="1203">
        <v>120128</v>
      </c>
      <c r="Y13" s="1202">
        <v>65600</v>
      </c>
      <c r="Z13" s="1201">
        <v>54528</v>
      </c>
    </row>
    <row r="14" spans="1:26" ht="21" customHeight="1">
      <c r="A14" s="869" t="s">
        <v>172</v>
      </c>
      <c r="B14" s="1210">
        <v>1495249</v>
      </c>
      <c r="C14" s="1088" t="s">
        <v>315</v>
      </c>
      <c r="D14" s="892" t="s">
        <v>172</v>
      </c>
      <c r="E14" s="1210">
        <v>-1084</v>
      </c>
      <c r="F14" s="1209">
        <v>-1189</v>
      </c>
      <c r="G14" s="1208">
        <v>105</v>
      </c>
      <c r="H14" s="1210">
        <v>-1654</v>
      </c>
      <c r="I14" s="1209">
        <v>-1059</v>
      </c>
      <c r="J14" s="1214">
        <v>-595</v>
      </c>
      <c r="K14" s="1211" t="s">
        <v>188</v>
      </c>
      <c r="L14" s="1212" t="s">
        <v>188</v>
      </c>
      <c r="M14" s="1212" t="s">
        <v>188</v>
      </c>
      <c r="N14" s="1213"/>
      <c r="O14" s="1208">
        <v>1654</v>
      </c>
      <c r="P14" s="1209">
        <v>1059</v>
      </c>
      <c r="Q14" s="1210">
        <v>595</v>
      </c>
      <c r="R14" s="1210">
        <v>570</v>
      </c>
      <c r="S14" s="1209">
        <v>-130</v>
      </c>
      <c r="T14" s="1209">
        <v>700</v>
      </c>
      <c r="U14" s="1208">
        <v>59214</v>
      </c>
      <c r="V14" s="1209">
        <v>33878</v>
      </c>
      <c r="W14" s="1208">
        <v>25336</v>
      </c>
      <c r="X14" s="1210">
        <v>58644</v>
      </c>
      <c r="Y14" s="1209">
        <v>34008</v>
      </c>
      <c r="Z14" s="1208">
        <v>24636</v>
      </c>
    </row>
    <row r="15" spans="1:26" ht="21" customHeight="1">
      <c r="A15" s="876" t="s">
        <v>529</v>
      </c>
      <c r="B15" s="1201">
        <v>1186602</v>
      </c>
      <c r="C15" s="1085" t="s">
        <v>317</v>
      </c>
      <c r="D15" s="892" t="s">
        <v>530</v>
      </c>
      <c r="E15" s="1203">
        <v>-3290</v>
      </c>
      <c r="F15" s="1202">
        <v>-2359</v>
      </c>
      <c r="G15" s="1201">
        <v>-931</v>
      </c>
      <c r="H15" s="1203">
        <v>-3306</v>
      </c>
      <c r="I15" s="1202">
        <v>-2192</v>
      </c>
      <c r="J15" s="1204">
        <v>-1114</v>
      </c>
      <c r="K15" s="1205" t="s">
        <v>188</v>
      </c>
      <c r="L15" s="1206" t="s">
        <v>188</v>
      </c>
      <c r="M15" s="1206" t="s">
        <v>188</v>
      </c>
      <c r="N15" s="1207"/>
      <c r="O15" s="1201">
        <v>3306</v>
      </c>
      <c r="P15" s="1202">
        <v>2192</v>
      </c>
      <c r="Q15" s="1203">
        <v>1114</v>
      </c>
      <c r="R15" s="1203">
        <v>16</v>
      </c>
      <c r="S15" s="1202">
        <v>-167</v>
      </c>
      <c r="T15" s="1202">
        <v>183</v>
      </c>
      <c r="U15" s="1201">
        <v>30555</v>
      </c>
      <c r="V15" s="1202">
        <v>17822</v>
      </c>
      <c r="W15" s="1201">
        <v>12733</v>
      </c>
      <c r="X15" s="1203">
        <v>30539</v>
      </c>
      <c r="Y15" s="1202">
        <v>17989</v>
      </c>
      <c r="Z15" s="1201">
        <v>12550</v>
      </c>
    </row>
    <row r="16" spans="1:26" ht="21" customHeight="1">
      <c r="A16" s="869" t="s">
        <v>316</v>
      </c>
      <c r="B16" s="1201">
        <v>1113300</v>
      </c>
      <c r="C16" s="1085" t="s">
        <v>318</v>
      </c>
      <c r="D16" s="892"/>
      <c r="E16" s="1203">
        <v>-8971</v>
      </c>
      <c r="F16" s="1202">
        <v>-6147</v>
      </c>
      <c r="G16" s="1201">
        <v>-2824</v>
      </c>
      <c r="H16" s="1203">
        <v>-8230</v>
      </c>
      <c r="I16" s="1202">
        <v>-5746</v>
      </c>
      <c r="J16" s="1204">
        <v>-2484</v>
      </c>
      <c r="K16" s="1205" t="s">
        <v>188</v>
      </c>
      <c r="L16" s="1206" t="s">
        <v>188</v>
      </c>
      <c r="M16" s="1206" t="s">
        <v>188</v>
      </c>
      <c r="N16" s="1207"/>
      <c r="O16" s="1201">
        <v>8230</v>
      </c>
      <c r="P16" s="1202">
        <v>5746</v>
      </c>
      <c r="Q16" s="1203">
        <v>2484</v>
      </c>
      <c r="R16" s="1203">
        <v>-741</v>
      </c>
      <c r="S16" s="1202">
        <v>-401</v>
      </c>
      <c r="T16" s="1202">
        <v>-340</v>
      </c>
      <c r="U16" s="1201">
        <v>17891</v>
      </c>
      <c r="V16" s="1202">
        <v>10321</v>
      </c>
      <c r="W16" s="1201">
        <v>7570</v>
      </c>
      <c r="X16" s="1203">
        <v>18632</v>
      </c>
      <c r="Y16" s="1202">
        <v>10722</v>
      </c>
      <c r="Z16" s="1201">
        <v>7910</v>
      </c>
    </row>
    <row r="17" spans="1:27" ht="21" customHeight="1">
      <c r="A17" s="876" t="s">
        <v>531</v>
      </c>
      <c r="B17" s="1201">
        <v>991863</v>
      </c>
      <c r="C17" s="1085" t="s">
        <v>320</v>
      </c>
      <c r="D17" s="892"/>
      <c r="E17" s="1203">
        <v>-17407</v>
      </c>
      <c r="F17" s="1202">
        <v>-11697</v>
      </c>
      <c r="G17" s="1207">
        <v>-5710</v>
      </c>
      <c r="H17" s="1203">
        <v>-17679</v>
      </c>
      <c r="I17" s="1202">
        <v>-11696</v>
      </c>
      <c r="J17" s="1204">
        <v>-5983</v>
      </c>
      <c r="K17" s="1205" t="s">
        <v>188</v>
      </c>
      <c r="L17" s="1206" t="s">
        <v>188</v>
      </c>
      <c r="M17" s="1206" t="s">
        <v>188</v>
      </c>
      <c r="N17" s="1207"/>
      <c r="O17" s="1201">
        <v>17679</v>
      </c>
      <c r="P17" s="1202">
        <v>11696</v>
      </c>
      <c r="Q17" s="1203">
        <v>5983</v>
      </c>
      <c r="R17" s="1203">
        <v>272</v>
      </c>
      <c r="S17" s="1202">
        <v>-1</v>
      </c>
      <c r="T17" s="1202">
        <v>273</v>
      </c>
      <c r="U17" s="1201">
        <v>11053</v>
      </c>
      <c r="V17" s="1202">
        <v>5146</v>
      </c>
      <c r="W17" s="1201">
        <v>5907</v>
      </c>
      <c r="X17" s="1203">
        <v>10781</v>
      </c>
      <c r="Y17" s="1202">
        <v>5147</v>
      </c>
      <c r="Z17" s="1201">
        <v>5634</v>
      </c>
    </row>
    <row r="18" spans="1:27" ht="21" customHeight="1">
      <c r="A18" s="869" t="s">
        <v>319</v>
      </c>
      <c r="B18" s="1201">
        <v>528188</v>
      </c>
      <c r="C18" s="1085" t="s">
        <v>322</v>
      </c>
      <c r="D18" s="892"/>
      <c r="E18" s="1203">
        <v>-27991</v>
      </c>
      <c r="F18" s="1202">
        <v>-15488</v>
      </c>
      <c r="G18" s="1201">
        <v>-12503</v>
      </c>
      <c r="H18" s="1203">
        <v>-29001</v>
      </c>
      <c r="I18" s="1202">
        <v>-15789</v>
      </c>
      <c r="J18" s="1204">
        <v>-13212</v>
      </c>
      <c r="K18" s="1205" t="s">
        <v>188</v>
      </c>
      <c r="L18" s="1206" t="s">
        <v>188</v>
      </c>
      <c r="M18" s="1206" t="s">
        <v>188</v>
      </c>
      <c r="N18" s="1207"/>
      <c r="O18" s="1201">
        <v>29001</v>
      </c>
      <c r="P18" s="1202">
        <v>15789</v>
      </c>
      <c r="Q18" s="1203">
        <v>13212</v>
      </c>
      <c r="R18" s="1203">
        <v>1010</v>
      </c>
      <c r="S18" s="1202">
        <v>301</v>
      </c>
      <c r="T18" s="1202">
        <v>709</v>
      </c>
      <c r="U18" s="1201">
        <v>8618</v>
      </c>
      <c r="V18" s="1202">
        <v>2729</v>
      </c>
      <c r="W18" s="1201">
        <v>5889</v>
      </c>
      <c r="X18" s="1203">
        <v>7608</v>
      </c>
      <c r="Y18" s="1202">
        <v>2428</v>
      </c>
      <c r="Z18" s="1201">
        <v>5180</v>
      </c>
    </row>
    <row r="19" spans="1:27" ht="21" customHeight="1">
      <c r="A19" s="869" t="s">
        <v>321</v>
      </c>
      <c r="B19" s="1210">
        <v>108768</v>
      </c>
      <c r="C19" s="1088" t="s">
        <v>324</v>
      </c>
      <c r="D19" s="1098"/>
      <c r="E19" s="1210">
        <v>-17792</v>
      </c>
      <c r="F19" s="1209">
        <v>-6063</v>
      </c>
      <c r="G19" s="1208">
        <v>-11729</v>
      </c>
      <c r="H19" s="1210">
        <v>-18206</v>
      </c>
      <c r="I19" s="1209">
        <v>-6171</v>
      </c>
      <c r="J19" s="1214">
        <v>-12035</v>
      </c>
      <c r="K19" s="1211" t="s">
        <v>188</v>
      </c>
      <c r="L19" s="1212" t="s">
        <v>188</v>
      </c>
      <c r="M19" s="1212" t="s">
        <v>188</v>
      </c>
      <c r="N19" s="1213"/>
      <c r="O19" s="1208">
        <v>18206</v>
      </c>
      <c r="P19" s="1209">
        <v>6171</v>
      </c>
      <c r="Q19" s="1210">
        <v>12035</v>
      </c>
      <c r="R19" s="1210">
        <v>414</v>
      </c>
      <c r="S19" s="1209">
        <v>108</v>
      </c>
      <c r="T19" s="1214">
        <v>306</v>
      </c>
      <c r="U19" s="1208">
        <v>2527</v>
      </c>
      <c r="V19" s="1209">
        <v>619</v>
      </c>
      <c r="W19" s="1208">
        <v>1908</v>
      </c>
      <c r="X19" s="1210">
        <v>2113</v>
      </c>
      <c r="Y19" s="1209">
        <v>511</v>
      </c>
      <c r="Z19" s="1208">
        <v>1602</v>
      </c>
    </row>
    <row r="20" spans="1:27" ht="21" customHeight="1">
      <c r="A20" s="869" t="s">
        <v>323</v>
      </c>
      <c r="B20" s="1210">
        <v>4171</v>
      </c>
      <c r="C20" s="1088" t="s">
        <v>534</v>
      </c>
      <c r="D20" s="1098"/>
      <c r="E20" s="1208">
        <v>-1747</v>
      </c>
      <c r="F20" s="1209">
        <v>-292</v>
      </c>
      <c r="G20" s="1208">
        <v>-1455</v>
      </c>
      <c r="H20" s="1210">
        <v>-1750</v>
      </c>
      <c r="I20" s="1209">
        <v>-293</v>
      </c>
      <c r="J20" s="1214">
        <v>-1457</v>
      </c>
      <c r="K20" s="1211" t="s">
        <v>188</v>
      </c>
      <c r="L20" s="1212" t="s">
        <v>188</v>
      </c>
      <c r="M20" s="1212" t="s">
        <v>188</v>
      </c>
      <c r="N20" s="1213"/>
      <c r="O20" s="1208">
        <v>1750</v>
      </c>
      <c r="P20" s="1209">
        <v>293</v>
      </c>
      <c r="Q20" s="1210">
        <v>1457</v>
      </c>
      <c r="R20" s="1210">
        <v>3</v>
      </c>
      <c r="S20" s="1209">
        <v>1</v>
      </c>
      <c r="T20" s="1209">
        <v>2</v>
      </c>
      <c r="U20" s="1208">
        <v>69</v>
      </c>
      <c r="V20" s="1209">
        <v>11</v>
      </c>
      <c r="W20" s="1208">
        <v>58</v>
      </c>
      <c r="X20" s="1210">
        <v>66</v>
      </c>
      <c r="Y20" s="1209">
        <v>10</v>
      </c>
      <c r="Z20" s="1208">
        <v>56</v>
      </c>
    </row>
    <row r="21" spans="1:27" ht="21" customHeight="1" thickBot="1">
      <c r="A21" s="877"/>
      <c r="B21" s="1240">
        <v>82926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/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7" ht="21" customHeight="1" thickTop="1">
      <c r="A22" s="869"/>
      <c r="B22" s="1238">
        <v>9147400</v>
      </c>
      <c r="C22" s="884" t="s">
        <v>238</v>
      </c>
      <c r="D22" s="1239"/>
      <c r="E22" s="1238">
        <v>19363</v>
      </c>
      <c r="F22" s="1255">
        <v>7187</v>
      </c>
      <c r="G22" s="1255">
        <v>12176</v>
      </c>
      <c r="H22" s="1238">
        <v>-5354</v>
      </c>
      <c r="I22" s="1255">
        <v>-4601</v>
      </c>
      <c r="J22" s="1255">
        <v>-753</v>
      </c>
      <c r="K22" s="1238">
        <v>72795</v>
      </c>
      <c r="L22" s="1255">
        <v>37317</v>
      </c>
      <c r="M22" s="1255">
        <v>35478</v>
      </c>
      <c r="N22" s="1248"/>
      <c r="O22" s="1256">
        <v>78149</v>
      </c>
      <c r="P22" s="1238">
        <v>41918</v>
      </c>
      <c r="Q22" s="1255">
        <v>36231</v>
      </c>
      <c r="R22" s="1255">
        <v>24717</v>
      </c>
      <c r="S22" s="1238">
        <v>11788</v>
      </c>
      <c r="T22" s="1255">
        <v>12929</v>
      </c>
      <c r="U22" s="1255">
        <v>486889</v>
      </c>
      <c r="V22" s="1238">
        <v>262203</v>
      </c>
      <c r="W22" s="1255">
        <v>224686</v>
      </c>
      <c r="X22" s="1255">
        <v>462172</v>
      </c>
      <c r="Y22" s="1255">
        <v>250415</v>
      </c>
      <c r="Z22" s="1252">
        <v>211757</v>
      </c>
    </row>
    <row r="23" spans="1:27" ht="21" customHeight="1">
      <c r="A23" s="869" t="s">
        <v>669</v>
      </c>
      <c r="B23" s="754"/>
      <c r="C23" s="891"/>
      <c r="D23" s="892" t="s">
        <v>670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78"/>
      <c r="U23" s="879"/>
      <c r="V23" s="878"/>
      <c r="W23" s="879"/>
      <c r="X23" s="754"/>
      <c r="Y23" s="878"/>
      <c r="Z23" s="879"/>
    </row>
    <row r="24" spans="1:27" ht="21" customHeight="1">
      <c r="A24" s="869"/>
      <c r="B24" s="1207">
        <v>739869</v>
      </c>
      <c r="C24" s="884" t="s">
        <v>668</v>
      </c>
      <c r="D24" s="892"/>
      <c r="E24" s="1205">
        <v>71497</v>
      </c>
      <c r="F24" s="1206">
        <v>36855</v>
      </c>
      <c r="G24" s="1206">
        <v>34642</v>
      </c>
      <c r="H24" s="1205">
        <v>72564</v>
      </c>
      <c r="I24" s="1206">
        <v>37191</v>
      </c>
      <c r="J24" s="1206">
        <v>35373</v>
      </c>
      <c r="K24" s="1205">
        <v>72795</v>
      </c>
      <c r="L24" s="1206">
        <v>37317</v>
      </c>
      <c r="M24" s="1206">
        <v>35478</v>
      </c>
      <c r="N24" s="1207"/>
      <c r="O24" s="1207">
        <v>231</v>
      </c>
      <c r="P24" s="1205">
        <v>126</v>
      </c>
      <c r="Q24" s="1206">
        <v>105</v>
      </c>
      <c r="R24" s="1206">
        <v>-1067</v>
      </c>
      <c r="S24" s="1205">
        <v>-336</v>
      </c>
      <c r="T24" s="1206">
        <v>-731</v>
      </c>
      <c r="U24" s="1206">
        <v>42154</v>
      </c>
      <c r="V24" s="1205">
        <v>21624</v>
      </c>
      <c r="W24" s="1206">
        <v>20530</v>
      </c>
      <c r="X24" s="1206">
        <v>43221</v>
      </c>
      <c r="Y24" s="1206">
        <v>21960</v>
      </c>
      <c r="Z24" s="1205">
        <v>21261</v>
      </c>
      <c r="AA24" s="178"/>
    </row>
    <row r="25" spans="1:27" ht="21" customHeight="1">
      <c r="A25" s="869" t="s">
        <v>309</v>
      </c>
      <c r="B25" s="1207">
        <v>813401</v>
      </c>
      <c r="C25" s="1085" t="s">
        <v>312</v>
      </c>
      <c r="D25" s="892" t="s">
        <v>309</v>
      </c>
      <c r="E25" s="1205">
        <v>7234</v>
      </c>
      <c r="F25" s="1206">
        <v>4189</v>
      </c>
      <c r="G25" s="1206">
        <v>3045</v>
      </c>
      <c r="H25" s="1205">
        <v>-138</v>
      </c>
      <c r="I25" s="1206">
        <v>-83</v>
      </c>
      <c r="J25" s="1206">
        <v>-55</v>
      </c>
      <c r="K25" s="1205" t="s">
        <v>188</v>
      </c>
      <c r="L25" s="1206" t="s">
        <v>188</v>
      </c>
      <c r="M25" s="1206" t="s">
        <v>188</v>
      </c>
      <c r="N25" s="1207"/>
      <c r="O25" s="1207">
        <v>138</v>
      </c>
      <c r="P25" s="1205">
        <v>83</v>
      </c>
      <c r="Q25" s="1206">
        <v>55</v>
      </c>
      <c r="R25" s="1206">
        <v>7372</v>
      </c>
      <c r="S25" s="1205">
        <v>4272</v>
      </c>
      <c r="T25" s="1206">
        <v>3100</v>
      </c>
      <c r="U25" s="1206">
        <v>28337</v>
      </c>
      <c r="V25" s="1205">
        <v>15715</v>
      </c>
      <c r="W25" s="1206">
        <v>12622</v>
      </c>
      <c r="X25" s="1206">
        <v>20965</v>
      </c>
      <c r="Y25" s="1206">
        <v>11443</v>
      </c>
      <c r="Z25" s="1205">
        <v>9522</v>
      </c>
      <c r="AA25" s="178"/>
    </row>
    <row r="26" spans="1:27" ht="21" customHeight="1">
      <c r="A26" s="869" t="s">
        <v>311</v>
      </c>
      <c r="B26" s="1207">
        <v>975652</v>
      </c>
      <c r="C26" s="1085" t="s">
        <v>313</v>
      </c>
      <c r="D26" s="892" t="s">
        <v>311</v>
      </c>
      <c r="E26" s="1205">
        <v>17084</v>
      </c>
      <c r="F26" s="1206">
        <v>8728</v>
      </c>
      <c r="G26" s="1206">
        <v>8356</v>
      </c>
      <c r="H26" s="1205">
        <v>-316</v>
      </c>
      <c r="I26" s="1206">
        <v>-220</v>
      </c>
      <c r="J26" s="1206">
        <v>-96</v>
      </c>
      <c r="K26" s="1205" t="s">
        <v>188</v>
      </c>
      <c r="L26" s="1206" t="s">
        <v>188</v>
      </c>
      <c r="M26" s="1206" t="s">
        <v>188</v>
      </c>
      <c r="N26" s="1207"/>
      <c r="O26" s="1207">
        <v>316</v>
      </c>
      <c r="P26" s="1205">
        <v>220</v>
      </c>
      <c r="Q26" s="1206">
        <v>96</v>
      </c>
      <c r="R26" s="1206">
        <v>17400</v>
      </c>
      <c r="S26" s="1205">
        <v>8948</v>
      </c>
      <c r="T26" s="1206">
        <v>8452</v>
      </c>
      <c r="U26" s="1206">
        <v>167605</v>
      </c>
      <c r="V26" s="1205">
        <v>89273</v>
      </c>
      <c r="W26" s="1206">
        <v>78332</v>
      </c>
      <c r="X26" s="1206">
        <v>150205</v>
      </c>
      <c r="Y26" s="1206">
        <v>80325</v>
      </c>
      <c r="Z26" s="1205">
        <v>69880</v>
      </c>
      <c r="AA26" s="178"/>
    </row>
    <row r="27" spans="1:27" ht="21" customHeight="1">
      <c r="A27" s="881">
        <v>29</v>
      </c>
      <c r="B27" s="1207">
        <v>1161036</v>
      </c>
      <c r="C27" s="1085" t="s">
        <v>314</v>
      </c>
      <c r="D27" s="875">
        <v>28</v>
      </c>
      <c r="E27" s="1205">
        <v>-91</v>
      </c>
      <c r="F27" s="1206">
        <v>-579</v>
      </c>
      <c r="G27" s="1206">
        <v>488</v>
      </c>
      <c r="H27" s="1205">
        <v>-566</v>
      </c>
      <c r="I27" s="1206">
        <v>-334</v>
      </c>
      <c r="J27" s="1206">
        <v>-232</v>
      </c>
      <c r="K27" s="1205" t="s">
        <v>188</v>
      </c>
      <c r="L27" s="1206" t="s">
        <v>188</v>
      </c>
      <c r="M27" s="1206" t="s">
        <v>188</v>
      </c>
      <c r="N27" s="1207"/>
      <c r="O27" s="1207">
        <v>566</v>
      </c>
      <c r="P27" s="1205">
        <v>334</v>
      </c>
      <c r="Q27" s="1206">
        <v>232</v>
      </c>
      <c r="R27" s="1206">
        <v>475</v>
      </c>
      <c r="S27" s="1205">
        <v>-245</v>
      </c>
      <c r="T27" s="1206">
        <v>720</v>
      </c>
      <c r="U27" s="1206">
        <v>122286</v>
      </c>
      <c r="V27" s="1205">
        <v>66249</v>
      </c>
      <c r="W27" s="1206">
        <v>56037</v>
      </c>
      <c r="X27" s="1206">
        <v>121811</v>
      </c>
      <c r="Y27" s="1206">
        <v>66494</v>
      </c>
      <c r="Z27" s="1205">
        <v>55317</v>
      </c>
      <c r="AA27" s="178"/>
    </row>
    <row r="28" spans="1:27" ht="21" customHeight="1">
      <c r="A28" s="869" t="s">
        <v>172</v>
      </c>
      <c r="B28" s="1211">
        <v>1518177</v>
      </c>
      <c r="C28" s="1088" t="s">
        <v>315</v>
      </c>
      <c r="D28" s="892" t="s">
        <v>172</v>
      </c>
      <c r="E28" s="1211">
        <v>-1637</v>
      </c>
      <c r="F28" s="1212">
        <v>-1388</v>
      </c>
      <c r="G28" s="1212">
        <v>-249</v>
      </c>
      <c r="H28" s="1211">
        <v>-1717</v>
      </c>
      <c r="I28" s="1212">
        <v>-1085</v>
      </c>
      <c r="J28" s="1212">
        <v>-632</v>
      </c>
      <c r="K28" s="1211" t="s">
        <v>188</v>
      </c>
      <c r="L28" s="1212" t="s">
        <v>188</v>
      </c>
      <c r="M28" s="1212" t="s">
        <v>188</v>
      </c>
      <c r="N28" s="1213"/>
      <c r="O28" s="1245">
        <v>1717</v>
      </c>
      <c r="P28" s="1211">
        <v>1085</v>
      </c>
      <c r="Q28" s="1212">
        <v>632</v>
      </c>
      <c r="R28" s="1212">
        <v>80</v>
      </c>
      <c r="S28" s="1211">
        <v>-303</v>
      </c>
      <c r="T28" s="1212">
        <v>383</v>
      </c>
      <c r="U28" s="1212">
        <v>59487</v>
      </c>
      <c r="V28" s="1211">
        <v>34318</v>
      </c>
      <c r="W28" s="1212">
        <v>25169</v>
      </c>
      <c r="X28" s="1212">
        <v>59407</v>
      </c>
      <c r="Y28" s="1212">
        <v>34621</v>
      </c>
      <c r="Z28" s="1211">
        <v>24786</v>
      </c>
      <c r="AA28" s="178"/>
    </row>
    <row r="29" spans="1:27" ht="21" customHeight="1">
      <c r="A29" s="876" t="s">
        <v>531</v>
      </c>
      <c r="B29" s="1207">
        <v>1130015</v>
      </c>
      <c r="C29" s="1085" t="s">
        <v>317</v>
      </c>
      <c r="D29" s="892" t="s">
        <v>530</v>
      </c>
      <c r="E29" s="1205">
        <v>-3165</v>
      </c>
      <c r="F29" s="1206">
        <v>-2103</v>
      </c>
      <c r="G29" s="1206">
        <v>-1062</v>
      </c>
      <c r="H29" s="1205">
        <v>-3282</v>
      </c>
      <c r="I29" s="1206">
        <v>-2119</v>
      </c>
      <c r="J29" s="1206">
        <v>-1163</v>
      </c>
      <c r="K29" s="1205" t="s">
        <v>188</v>
      </c>
      <c r="L29" s="1206" t="s">
        <v>188</v>
      </c>
      <c r="M29" s="1206" t="s">
        <v>188</v>
      </c>
      <c r="N29" s="1207"/>
      <c r="O29" s="1207">
        <v>3282</v>
      </c>
      <c r="P29" s="1205">
        <v>2119</v>
      </c>
      <c r="Q29" s="1206">
        <v>1163</v>
      </c>
      <c r="R29" s="1206">
        <v>117</v>
      </c>
      <c r="S29" s="1205">
        <v>16</v>
      </c>
      <c r="T29" s="1206">
        <v>101</v>
      </c>
      <c r="U29" s="1206">
        <v>28562</v>
      </c>
      <c r="V29" s="1205">
        <v>16981</v>
      </c>
      <c r="W29" s="1206">
        <v>11581</v>
      </c>
      <c r="X29" s="1206">
        <v>28445</v>
      </c>
      <c r="Y29" s="1206">
        <v>16965</v>
      </c>
      <c r="Z29" s="1205">
        <v>11480</v>
      </c>
      <c r="AA29" s="178"/>
    </row>
    <row r="30" spans="1:27" ht="21" customHeight="1">
      <c r="A30" s="869" t="s">
        <v>316</v>
      </c>
      <c r="B30" s="1207">
        <v>1167643</v>
      </c>
      <c r="C30" s="1085" t="s">
        <v>318</v>
      </c>
      <c r="D30" s="892"/>
      <c r="E30" s="1205">
        <v>-9930</v>
      </c>
      <c r="F30" s="1206">
        <v>-6743</v>
      </c>
      <c r="G30" s="1206">
        <v>-3187</v>
      </c>
      <c r="H30" s="1205">
        <v>-8698</v>
      </c>
      <c r="I30" s="1206">
        <v>-5955</v>
      </c>
      <c r="J30" s="1206">
        <v>-2743</v>
      </c>
      <c r="K30" s="1205" t="s">
        <v>188</v>
      </c>
      <c r="L30" s="1206" t="s">
        <v>188</v>
      </c>
      <c r="M30" s="1206" t="s">
        <v>188</v>
      </c>
      <c r="N30" s="1207"/>
      <c r="O30" s="1207">
        <v>8698</v>
      </c>
      <c r="P30" s="1205">
        <v>5955</v>
      </c>
      <c r="Q30" s="1206">
        <v>2743</v>
      </c>
      <c r="R30" s="1206">
        <v>-1232</v>
      </c>
      <c r="S30" s="1205">
        <v>-788</v>
      </c>
      <c r="T30" s="1206">
        <v>-444</v>
      </c>
      <c r="U30" s="1206">
        <v>17814</v>
      </c>
      <c r="V30" s="1205">
        <v>10226</v>
      </c>
      <c r="W30" s="1206">
        <v>7588</v>
      </c>
      <c r="X30" s="1206">
        <v>19046</v>
      </c>
      <c r="Y30" s="1206">
        <v>11014</v>
      </c>
      <c r="Z30" s="1205">
        <v>8032</v>
      </c>
      <c r="AA30" s="178"/>
    </row>
    <row r="31" spans="1:27" ht="21" customHeight="1">
      <c r="A31" s="876" t="s">
        <v>531</v>
      </c>
      <c r="B31" s="1207">
        <v>951343</v>
      </c>
      <c r="C31" s="1085" t="s">
        <v>320</v>
      </c>
      <c r="D31" s="892"/>
      <c r="E31" s="1205">
        <v>-16755</v>
      </c>
      <c r="F31" s="1206">
        <v>-11222</v>
      </c>
      <c r="G31" s="1206">
        <v>-5533</v>
      </c>
      <c r="H31" s="1205">
        <v>-16998</v>
      </c>
      <c r="I31" s="1206">
        <v>-11185</v>
      </c>
      <c r="J31" s="1206">
        <v>-5813</v>
      </c>
      <c r="K31" s="1205" t="s">
        <v>188</v>
      </c>
      <c r="L31" s="1206" t="s">
        <v>188</v>
      </c>
      <c r="M31" s="1206" t="s">
        <v>188</v>
      </c>
      <c r="N31" s="1207"/>
      <c r="O31" s="1207">
        <v>16998</v>
      </c>
      <c r="P31" s="1205">
        <v>11185</v>
      </c>
      <c r="Q31" s="1206">
        <v>5813</v>
      </c>
      <c r="R31" s="1206">
        <v>243</v>
      </c>
      <c r="S31" s="1205">
        <v>-37</v>
      </c>
      <c r="T31" s="1206">
        <v>280</v>
      </c>
      <c r="U31" s="1206">
        <v>10432</v>
      </c>
      <c r="V31" s="1205">
        <v>4802</v>
      </c>
      <c r="W31" s="1206">
        <v>5630</v>
      </c>
      <c r="X31" s="1206">
        <v>10189</v>
      </c>
      <c r="Y31" s="1206">
        <v>4839</v>
      </c>
      <c r="Z31" s="1205">
        <v>5350</v>
      </c>
      <c r="AA31" s="178"/>
    </row>
    <row r="32" spans="1:27" ht="21" customHeight="1">
      <c r="A32" s="869" t="s">
        <v>319</v>
      </c>
      <c r="B32" s="1207">
        <v>502167</v>
      </c>
      <c r="C32" s="1085" t="s">
        <v>322</v>
      </c>
      <c r="D32" s="892"/>
      <c r="E32" s="1205">
        <v>-26730</v>
      </c>
      <c r="F32" s="1206">
        <v>-14764</v>
      </c>
      <c r="G32" s="1206">
        <v>-11966</v>
      </c>
      <c r="H32" s="1205">
        <v>-27703</v>
      </c>
      <c r="I32" s="1206">
        <v>-14971</v>
      </c>
      <c r="J32" s="1206">
        <v>-12732</v>
      </c>
      <c r="K32" s="1205" t="s">
        <v>188</v>
      </c>
      <c r="L32" s="1206" t="s">
        <v>188</v>
      </c>
      <c r="M32" s="1206" t="s">
        <v>188</v>
      </c>
      <c r="N32" s="1207"/>
      <c r="O32" s="1207">
        <v>27703</v>
      </c>
      <c r="P32" s="1205">
        <v>14971</v>
      </c>
      <c r="Q32" s="1206">
        <v>12732</v>
      </c>
      <c r="R32" s="1206">
        <v>973</v>
      </c>
      <c r="S32" s="1205">
        <v>207</v>
      </c>
      <c r="T32" s="1206">
        <v>766</v>
      </c>
      <c r="U32" s="1206">
        <v>7923</v>
      </c>
      <c r="V32" s="1205">
        <v>2494</v>
      </c>
      <c r="W32" s="1206">
        <v>5429</v>
      </c>
      <c r="X32" s="1206">
        <v>6950</v>
      </c>
      <c r="Y32" s="1206">
        <v>2287</v>
      </c>
      <c r="Z32" s="1205">
        <v>4663</v>
      </c>
      <c r="AA32" s="178"/>
    </row>
    <row r="33" spans="1:27" ht="21" customHeight="1">
      <c r="A33" s="869" t="s">
        <v>321</v>
      </c>
      <c r="B33" s="1211">
        <v>101305</v>
      </c>
      <c r="C33" s="1088" t="s">
        <v>324</v>
      </c>
      <c r="D33" s="1098"/>
      <c r="E33" s="1211">
        <v>-16543</v>
      </c>
      <c r="F33" s="1212">
        <v>-5515</v>
      </c>
      <c r="G33" s="1212">
        <v>-11028</v>
      </c>
      <c r="H33" s="1211">
        <v>-16884</v>
      </c>
      <c r="I33" s="1212">
        <v>-5568</v>
      </c>
      <c r="J33" s="1212">
        <v>-11316</v>
      </c>
      <c r="K33" s="1211" t="s">
        <v>188</v>
      </c>
      <c r="L33" s="1212" t="s">
        <v>188</v>
      </c>
      <c r="M33" s="1212" t="s">
        <v>188</v>
      </c>
      <c r="N33" s="1213"/>
      <c r="O33" s="1213">
        <v>16884</v>
      </c>
      <c r="P33" s="1211">
        <v>5568</v>
      </c>
      <c r="Q33" s="1212">
        <v>11316</v>
      </c>
      <c r="R33" s="1212">
        <v>341</v>
      </c>
      <c r="S33" s="1211">
        <v>53</v>
      </c>
      <c r="T33" s="1212">
        <v>288</v>
      </c>
      <c r="U33" s="1212">
        <v>2228</v>
      </c>
      <c r="V33" s="1211">
        <v>510</v>
      </c>
      <c r="W33" s="1212">
        <v>1718</v>
      </c>
      <c r="X33" s="1212">
        <v>1887</v>
      </c>
      <c r="Y33" s="1212">
        <v>457</v>
      </c>
      <c r="Z33" s="1211">
        <v>1430</v>
      </c>
      <c r="AA33" s="178"/>
    </row>
    <row r="34" spans="1:27" ht="21" customHeight="1">
      <c r="A34" s="869" t="s">
        <v>323</v>
      </c>
      <c r="B34" s="1211">
        <v>3866</v>
      </c>
      <c r="C34" s="1088" t="s">
        <v>534</v>
      </c>
      <c r="D34" s="1098"/>
      <c r="E34" s="1211">
        <v>-1601</v>
      </c>
      <c r="F34" s="1212">
        <v>-271</v>
      </c>
      <c r="G34" s="1212">
        <v>-1330</v>
      </c>
      <c r="H34" s="1211">
        <v>-1616</v>
      </c>
      <c r="I34" s="1212">
        <v>-272</v>
      </c>
      <c r="J34" s="1212">
        <v>-1344</v>
      </c>
      <c r="K34" s="1211" t="s">
        <v>188</v>
      </c>
      <c r="L34" s="1212" t="s">
        <v>188</v>
      </c>
      <c r="M34" s="1212" t="s">
        <v>188</v>
      </c>
      <c r="N34" s="1213"/>
      <c r="O34" s="1213">
        <v>1616</v>
      </c>
      <c r="P34" s="1211">
        <v>272</v>
      </c>
      <c r="Q34" s="1212">
        <v>1344</v>
      </c>
      <c r="R34" s="1212">
        <v>15</v>
      </c>
      <c r="S34" s="1211">
        <v>1</v>
      </c>
      <c r="T34" s="1212">
        <v>14</v>
      </c>
      <c r="U34" s="1212">
        <v>61</v>
      </c>
      <c r="V34" s="1211">
        <v>11</v>
      </c>
      <c r="W34" s="1212">
        <v>50</v>
      </c>
      <c r="X34" s="1212">
        <v>46</v>
      </c>
      <c r="Y34" s="1212">
        <v>10</v>
      </c>
      <c r="Z34" s="1211">
        <v>36</v>
      </c>
      <c r="AA34" s="178"/>
    </row>
    <row r="35" spans="1:27" ht="21" customHeight="1" thickBot="1">
      <c r="A35" s="866"/>
      <c r="B35" s="1205">
        <v>82926</v>
      </c>
      <c r="C35" s="884" t="s">
        <v>154</v>
      </c>
      <c r="D35" s="1098"/>
      <c r="E35" s="1205" t="s">
        <v>188</v>
      </c>
      <c r="F35" s="1206" t="s">
        <v>188</v>
      </c>
      <c r="G35" s="1246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/>
      <c r="N35" s="1207"/>
      <c r="O35" s="1207" t="s">
        <v>188</v>
      </c>
      <c r="P35" s="1205" t="s">
        <v>188</v>
      </c>
      <c r="Q35" s="1206" t="s">
        <v>188</v>
      </c>
      <c r="R35" s="1246" t="s">
        <v>188</v>
      </c>
      <c r="S35" s="1205" t="s">
        <v>188</v>
      </c>
      <c r="T35" s="1206" t="s">
        <v>188</v>
      </c>
      <c r="U35" s="1246" t="s">
        <v>188</v>
      </c>
      <c r="V35" s="1247" t="s">
        <v>188</v>
      </c>
      <c r="W35" s="1246" t="s">
        <v>188</v>
      </c>
      <c r="X35" s="1246" t="s">
        <v>188</v>
      </c>
      <c r="Y35" s="1206" t="s">
        <v>188</v>
      </c>
      <c r="Z35" s="1207" t="s">
        <v>188</v>
      </c>
      <c r="AA35" s="178"/>
    </row>
    <row r="36" spans="1:27" ht="21" customHeight="1" thickTop="1">
      <c r="A36" s="882"/>
      <c r="B36" s="1248">
        <v>15879</v>
      </c>
      <c r="C36" s="1101" t="s">
        <v>238</v>
      </c>
      <c r="D36" s="1249"/>
      <c r="E36" s="1250">
        <v>-3484</v>
      </c>
      <c r="F36" s="1250">
        <v>-2667</v>
      </c>
      <c r="G36" s="1250">
        <v>-817</v>
      </c>
      <c r="H36" s="1250">
        <v>-5729</v>
      </c>
      <c r="I36" s="1250">
        <v>-3384</v>
      </c>
      <c r="J36" s="1250">
        <v>-2345</v>
      </c>
      <c r="K36" s="1250">
        <v>-2893</v>
      </c>
      <c r="L36" s="1250">
        <v>-1636</v>
      </c>
      <c r="M36" s="1250">
        <v>-1257</v>
      </c>
      <c r="N36" s="1248"/>
      <c r="O36" s="1251">
        <v>2836</v>
      </c>
      <c r="P36" s="1250">
        <v>1748</v>
      </c>
      <c r="Q36" s="1250">
        <v>1088</v>
      </c>
      <c r="R36" s="1250">
        <v>2245</v>
      </c>
      <c r="S36" s="1250">
        <v>717</v>
      </c>
      <c r="T36" s="1250">
        <v>1528</v>
      </c>
      <c r="U36" s="1250">
        <v>9904</v>
      </c>
      <c r="V36" s="1250">
        <v>3457</v>
      </c>
      <c r="W36" s="1250">
        <v>6447</v>
      </c>
      <c r="X36" s="1250">
        <v>7659</v>
      </c>
      <c r="Y36" s="1250">
        <v>2740</v>
      </c>
      <c r="Z36" s="1252">
        <v>4919</v>
      </c>
      <c r="AA36" s="178"/>
    </row>
    <row r="37" spans="1:27" ht="21" customHeight="1">
      <c r="A37" s="869" t="s">
        <v>667</v>
      </c>
      <c r="B37" s="754"/>
      <c r="C37" s="891"/>
      <c r="D37" s="892" t="s">
        <v>667</v>
      </c>
      <c r="E37" s="878"/>
      <c r="F37" s="880"/>
      <c r="G37" s="878"/>
      <c r="H37" s="878"/>
      <c r="I37" s="878"/>
      <c r="J37" s="878"/>
      <c r="K37" s="878"/>
      <c r="L37" s="880"/>
      <c r="M37" s="878"/>
      <c r="N37" s="879"/>
      <c r="O37" s="880"/>
      <c r="P37" s="878"/>
      <c r="Q37" s="878"/>
      <c r="R37" s="879"/>
      <c r="S37" s="878"/>
      <c r="T37" s="878"/>
      <c r="U37" s="878"/>
      <c r="V37" s="880"/>
      <c r="W37" s="754"/>
      <c r="X37" s="754"/>
      <c r="Y37" s="878"/>
      <c r="Z37" s="754"/>
    </row>
    <row r="38" spans="1:27" ht="21" customHeight="1">
      <c r="A38" s="869" t="s">
        <v>671</v>
      </c>
      <c r="B38" s="1207">
        <v>-8037</v>
      </c>
      <c r="C38" s="884" t="s">
        <v>668</v>
      </c>
      <c r="D38" s="892" t="s">
        <v>671</v>
      </c>
      <c r="E38" s="1205">
        <v>-3122</v>
      </c>
      <c r="F38" s="1205">
        <v>-2000</v>
      </c>
      <c r="G38" s="1205">
        <v>-1122</v>
      </c>
      <c r="H38" s="1205">
        <v>-2894</v>
      </c>
      <c r="I38" s="1205">
        <v>-1636</v>
      </c>
      <c r="J38" s="1205">
        <v>-1258</v>
      </c>
      <c r="K38" s="1205">
        <v>-2893</v>
      </c>
      <c r="L38" s="1205">
        <v>-1636</v>
      </c>
      <c r="M38" s="1247">
        <v>-1257</v>
      </c>
      <c r="N38" s="1207"/>
      <c r="O38" s="1207">
        <v>1</v>
      </c>
      <c r="P38" s="1205">
        <v>0</v>
      </c>
      <c r="Q38" s="1205">
        <v>1</v>
      </c>
      <c r="R38" s="1205">
        <v>-228</v>
      </c>
      <c r="S38" s="1205">
        <v>-364</v>
      </c>
      <c r="T38" s="1205">
        <v>136</v>
      </c>
      <c r="U38" s="1205">
        <v>-1135</v>
      </c>
      <c r="V38" s="1205">
        <v>-707</v>
      </c>
      <c r="W38" s="1205">
        <v>-428</v>
      </c>
      <c r="X38" s="1205">
        <v>-907</v>
      </c>
      <c r="Y38" s="1205">
        <v>-343</v>
      </c>
      <c r="Z38" s="1205">
        <v>-564</v>
      </c>
    </row>
    <row r="39" spans="1:27" ht="21" customHeight="1">
      <c r="A39" s="869" t="s">
        <v>669</v>
      </c>
      <c r="B39" s="1207">
        <v>-7101</v>
      </c>
      <c r="C39" s="1085" t="s">
        <v>312</v>
      </c>
      <c r="D39" s="892" t="s">
        <v>669</v>
      </c>
      <c r="E39" s="1205">
        <v>-105</v>
      </c>
      <c r="F39" s="1205">
        <v>-122</v>
      </c>
      <c r="G39" s="1205">
        <v>17</v>
      </c>
      <c r="H39" s="1205">
        <v>53</v>
      </c>
      <c r="I39" s="1205">
        <v>26</v>
      </c>
      <c r="J39" s="1205">
        <v>27</v>
      </c>
      <c r="K39" s="1205" t="s">
        <v>188</v>
      </c>
      <c r="L39" s="1206" t="s">
        <v>188</v>
      </c>
      <c r="M39" s="1206" t="s">
        <v>188</v>
      </c>
      <c r="N39" s="1207"/>
      <c r="O39" s="1207">
        <v>-53</v>
      </c>
      <c r="P39" s="1205">
        <v>-26</v>
      </c>
      <c r="Q39" s="1205">
        <v>-27</v>
      </c>
      <c r="R39" s="1205">
        <v>-158</v>
      </c>
      <c r="S39" s="1205">
        <v>-148</v>
      </c>
      <c r="T39" s="1205">
        <v>-10</v>
      </c>
      <c r="U39" s="1205">
        <v>254</v>
      </c>
      <c r="V39" s="1205">
        <v>-66</v>
      </c>
      <c r="W39" s="1205">
        <v>320</v>
      </c>
      <c r="X39" s="1205">
        <v>412</v>
      </c>
      <c r="Y39" s="1205">
        <v>82</v>
      </c>
      <c r="Z39" s="1205">
        <v>330</v>
      </c>
    </row>
    <row r="40" spans="1:27" ht="21" customHeight="1">
      <c r="A40" s="876"/>
      <c r="B40" s="1207">
        <v>8737</v>
      </c>
      <c r="C40" s="1085" t="s">
        <v>313</v>
      </c>
      <c r="D40" s="875"/>
      <c r="E40" s="1205">
        <v>691</v>
      </c>
      <c r="F40" s="1205">
        <v>-13</v>
      </c>
      <c r="G40" s="1205">
        <v>704</v>
      </c>
      <c r="H40" s="1205">
        <v>6</v>
      </c>
      <c r="I40" s="1205">
        <v>21</v>
      </c>
      <c r="J40" s="1205">
        <v>-15</v>
      </c>
      <c r="K40" s="1205" t="s">
        <v>188</v>
      </c>
      <c r="L40" s="1206" t="s">
        <v>188</v>
      </c>
      <c r="M40" s="1206" t="s">
        <v>188</v>
      </c>
      <c r="N40" s="1207"/>
      <c r="O40" s="1207">
        <v>-6</v>
      </c>
      <c r="P40" s="1205">
        <v>-21</v>
      </c>
      <c r="Q40" s="1205">
        <v>15</v>
      </c>
      <c r="R40" s="1205">
        <v>685</v>
      </c>
      <c r="S40" s="1205">
        <v>-34</v>
      </c>
      <c r="T40" s="1205">
        <v>719</v>
      </c>
      <c r="U40" s="1205">
        <v>8109</v>
      </c>
      <c r="V40" s="1205">
        <v>3239</v>
      </c>
      <c r="W40" s="1205">
        <v>4870</v>
      </c>
      <c r="X40" s="1205">
        <v>7424</v>
      </c>
      <c r="Y40" s="1205">
        <v>3273</v>
      </c>
      <c r="Z40" s="1205">
        <v>4151</v>
      </c>
    </row>
    <row r="41" spans="1:27" ht="21" customHeight="1">
      <c r="A41" s="869" t="s">
        <v>309</v>
      </c>
      <c r="B41" s="1207">
        <v>-31345</v>
      </c>
      <c r="C41" s="1085" t="s">
        <v>314</v>
      </c>
      <c r="D41" s="892" t="s">
        <v>309</v>
      </c>
      <c r="E41" s="1205">
        <v>973</v>
      </c>
      <c r="F41" s="1205">
        <v>697</v>
      </c>
      <c r="G41" s="1205">
        <v>276</v>
      </c>
      <c r="H41" s="1205">
        <v>34</v>
      </c>
      <c r="I41" s="1205">
        <v>-4</v>
      </c>
      <c r="J41" s="1205">
        <v>38</v>
      </c>
      <c r="K41" s="1205" t="s">
        <v>188</v>
      </c>
      <c r="L41" s="1206" t="s">
        <v>188</v>
      </c>
      <c r="M41" s="1206" t="s">
        <v>188</v>
      </c>
      <c r="N41" s="1207"/>
      <c r="O41" s="1207">
        <v>-34</v>
      </c>
      <c r="P41" s="1205">
        <v>4</v>
      </c>
      <c r="Q41" s="1205">
        <v>-38</v>
      </c>
      <c r="R41" s="1205">
        <v>939</v>
      </c>
      <c r="S41" s="1205">
        <v>701</v>
      </c>
      <c r="T41" s="1205">
        <v>238</v>
      </c>
      <c r="U41" s="1205">
        <v>-744</v>
      </c>
      <c r="V41" s="1205">
        <v>-193</v>
      </c>
      <c r="W41" s="1205">
        <v>-551</v>
      </c>
      <c r="X41" s="1205">
        <v>-1683</v>
      </c>
      <c r="Y41" s="1205">
        <v>-894</v>
      </c>
      <c r="Z41" s="1205">
        <v>-789</v>
      </c>
    </row>
    <row r="42" spans="1:27" ht="21" customHeight="1">
      <c r="A42" s="869" t="s">
        <v>311</v>
      </c>
      <c r="B42" s="1211">
        <v>-22928</v>
      </c>
      <c r="C42" s="1088" t="s">
        <v>315</v>
      </c>
      <c r="D42" s="1103" t="s">
        <v>311</v>
      </c>
      <c r="E42" s="1211">
        <v>553</v>
      </c>
      <c r="F42" s="1211">
        <v>199</v>
      </c>
      <c r="G42" s="1211">
        <v>354</v>
      </c>
      <c r="H42" s="1211">
        <v>63</v>
      </c>
      <c r="I42" s="1211">
        <v>26</v>
      </c>
      <c r="J42" s="1212">
        <v>37</v>
      </c>
      <c r="K42" s="1205" t="s">
        <v>188</v>
      </c>
      <c r="L42" s="1206" t="s">
        <v>188</v>
      </c>
      <c r="M42" s="1246" t="s">
        <v>188</v>
      </c>
      <c r="N42" s="1207"/>
      <c r="O42" s="1213">
        <v>-63</v>
      </c>
      <c r="P42" s="1211">
        <v>-26</v>
      </c>
      <c r="Q42" s="1211">
        <v>-37</v>
      </c>
      <c r="R42" s="1211">
        <v>490</v>
      </c>
      <c r="S42" s="1211">
        <v>173</v>
      </c>
      <c r="T42" s="1211">
        <v>317</v>
      </c>
      <c r="U42" s="1211">
        <v>-273</v>
      </c>
      <c r="V42" s="1211">
        <v>-440</v>
      </c>
      <c r="W42" s="1211">
        <v>167</v>
      </c>
      <c r="X42" s="1211">
        <v>-763</v>
      </c>
      <c r="Y42" s="1211">
        <v>-613</v>
      </c>
      <c r="Z42" s="1211">
        <v>-150</v>
      </c>
      <c r="AA42" s="178"/>
    </row>
    <row r="43" spans="1:27" ht="21" customHeight="1">
      <c r="A43" s="876">
        <v>29</v>
      </c>
      <c r="B43" s="1207">
        <v>56587</v>
      </c>
      <c r="C43" s="1085" t="s">
        <v>317</v>
      </c>
      <c r="D43" s="875">
        <v>28</v>
      </c>
      <c r="E43" s="1205">
        <v>-125</v>
      </c>
      <c r="F43" s="1205">
        <v>-256</v>
      </c>
      <c r="G43" s="1205">
        <v>131</v>
      </c>
      <c r="H43" s="1205">
        <v>-24</v>
      </c>
      <c r="I43" s="1205">
        <v>-73</v>
      </c>
      <c r="J43" s="1205">
        <v>49</v>
      </c>
      <c r="K43" s="1253" t="s">
        <v>188</v>
      </c>
      <c r="L43" s="1247" t="s">
        <v>188</v>
      </c>
      <c r="M43" s="1254" t="s">
        <v>188</v>
      </c>
      <c r="N43" s="1207"/>
      <c r="O43" s="1207">
        <v>24</v>
      </c>
      <c r="P43" s="1205">
        <v>73</v>
      </c>
      <c r="Q43" s="1205">
        <v>-49</v>
      </c>
      <c r="R43" s="1205">
        <v>-101</v>
      </c>
      <c r="S43" s="1205">
        <v>-183</v>
      </c>
      <c r="T43" s="1205">
        <v>82</v>
      </c>
      <c r="U43" s="1205">
        <v>1993</v>
      </c>
      <c r="V43" s="1205">
        <v>841</v>
      </c>
      <c r="W43" s="1205">
        <v>1152</v>
      </c>
      <c r="X43" s="1205">
        <v>2094</v>
      </c>
      <c r="Y43" s="1205">
        <v>1024</v>
      </c>
      <c r="Z43" s="1205">
        <v>1070</v>
      </c>
    </row>
    <row r="44" spans="1:27" ht="21" customHeight="1">
      <c r="A44" s="883" t="s">
        <v>672</v>
      </c>
      <c r="B44" s="1207">
        <v>-54343</v>
      </c>
      <c r="C44" s="1085" t="s">
        <v>318</v>
      </c>
      <c r="D44" s="1104" t="s">
        <v>672</v>
      </c>
      <c r="E44" s="1205">
        <v>959</v>
      </c>
      <c r="F44" s="1205">
        <v>596</v>
      </c>
      <c r="G44" s="1205">
        <v>363</v>
      </c>
      <c r="H44" s="1205">
        <v>468</v>
      </c>
      <c r="I44" s="1205">
        <v>209</v>
      </c>
      <c r="J44" s="1205">
        <v>259</v>
      </c>
      <c r="K44" s="1205" t="s">
        <v>188</v>
      </c>
      <c r="L44" s="1206" t="s">
        <v>188</v>
      </c>
      <c r="M44" s="1246" t="s">
        <v>188</v>
      </c>
      <c r="N44" s="1207"/>
      <c r="O44" s="1207">
        <v>-468</v>
      </c>
      <c r="P44" s="1205">
        <v>-209</v>
      </c>
      <c r="Q44" s="1205">
        <v>-259</v>
      </c>
      <c r="R44" s="1205">
        <v>491</v>
      </c>
      <c r="S44" s="1205">
        <v>387</v>
      </c>
      <c r="T44" s="1205">
        <v>104</v>
      </c>
      <c r="U44" s="1205">
        <v>77</v>
      </c>
      <c r="V44" s="1205">
        <v>95</v>
      </c>
      <c r="W44" s="1205">
        <v>-18</v>
      </c>
      <c r="X44" s="1205">
        <v>-414</v>
      </c>
      <c r="Y44" s="1205">
        <v>-292</v>
      </c>
      <c r="Z44" s="1205">
        <v>-122</v>
      </c>
    </row>
    <row r="45" spans="1:27" ht="21" customHeight="1">
      <c r="A45" s="876">
        <v>30</v>
      </c>
      <c r="B45" s="1207">
        <v>40520</v>
      </c>
      <c r="C45" s="1085" t="s">
        <v>320</v>
      </c>
      <c r="D45" s="875">
        <v>29</v>
      </c>
      <c r="E45" s="1205">
        <v>-652</v>
      </c>
      <c r="F45" s="1205">
        <v>-475</v>
      </c>
      <c r="G45" s="1205">
        <v>-177</v>
      </c>
      <c r="H45" s="1205">
        <v>-681</v>
      </c>
      <c r="I45" s="1205">
        <v>-511</v>
      </c>
      <c r="J45" s="1205">
        <v>-170</v>
      </c>
      <c r="K45" s="1205" t="s">
        <v>188</v>
      </c>
      <c r="L45" s="1206" t="s">
        <v>188</v>
      </c>
      <c r="M45" s="1246" t="s">
        <v>188</v>
      </c>
      <c r="N45" s="1207"/>
      <c r="O45" s="1207">
        <v>681</v>
      </c>
      <c r="P45" s="1205">
        <v>511</v>
      </c>
      <c r="Q45" s="1205">
        <v>170</v>
      </c>
      <c r="R45" s="1205">
        <v>29</v>
      </c>
      <c r="S45" s="1205">
        <v>36</v>
      </c>
      <c r="T45" s="1205">
        <v>-7</v>
      </c>
      <c r="U45" s="1205">
        <v>621</v>
      </c>
      <c r="V45" s="1205">
        <v>344</v>
      </c>
      <c r="W45" s="1205">
        <v>277</v>
      </c>
      <c r="X45" s="1205">
        <v>592</v>
      </c>
      <c r="Y45" s="1205">
        <v>308</v>
      </c>
      <c r="Z45" s="1205">
        <v>284</v>
      </c>
    </row>
    <row r="46" spans="1:27" ht="21" customHeight="1">
      <c r="A46" s="869" t="s">
        <v>172</v>
      </c>
      <c r="B46" s="1207">
        <v>26021</v>
      </c>
      <c r="C46" s="1085" t="s">
        <v>322</v>
      </c>
      <c r="D46" s="892" t="s">
        <v>172</v>
      </c>
      <c r="E46" s="1205">
        <v>-1261</v>
      </c>
      <c r="F46" s="1205">
        <v>-724</v>
      </c>
      <c r="G46" s="1205">
        <v>-537</v>
      </c>
      <c r="H46" s="1205">
        <v>-1298</v>
      </c>
      <c r="I46" s="1205">
        <v>-818</v>
      </c>
      <c r="J46" s="1205">
        <v>-480</v>
      </c>
      <c r="K46" s="1205" t="s">
        <v>188</v>
      </c>
      <c r="L46" s="1206" t="s">
        <v>188</v>
      </c>
      <c r="M46" s="1246" t="s">
        <v>188</v>
      </c>
      <c r="N46" s="1207"/>
      <c r="O46" s="1207">
        <v>1298</v>
      </c>
      <c r="P46" s="1205">
        <v>818</v>
      </c>
      <c r="Q46" s="1205">
        <v>480</v>
      </c>
      <c r="R46" s="1205">
        <v>37</v>
      </c>
      <c r="S46" s="1205">
        <v>94</v>
      </c>
      <c r="T46" s="1205">
        <v>-57</v>
      </c>
      <c r="U46" s="1205">
        <v>695</v>
      </c>
      <c r="V46" s="1205">
        <v>235</v>
      </c>
      <c r="W46" s="1205">
        <v>460</v>
      </c>
      <c r="X46" s="1205">
        <v>658</v>
      </c>
      <c r="Y46" s="1205">
        <v>141</v>
      </c>
      <c r="Z46" s="1205">
        <v>517</v>
      </c>
    </row>
    <row r="47" spans="1:27" ht="21" customHeight="1">
      <c r="A47" s="869" t="s">
        <v>673</v>
      </c>
      <c r="B47" s="1212">
        <v>7463</v>
      </c>
      <c r="C47" s="1085" t="s">
        <v>324</v>
      </c>
      <c r="D47" s="1103" t="s">
        <v>530</v>
      </c>
      <c r="E47" s="1205">
        <v>-1249</v>
      </c>
      <c r="F47" s="1205">
        <v>-548</v>
      </c>
      <c r="G47" s="1205">
        <v>-701</v>
      </c>
      <c r="H47" s="1205">
        <v>-1322</v>
      </c>
      <c r="I47" s="1205">
        <v>-603</v>
      </c>
      <c r="J47" s="1205">
        <v>-719</v>
      </c>
      <c r="K47" s="1211" t="s">
        <v>188</v>
      </c>
      <c r="L47" s="1212" t="s">
        <v>188</v>
      </c>
      <c r="M47" s="1245" t="s">
        <v>188</v>
      </c>
      <c r="N47" s="1213"/>
      <c r="O47" s="1213">
        <v>1322</v>
      </c>
      <c r="P47" s="1211">
        <v>603</v>
      </c>
      <c r="Q47" s="1211">
        <v>719</v>
      </c>
      <c r="R47" s="1211">
        <v>73</v>
      </c>
      <c r="S47" s="1211">
        <v>55</v>
      </c>
      <c r="T47" s="1211">
        <v>18</v>
      </c>
      <c r="U47" s="1211">
        <v>299</v>
      </c>
      <c r="V47" s="1211">
        <v>109</v>
      </c>
      <c r="W47" s="1211">
        <v>190</v>
      </c>
      <c r="X47" s="1211">
        <v>226</v>
      </c>
      <c r="Y47" s="1211">
        <v>54</v>
      </c>
      <c r="Z47" s="1211">
        <v>172</v>
      </c>
    </row>
    <row r="48" spans="1:27" ht="21" customHeight="1">
      <c r="A48" s="869" t="s">
        <v>674</v>
      </c>
      <c r="B48" s="1232">
        <v>305</v>
      </c>
      <c r="C48" s="1093" t="s">
        <v>534</v>
      </c>
      <c r="D48" s="1103" t="s">
        <v>673</v>
      </c>
      <c r="E48" s="1231">
        <v>-146</v>
      </c>
      <c r="F48" s="1231">
        <v>-21</v>
      </c>
      <c r="G48" s="1231">
        <v>-125</v>
      </c>
      <c r="H48" s="1231">
        <v>-134</v>
      </c>
      <c r="I48" s="1231">
        <v>-21</v>
      </c>
      <c r="J48" s="1232">
        <v>-113</v>
      </c>
      <c r="K48" s="1231" t="s">
        <v>188</v>
      </c>
      <c r="L48" s="1232" t="s">
        <v>188</v>
      </c>
      <c r="M48" s="1232" t="s">
        <v>188</v>
      </c>
      <c r="N48" s="1213"/>
      <c r="O48" s="1213">
        <v>134</v>
      </c>
      <c r="P48" s="1211">
        <v>21</v>
      </c>
      <c r="Q48" s="1211">
        <v>113</v>
      </c>
      <c r="R48" s="1211">
        <v>-12</v>
      </c>
      <c r="S48" s="1211">
        <v>0</v>
      </c>
      <c r="T48" s="1211">
        <v>-12</v>
      </c>
      <c r="U48" s="1211">
        <v>8</v>
      </c>
      <c r="V48" s="1211">
        <v>0</v>
      </c>
      <c r="W48" s="1211">
        <v>8</v>
      </c>
      <c r="X48" s="1211">
        <v>20</v>
      </c>
      <c r="Y48" s="1211">
        <v>0</v>
      </c>
      <c r="Z48" s="1211">
        <v>20</v>
      </c>
      <c r="AA48" s="178"/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1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3" t="s">
        <v>188</v>
      </c>
      <c r="X49" s="1241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6"/>
      <c r="O50" s="285"/>
    </row>
    <row r="51" spans="1:26" ht="14.25">
      <c r="A51" s="285"/>
      <c r="B51" s="285" t="s">
        <v>675</v>
      </c>
      <c r="C51" s="286"/>
      <c r="D51" s="286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  <row r="53" spans="1:26">
      <c r="C53" s="178"/>
      <c r="D53" s="178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38" fitToWidth="0" orientation="portrait" blackAndWhite="1" useFirstPageNumber="1" r:id="rId1"/>
  <headerFooter>
    <oddFooter>&amp;C&amp;"ＭＳ ゴシック,太字"&amp;12-&amp;P--</oddFooter>
    <evenFooter>&amp;C－39－</evenFoot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6" ht="21" customHeight="1" thickBot="1">
      <c r="A1" s="1068" t="s">
        <v>676</v>
      </c>
      <c r="C1" s="358"/>
      <c r="D1" s="358"/>
      <c r="E1" s="358"/>
      <c r="F1" s="358"/>
      <c r="G1" s="358"/>
      <c r="T1" s="358" t="s">
        <v>676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77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78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79</v>
      </c>
      <c r="F5" s="814"/>
      <c r="G5" s="813"/>
      <c r="H5" s="815" t="s">
        <v>680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1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3733084</v>
      </c>
      <c r="C8" s="884" t="s">
        <v>238</v>
      </c>
      <c r="D8" s="1237"/>
      <c r="E8" s="1140">
        <v>1988</v>
      </c>
      <c r="F8" s="1141">
        <v>-1267</v>
      </c>
      <c r="G8" s="1143">
        <v>3255</v>
      </c>
      <c r="H8" s="1140">
        <v>-4073</v>
      </c>
      <c r="I8" s="1141">
        <v>-3093</v>
      </c>
      <c r="J8" s="1142">
        <v>-980</v>
      </c>
      <c r="K8" s="1140">
        <v>28611</v>
      </c>
      <c r="L8" s="1141">
        <v>14609</v>
      </c>
      <c r="M8" s="1142">
        <v>14002</v>
      </c>
      <c r="N8" s="1143"/>
      <c r="O8" s="1143">
        <v>32684</v>
      </c>
      <c r="P8" s="1141">
        <v>17702</v>
      </c>
      <c r="Q8" s="1143">
        <v>14982</v>
      </c>
      <c r="R8" s="1140">
        <v>6061</v>
      </c>
      <c r="S8" s="1141">
        <v>1826</v>
      </c>
      <c r="T8" s="1142">
        <v>4235</v>
      </c>
      <c r="U8" s="1143">
        <v>215726</v>
      </c>
      <c r="V8" s="1141">
        <v>114075</v>
      </c>
      <c r="W8" s="1143">
        <v>101651</v>
      </c>
      <c r="X8" s="1140">
        <v>209665</v>
      </c>
      <c r="Y8" s="1141">
        <v>112249</v>
      </c>
      <c r="Z8" s="1143">
        <v>97416</v>
      </c>
    </row>
    <row r="9" spans="1:26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299346</v>
      </c>
      <c r="C10" s="884" t="s">
        <v>668</v>
      </c>
      <c r="D10" s="892"/>
      <c r="E10" s="1203">
        <v>27249</v>
      </c>
      <c r="F10" s="1202">
        <v>13861</v>
      </c>
      <c r="G10" s="1201">
        <v>13388</v>
      </c>
      <c r="H10" s="1203">
        <v>28525</v>
      </c>
      <c r="I10" s="1202">
        <v>14565</v>
      </c>
      <c r="J10" s="1204">
        <v>13960</v>
      </c>
      <c r="K10" s="1203">
        <v>28611</v>
      </c>
      <c r="L10" s="1203">
        <v>14609</v>
      </c>
      <c r="M10" s="1202">
        <v>14002</v>
      </c>
      <c r="N10" s="1201"/>
      <c r="O10" s="1201">
        <v>86</v>
      </c>
      <c r="P10" s="1203">
        <v>44</v>
      </c>
      <c r="Q10" s="1203">
        <v>42</v>
      </c>
      <c r="R10" s="1203">
        <v>-1276</v>
      </c>
      <c r="S10" s="1202">
        <v>-704</v>
      </c>
      <c r="T10" s="1204">
        <v>-572</v>
      </c>
      <c r="U10" s="1201">
        <v>18021</v>
      </c>
      <c r="V10" s="1203">
        <v>9203</v>
      </c>
      <c r="W10" s="1203">
        <v>8818</v>
      </c>
      <c r="X10" s="1203">
        <v>19297</v>
      </c>
      <c r="Y10" s="1203">
        <v>9907</v>
      </c>
      <c r="Z10" s="1203">
        <v>9390</v>
      </c>
    </row>
    <row r="11" spans="1:26" ht="21" customHeight="1">
      <c r="A11" s="869" t="s">
        <v>309</v>
      </c>
      <c r="B11" s="1201">
        <v>330722</v>
      </c>
      <c r="C11" s="1085" t="s">
        <v>312</v>
      </c>
      <c r="D11" s="892" t="s">
        <v>309</v>
      </c>
      <c r="E11" s="1203">
        <v>2636</v>
      </c>
      <c r="F11" s="1202">
        <v>1429</v>
      </c>
      <c r="G11" s="1201">
        <v>1207</v>
      </c>
      <c r="H11" s="1203">
        <v>-36</v>
      </c>
      <c r="I11" s="1202">
        <v>-23</v>
      </c>
      <c r="J11" s="1204">
        <v>-13</v>
      </c>
      <c r="K11" s="1205" t="s">
        <v>188</v>
      </c>
      <c r="L11" s="1206" t="s">
        <v>188</v>
      </c>
      <c r="M11" s="1246" t="s">
        <v>188</v>
      </c>
      <c r="N11" s="1207"/>
      <c r="O11" s="1201">
        <v>36</v>
      </c>
      <c r="P11" s="1203">
        <v>23</v>
      </c>
      <c r="Q11" s="1203">
        <v>13</v>
      </c>
      <c r="R11" s="1203">
        <v>2672</v>
      </c>
      <c r="S11" s="1202">
        <v>1452</v>
      </c>
      <c r="T11" s="1204">
        <v>1220</v>
      </c>
      <c r="U11" s="1201">
        <v>11532</v>
      </c>
      <c r="V11" s="1203">
        <v>5997</v>
      </c>
      <c r="W11" s="1203">
        <v>5535</v>
      </c>
      <c r="X11" s="1203">
        <v>8860</v>
      </c>
      <c r="Y11" s="1203">
        <v>4545</v>
      </c>
      <c r="Z11" s="1203">
        <v>4315</v>
      </c>
    </row>
    <row r="12" spans="1:26" ht="21" customHeight="1">
      <c r="A12" s="869" t="s">
        <v>311</v>
      </c>
      <c r="B12" s="1201">
        <v>399287</v>
      </c>
      <c r="C12" s="1085" t="s">
        <v>313</v>
      </c>
      <c r="D12" s="892" t="s">
        <v>311</v>
      </c>
      <c r="E12" s="1203">
        <v>7298</v>
      </c>
      <c r="F12" s="1202">
        <v>3264</v>
      </c>
      <c r="G12" s="1201">
        <v>4034</v>
      </c>
      <c r="H12" s="1203">
        <v>-123</v>
      </c>
      <c r="I12" s="1202">
        <v>-78</v>
      </c>
      <c r="J12" s="1204">
        <v>-45</v>
      </c>
      <c r="K12" s="1205" t="s">
        <v>188</v>
      </c>
      <c r="L12" s="1206" t="s">
        <v>188</v>
      </c>
      <c r="M12" s="1246" t="s">
        <v>188</v>
      </c>
      <c r="N12" s="1207"/>
      <c r="O12" s="1201">
        <v>123</v>
      </c>
      <c r="P12" s="1203">
        <v>78</v>
      </c>
      <c r="Q12" s="1203">
        <v>45</v>
      </c>
      <c r="R12" s="1203">
        <v>7421</v>
      </c>
      <c r="S12" s="1202">
        <v>3342</v>
      </c>
      <c r="T12" s="1204">
        <v>4079</v>
      </c>
      <c r="U12" s="1201">
        <v>74812</v>
      </c>
      <c r="V12" s="1203">
        <v>38900</v>
      </c>
      <c r="W12" s="1203">
        <v>35912</v>
      </c>
      <c r="X12" s="1203">
        <v>67391</v>
      </c>
      <c r="Y12" s="1203">
        <v>35558</v>
      </c>
      <c r="Z12" s="1203">
        <v>31833</v>
      </c>
    </row>
    <row r="13" spans="1:26" ht="21" customHeight="1">
      <c r="A13" s="875">
        <v>30</v>
      </c>
      <c r="B13" s="1201">
        <v>461377</v>
      </c>
      <c r="C13" s="1085" t="s">
        <v>314</v>
      </c>
      <c r="D13" s="875">
        <v>29</v>
      </c>
      <c r="E13" s="1203">
        <v>-1135</v>
      </c>
      <c r="F13" s="1202">
        <v>-821</v>
      </c>
      <c r="G13" s="1201">
        <v>-314</v>
      </c>
      <c r="H13" s="1203">
        <v>-206</v>
      </c>
      <c r="I13" s="1202">
        <v>-129</v>
      </c>
      <c r="J13" s="1204">
        <v>-77</v>
      </c>
      <c r="K13" s="1205" t="s">
        <v>188</v>
      </c>
      <c r="L13" s="1206" t="s">
        <v>188</v>
      </c>
      <c r="M13" s="1246" t="s">
        <v>188</v>
      </c>
      <c r="N13" s="1207"/>
      <c r="O13" s="1201">
        <v>206</v>
      </c>
      <c r="P13" s="1203">
        <v>129</v>
      </c>
      <c r="Q13" s="1203">
        <v>77</v>
      </c>
      <c r="R13" s="1203">
        <v>-929</v>
      </c>
      <c r="S13" s="1202">
        <v>-692</v>
      </c>
      <c r="T13" s="1204">
        <v>-237</v>
      </c>
      <c r="U13" s="1201">
        <v>53519</v>
      </c>
      <c r="V13" s="1203">
        <v>28682</v>
      </c>
      <c r="W13" s="1203">
        <v>24837</v>
      </c>
      <c r="X13" s="1203">
        <v>54448</v>
      </c>
      <c r="Y13" s="1203">
        <v>29374</v>
      </c>
      <c r="Z13" s="1203">
        <v>25074</v>
      </c>
    </row>
    <row r="14" spans="1:26" ht="21" customHeight="1">
      <c r="A14" s="869" t="s">
        <v>172</v>
      </c>
      <c r="B14" s="1210">
        <v>619521</v>
      </c>
      <c r="C14" s="1088" t="s">
        <v>315</v>
      </c>
      <c r="D14" s="892" t="s">
        <v>172</v>
      </c>
      <c r="E14" s="1210">
        <v>-1040</v>
      </c>
      <c r="F14" s="1209">
        <v>-926</v>
      </c>
      <c r="G14" s="1208">
        <v>-114</v>
      </c>
      <c r="H14" s="1210">
        <v>-612</v>
      </c>
      <c r="I14" s="1209">
        <v>-376</v>
      </c>
      <c r="J14" s="1214">
        <v>-236</v>
      </c>
      <c r="K14" s="1211" t="s">
        <v>188</v>
      </c>
      <c r="L14" s="1212" t="s">
        <v>188</v>
      </c>
      <c r="M14" s="1245" t="s">
        <v>188</v>
      </c>
      <c r="N14" s="1213"/>
      <c r="O14" s="1208">
        <v>612</v>
      </c>
      <c r="P14" s="1210">
        <v>376</v>
      </c>
      <c r="Q14" s="1210">
        <v>236</v>
      </c>
      <c r="R14" s="1210">
        <v>-428</v>
      </c>
      <c r="S14" s="1209">
        <v>-550</v>
      </c>
      <c r="T14" s="1214">
        <v>122</v>
      </c>
      <c r="U14" s="1208">
        <v>26425</v>
      </c>
      <c r="V14" s="1210">
        <v>14962</v>
      </c>
      <c r="W14" s="1210">
        <v>11463</v>
      </c>
      <c r="X14" s="1210">
        <v>26853</v>
      </c>
      <c r="Y14" s="1210">
        <v>15512</v>
      </c>
      <c r="Z14" s="1210">
        <v>11341</v>
      </c>
    </row>
    <row r="15" spans="1:26" ht="21" customHeight="1">
      <c r="A15" s="876" t="s">
        <v>529</v>
      </c>
      <c r="B15" s="1201">
        <v>499648</v>
      </c>
      <c r="C15" s="1085" t="s">
        <v>317</v>
      </c>
      <c r="D15" s="892" t="s">
        <v>530</v>
      </c>
      <c r="E15" s="1203">
        <v>-2133</v>
      </c>
      <c r="F15" s="1202">
        <v>-1315</v>
      </c>
      <c r="G15" s="1201">
        <v>-818</v>
      </c>
      <c r="H15" s="1203">
        <v>-1293</v>
      </c>
      <c r="I15" s="1202">
        <v>-838</v>
      </c>
      <c r="J15" s="1204">
        <v>-455</v>
      </c>
      <c r="K15" s="1205" t="s">
        <v>188</v>
      </c>
      <c r="L15" s="1206" t="s">
        <v>188</v>
      </c>
      <c r="M15" s="1246" t="s">
        <v>188</v>
      </c>
      <c r="N15" s="1207"/>
      <c r="O15" s="1201">
        <v>1293</v>
      </c>
      <c r="P15" s="1203">
        <v>838</v>
      </c>
      <c r="Q15" s="1203">
        <v>455</v>
      </c>
      <c r="R15" s="1203">
        <v>-840</v>
      </c>
      <c r="S15" s="1202">
        <v>-477</v>
      </c>
      <c r="T15" s="1204">
        <v>-363</v>
      </c>
      <c r="U15" s="1201">
        <v>13741</v>
      </c>
      <c r="V15" s="1203">
        <v>8062</v>
      </c>
      <c r="W15" s="1203">
        <v>5679</v>
      </c>
      <c r="X15" s="1203">
        <v>14581</v>
      </c>
      <c r="Y15" s="1203">
        <v>8539</v>
      </c>
      <c r="Z15" s="1203">
        <v>6042</v>
      </c>
    </row>
    <row r="16" spans="1:26" ht="21" customHeight="1">
      <c r="A16" s="869" t="s">
        <v>316</v>
      </c>
      <c r="B16" s="1201">
        <v>445590</v>
      </c>
      <c r="C16" s="1085" t="s">
        <v>318</v>
      </c>
      <c r="D16" s="892"/>
      <c r="E16" s="1203">
        <v>-4034</v>
      </c>
      <c r="F16" s="1202">
        <v>-2725</v>
      </c>
      <c r="G16" s="1201">
        <v>-1309</v>
      </c>
      <c r="H16" s="1203">
        <v>-3211</v>
      </c>
      <c r="I16" s="1202">
        <v>-2259</v>
      </c>
      <c r="J16" s="1204">
        <v>-952</v>
      </c>
      <c r="K16" s="1205" t="s">
        <v>188</v>
      </c>
      <c r="L16" s="1206" t="s">
        <v>188</v>
      </c>
      <c r="M16" s="1246" t="s">
        <v>188</v>
      </c>
      <c r="N16" s="1207"/>
      <c r="O16" s="1201">
        <v>3211</v>
      </c>
      <c r="P16" s="1203">
        <v>2259</v>
      </c>
      <c r="Q16" s="1203">
        <v>952</v>
      </c>
      <c r="R16" s="1203">
        <v>-823</v>
      </c>
      <c r="S16" s="1202">
        <v>-466</v>
      </c>
      <c r="T16" s="1204">
        <v>-357</v>
      </c>
      <c r="U16" s="1201">
        <v>7736</v>
      </c>
      <c r="V16" s="1203">
        <v>4526</v>
      </c>
      <c r="W16" s="1203">
        <v>3210</v>
      </c>
      <c r="X16" s="1203">
        <v>8559</v>
      </c>
      <c r="Y16" s="1203">
        <v>4992</v>
      </c>
      <c r="Z16" s="1203">
        <v>3567</v>
      </c>
    </row>
    <row r="17" spans="1:26" ht="21" customHeight="1">
      <c r="A17" s="876" t="s">
        <v>531</v>
      </c>
      <c r="B17" s="1201">
        <v>391555</v>
      </c>
      <c r="C17" s="1085" t="s">
        <v>320</v>
      </c>
      <c r="D17" s="892"/>
      <c r="E17" s="1203">
        <v>-6857</v>
      </c>
      <c r="F17" s="1202">
        <v>-4675</v>
      </c>
      <c r="G17" s="1207">
        <v>-2182</v>
      </c>
      <c r="H17" s="1203">
        <v>-6899</v>
      </c>
      <c r="I17" s="1202">
        <v>-4604</v>
      </c>
      <c r="J17" s="1204">
        <v>-2295</v>
      </c>
      <c r="K17" s="1205" t="s">
        <v>188</v>
      </c>
      <c r="L17" s="1206" t="s">
        <v>188</v>
      </c>
      <c r="M17" s="1246" t="s">
        <v>188</v>
      </c>
      <c r="N17" s="1207"/>
      <c r="O17" s="1201">
        <v>6899</v>
      </c>
      <c r="P17" s="1203">
        <v>4604</v>
      </c>
      <c r="Q17" s="1203">
        <v>2295</v>
      </c>
      <c r="R17" s="1203">
        <v>42</v>
      </c>
      <c r="S17" s="1202">
        <v>-71</v>
      </c>
      <c r="T17" s="1204">
        <v>113</v>
      </c>
      <c r="U17" s="1201">
        <v>4973</v>
      </c>
      <c r="V17" s="1203">
        <v>2328</v>
      </c>
      <c r="W17" s="1203">
        <v>2645</v>
      </c>
      <c r="X17" s="1203">
        <v>4931</v>
      </c>
      <c r="Y17" s="1203">
        <v>2399</v>
      </c>
      <c r="Z17" s="1203">
        <v>2532</v>
      </c>
    </row>
    <row r="18" spans="1:26" ht="21" customHeight="1">
      <c r="A18" s="869" t="s">
        <v>319</v>
      </c>
      <c r="B18" s="1201">
        <v>217872</v>
      </c>
      <c r="C18" s="1085" t="s">
        <v>322</v>
      </c>
      <c r="D18" s="892"/>
      <c r="E18" s="1203">
        <v>-11776</v>
      </c>
      <c r="F18" s="1202">
        <v>-6566</v>
      </c>
      <c r="G18" s="1201">
        <v>-5210</v>
      </c>
      <c r="H18" s="1203">
        <v>-11903</v>
      </c>
      <c r="I18" s="1202">
        <v>-6551</v>
      </c>
      <c r="J18" s="1204">
        <v>-5352</v>
      </c>
      <c r="K18" s="1205" t="s">
        <v>188</v>
      </c>
      <c r="L18" s="1206" t="s">
        <v>188</v>
      </c>
      <c r="M18" s="1246" t="s">
        <v>188</v>
      </c>
      <c r="N18" s="1207"/>
      <c r="O18" s="1201">
        <v>11903</v>
      </c>
      <c r="P18" s="1203">
        <v>6551</v>
      </c>
      <c r="Q18" s="1203">
        <v>5352</v>
      </c>
      <c r="R18" s="1203">
        <v>127</v>
      </c>
      <c r="S18" s="1202">
        <v>-15</v>
      </c>
      <c r="T18" s="1204">
        <v>142</v>
      </c>
      <c r="U18" s="1201">
        <v>3845</v>
      </c>
      <c r="V18" s="1203">
        <v>1161</v>
      </c>
      <c r="W18" s="1203">
        <v>2684</v>
      </c>
      <c r="X18" s="1203">
        <v>3718</v>
      </c>
      <c r="Y18" s="1203">
        <v>1176</v>
      </c>
      <c r="Z18" s="1203">
        <v>2542</v>
      </c>
    </row>
    <row r="19" spans="1:26" ht="21" customHeight="1">
      <c r="A19" s="869" t="s">
        <v>321</v>
      </c>
      <c r="B19" s="1210">
        <v>44136</v>
      </c>
      <c r="C19" s="1088" t="s">
        <v>324</v>
      </c>
      <c r="D19" s="1098"/>
      <c r="E19" s="1210">
        <v>-7488</v>
      </c>
      <c r="F19" s="1209">
        <v>-2671</v>
      </c>
      <c r="G19" s="1208">
        <v>-4817</v>
      </c>
      <c r="H19" s="1210">
        <v>-7585</v>
      </c>
      <c r="I19" s="1209">
        <v>-2679</v>
      </c>
      <c r="J19" s="1214">
        <v>-4906</v>
      </c>
      <c r="K19" s="1211" t="s">
        <v>188</v>
      </c>
      <c r="L19" s="1212" t="s">
        <v>188</v>
      </c>
      <c r="M19" s="1245" t="s">
        <v>188</v>
      </c>
      <c r="N19" s="1213"/>
      <c r="O19" s="1208">
        <v>7585</v>
      </c>
      <c r="P19" s="1210">
        <v>2679</v>
      </c>
      <c r="Q19" s="1210">
        <v>4906</v>
      </c>
      <c r="R19" s="1210">
        <v>97</v>
      </c>
      <c r="S19" s="1209">
        <v>8</v>
      </c>
      <c r="T19" s="1214">
        <v>89</v>
      </c>
      <c r="U19" s="1208">
        <v>1086</v>
      </c>
      <c r="V19" s="1210">
        <v>251</v>
      </c>
      <c r="W19" s="1210">
        <v>835</v>
      </c>
      <c r="X19" s="1210">
        <v>989</v>
      </c>
      <c r="Y19" s="1210">
        <v>243</v>
      </c>
      <c r="Z19" s="1210">
        <v>746</v>
      </c>
    </row>
    <row r="20" spans="1:26" ht="21" customHeight="1">
      <c r="A20" s="869" t="s">
        <v>323</v>
      </c>
      <c r="B20" s="1210">
        <v>1502</v>
      </c>
      <c r="C20" s="1088" t="s">
        <v>534</v>
      </c>
      <c r="D20" s="1098"/>
      <c r="E20" s="1209">
        <v>-732</v>
      </c>
      <c r="F20" s="1209">
        <v>-122</v>
      </c>
      <c r="G20" s="1210">
        <v>-610</v>
      </c>
      <c r="H20" s="1210">
        <v>-730</v>
      </c>
      <c r="I20" s="1209">
        <v>-121</v>
      </c>
      <c r="J20" s="1214">
        <v>-609</v>
      </c>
      <c r="K20" s="1211" t="s">
        <v>188</v>
      </c>
      <c r="L20" s="1212" t="s">
        <v>188</v>
      </c>
      <c r="M20" s="1212" t="s">
        <v>188</v>
      </c>
      <c r="N20" s="1213"/>
      <c r="O20" s="1208">
        <v>730</v>
      </c>
      <c r="P20" s="1210">
        <v>121</v>
      </c>
      <c r="Q20" s="1210">
        <v>609</v>
      </c>
      <c r="R20" s="1210">
        <v>-2</v>
      </c>
      <c r="S20" s="1209">
        <v>-1</v>
      </c>
      <c r="T20" s="1209">
        <v>-1</v>
      </c>
      <c r="U20" s="1208">
        <v>36</v>
      </c>
      <c r="V20" s="1210">
        <v>3</v>
      </c>
      <c r="W20" s="1210">
        <v>33</v>
      </c>
      <c r="X20" s="1210">
        <v>38</v>
      </c>
      <c r="Y20" s="1210">
        <v>4</v>
      </c>
      <c r="Z20" s="1210">
        <v>34</v>
      </c>
    </row>
    <row r="21" spans="1:26" ht="21" customHeight="1" thickBot="1">
      <c r="A21" s="877"/>
      <c r="B21" s="1236">
        <v>22528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3731096</v>
      </c>
      <c r="C22" s="884" t="s">
        <v>238</v>
      </c>
      <c r="D22" s="1239"/>
      <c r="E22" s="1238">
        <v>6401</v>
      </c>
      <c r="F22" s="1238">
        <v>1559</v>
      </c>
      <c r="G22" s="1238">
        <v>4842</v>
      </c>
      <c r="H22" s="1238">
        <v>-2084</v>
      </c>
      <c r="I22" s="1238">
        <v>-1880</v>
      </c>
      <c r="J22" s="1238">
        <v>-204</v>
      </c>
      <c r="K22" s="1238">
        <v>29749</v>
      </c>
      <c r="L22" s="1238">
        <v>15171</v>
      </c>
      <c r="M22" s="1255">
        <v>14578</v>
      </c>
      <c r="N22" s="1256"/>
      <c r="O22" s="1251">
        <v>31833</v>
      </c>
      <c r="P22" s="1255">
        <v>17051</v>
      </c>
      <c r="Q22" s="1256">
        <v>14782</v>
      </c>
      <c r="R22" s="1238">
        <v>8485</v>
      </c>
      <c r="S22" s="1255">
        <v>3439</v>
      </c>
      <c r="T22" s="1257">
        <v>5046</v>
      </c>
      <c r="U22" s="1256">
        <v>215594</v>
      </c>
      <c r="V22" s="1255">
        <v>114938</v>
      </c>
      <c r="W22" s="1256">
        <v>100656</v>
      </c>
      <c r="X22" s="1238">
        <v>207109</v>
      </c>
      <c r="Y22" s="1255">
        <v>111499</v>
      </c>
      <c r="Z22" s="1256">
        <v>95610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754"/>
      <c r="G23" s="754"/>
      <c r="H23" s="754"/>
      <c r="I23" s="754"/>
      <c r="J23" s="754"/>
      <c r="K23" s="754"/>
      <c r="L23" s="754"/>
      <c r="M23" s="878"/>
      <c r="N23" s="879"/>
      <c r="O23" s="880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303264</v>
      </c>
      <c r="C24" s="884" t="s">
        <v>668</v>
      </c>
      <c r="D24" s="892"/>
      <c r="E24" s="1205">
        <v>28869</v>
      </c>
      <c r="F24" s="1205">
        <v>14878</v>
      </c>
      <c r="G24" s="1205">
        <v>13991</v>
      </c>
      <c r="H24" s="1205">
        <v>29655</v>
      </c>
      <c r="I24" s="1205">
        <v>15114</v>
      </c>
      <c r="J24" s="1205">
        <v>14541</v>
      </c>
      <c r="K24" s="1205">
        <v>29749</v>
      </c>
      <c r="L24" s="1205">
        <v>15171</v>
      </c>
      <c r="M24" s="1206">
        <v>14578</v>
      </c>
      <c r="N24" s="1207"/>
      <c r="O24" s="1246">
        <v>94</v>
      </c>
      <c r="P24" s="1205">
        <v>57</v>
      </c>
      <c r="Q24" s="1205">
        <v>37</v>
      </c>
      <c r="R24" s="1205">
        <v>-786</v>
      </c>
      <c r="S24" s="1206">
        <v>-236</v>
      </c>
      <c r="T24" s="1246">
        <v>-550</v>
      </c>
      <c r="U24" s="1207">
        <v>19005</v>
      </c>
      <c r="V24" s="1205">
        <v>9790</v>
      </c>
      <c r="W24" s="1205">
        <v>9215</v>
      </c>
      <c r="X24" s="1205">
        <v>19791</v>
      </c>
      <c r="Y24" s="1205">
        <v>10026</v>
      </c>
      <c r="Z24" s="1205">
        <v>9765</v>
      </c>
    </row>
    <row r="25" spans="1:26" ht="21" customHeight="1">
      <c r="A25" s="869" t="s">
        <v>309</v>
      </c>
      <c r="B25" s="1258">
        <v>333988</v>
      </c>
      <c r="C25" s="1085" t="s">
        <v>312</v>
      </c>
      <c r="D25" s="892" t="s">
        <v>309</v>
      </c>
      <c r="E25" s="1205">
        <v>2769</v>
      </c>
      <c r="F25" s="1205">
        <v>1556</v>
      </c>
      <c r="G25" s="1205">
        <v>1213</v>
      </c>
      <c r="H25" s="1205">
        <v>-61</v>
      </c>
      <c r="I25" s="1205">
        <v>-34</v>
      </c>
      <c r="J25" s="1205">
        <v>-27</v>
      </c>
      <c r="K25" s="1205" t="s">
        <v>188</v>
      </c>
      <c r="L25" s="1205" t="s">
        <v>188</v>
      </c>
      <c r="M25" s="1206" t="s">
        <v>188</v>
      </c>
      <c r="N25" s="1207"/>
      <c r="O25" s="1246">
        <v>61</v>
      </c>
      <c r="P25" s="1205">
        <v>34</v>
      </c>
      <c r="Q25" s="1205">
        <v>27</v>
      </c>
      <c r="R25" s="1205">
        <v>2830</v>
      </c>
      <c r="S25" s="1206">
        <v>1590</v>
      </c>
      <c r="T25" s="1246">
        <v>1240</v>
      </c>
      <c r="U25" s="1207">
        <v>11752</v>
      </c>
      <c r="V25" s="1205">
        <v>6263</v>
      </c>
      <c r="W25" s="1205">
        <v>5489</v>
      </c>
      <c r="X25" s="1205">
        <v>8922</v>
      </c>
      <c r="Y25" s="1205">
        <v>4673</v>
      </c>
      <c r="Z25" s="1205">
        <v>4249</v>
      </c>
    </row>
    <row r="26" spans="1:26" ht="21" customHeight="1">
      <c r="A26" s="869" t="s">
        <v>311</v>
      </c>
      <c r="B26" s="1258">
        <v>395959</v>
      </c>
      <c r="C26" s="1085" t="s">
        <v>313</v>
      </c>
      <c r="D26" s="892" t="s">
        <v>311</v>
      </c>
      <c r="E26" s="1205">
        <v>7986</v>
      </c>
      <c r="F26" s="1205">
        <v>3701</v>
      </c>
      <c r="G26" s="1205">
        <v>4285</v>
      </c>
      <c r="H26" s="1205">
        <v>-135</v>
      </c>
      <c r="I26" s="1205">
        <v>-86</v>
      </c>
      <c r="J26" s="1205">
        <v>-49</v>
      </c>
      <c r="K26" s="1205" t="s">
        <v>188</v>
      </c>
      <c r="L26" s="1205" t="s">
        <v>188</v>
      </c>
      <c r="M26" s="1206" t="s">
        <v>188</v>
      </c>
      <c r="N26" s="1207"/>
      <c r="O26" s="1246">
        <v>135</v>
      </c>
      <c r="P26" s="1205">
        <v>86</v>
      </c>
      <c r="Q26" s="1205">
        <v>49</v>
      </c>
      <c r="R26" s="1205">
        <v>8121</v>
      </c>
      <c r="S26" s="1206">
        <v>3787</v>
      </c>
      <c r="T26" s="1246">
        <v>4334</v>
      </c>
      <c r="U26" s="1207">
        <v>72620</v>
      </c>
      <c r="V26" s="1205">
        <v>38215</v>
      </c>
      <c r="W26" s="1205">
        <v>34405</v>
      </c>
      <c r="X26" s="1205">
        <v>64499</v>
      </c>
      <c r="Y26" s="1205">
        <v>34428</v>
      </c>
      <c r="Z26" s="1205">
        <v>30071</v>
      </c>
    </row>
    <row r="27" spans="1:26" ht="21" customHeight="1">
      <c r="A27" s="875">
        <v>29</v>
      </c>
      <c r="B27" s="1258">
        <v>475525</v>
      </c>
      <c r="C27" s="1085" t="s">
        <v>314</v>
      </c>
      <c r="D27" s="875">
        <v>28</v>
      </c>
      <c r="E27" s="1205">
        <v>-475</v>
      </c>
      <c r="F27" s="1205">
        <v>-483</v>
      </c>
      <c r="G27" s="1205">
        <v>8</v>
      </c>
      <c r="H27" s="1205">
        <v>-218</v>
      </c>
      <c r="I27" s="1205">
        <v>-129</v>
      </c>
      <c r="J27" s="1205">
        <v>-89</v>
      </c>
      <c r="K27" s="1205" t="s">
        <v>188</v>
      </c>
      <c r="L27" s="1205" t="s">
        <v>188</v>
      </c>
      <c r="M27" s="1206" t="s">
        <v>188</v>
      </c>
      <c r="N27" s="1207"/>
      <c r="O27" s="1246">
        <v>218</v>
      </c>
      <c r="P27" s="1205">
        <v>129</v>
      </c>
      <c r="Q27" s="1205">
        <v>89</v>
      </c>
      <c r="R27" s="1205">
        <v>-257</v>
      </c>
      <c r="S27" s="1206">
        <v>-354</v>
      </c>
      <c r="T27" s="1246">
        <v>97</v>
      </c>
      <c r="U27" s="1207">
        <v>54555</v>
      </c>
      <c r="V27" s="1205">
        <v>29239</v>
      </c>
      <c r="W27" s="1205">
        <v>25316</v>
      </c>
      <c r="X27" s="1205">
        <v>54812</v>
      </c>
      <c r="Y27" s="1205">
        <v>29593</v>
      </c>
      <c r="Z27" s="1205">
        <v>25219</v>
      </c>
    </row>
    <row r="28" spans="1:26" ht="21" customHeight="1">
      <c r="A28" s="869" t="s">
        <v>172</v>
      </c>
      <c r="B28" s="1259">
        <v>631562</v>
      </c>
      <c r="C28" s="1088" t="s">
        <v>315</v>
      </c>
      <c r="D28" s="892" t="s">
        <v>172</v>
      </c>
      <c r="E28" s="1212">
        <v>-1191</v>
      </c>
      <c r="F28" s="1212">
        <v>-957</v>
      </c>
      <c r="G28" s="1212">
        <v>-234</v>
      </c>
      <c r="H28" s="1212">
        <v>-690</v>
      </c>
      <c r="I28" s="1212">
        <v>-422</v>
      </c>
      <c r="J28" s="1212">
        <v>-268</v>
      </c>
      <c r="K28" s="1212" t="s">
        <v>188</v>
      </c>
      <c r="L28" s="1212" t="s">
        <v>188</v>
      </c>
      <c r="M28" s="1212" t="s">
        <v>188</v>
      </c>
      <c r="N28" s="1213"/>
      <c r="O28" s="1245">
        <v>690</v>
      </c>
      <c r="P28" s="1211">
        <v>422</v>
      </c>
      <c r="Q28" s="1211">
        <v>268</v>
      </c>
      <c r="R28" s="1211">
        <v>-501</v>
      </c>
      <c r="S28" s="1212">
        <v>-535</v>
      </c>
      <c r="T28" s="1245">
        <v>34</v>
      </c>
      <c r="U28" s="1213">
        <v>27092</v>
      </c>
      <c r="V28" s="1211">
        <v>15446</v>
      </c>
      <c r="W28" s="1211">
        <v>11646</v>
      </c>
      <c r="X28" s="1211">
        <v>27593</v>
      </c>
      <c r="Y28" s="1211">
        <v>15981</v>
      </c>
      <c r="Z28" s="1211">
        <v>11612</v>
      </c>
    </row>
    <row r="29" spans="1:26" ht="21" customHeight="1">
      <c r="A29" s="876" t="s">
        <v>531</v>
      </c>
      <c r="B29" s="1258">
        <v>475579</v>
      </c>
      <c r="C29" s="1085" t="s">
        <v>317</v>
      </c>
      <c r="D29" s="892" t="s">
        <v>530</v>
      </c>
      <c r="E29" s="1205">
        <v>-1614</v>
      </c>
      <c r="F29" s="1205">
        <v>-1012</v>
      </c>
      <c r="G29" s="1205">
        <v>-602</v>
      </c>
      <c r="H29" s="1205">
        <v>-1345</v>
      </c>
      <c r="I29" s="1205">
        <v>-864</v>
      </c>
      <c r="J29" s="1205">
        <v>-481</v>
      </c>
      <c r="K29" s="1205" t="s">
        <v>188</v>
      </c>
      <c r="L29" s="1205" t="s">
        <v>188</v>
      </c>
      <c r="M29" s="1206" t="s">
        <v>188</v>
      </c>
      <c r="N29" s="1207"/>
      <c r="O29" s="1246">
        <v>1345</v>
      </c>
      <c r="P29" s="1205">
        <v>864</v>
      </c>
      <c r="Q29" s="1205">
        <v>481</v>
      </c>
      <c r="R29" s="1205">
        <v>-269</v>
      </c>
      <c r="S29" s="1206">
        <v>-148</v>
      </c>
      <c r="T29" s="1246">
        <v>-121</v>
      </c>
      <c r="U29" s="1207">
        <v>13154</v>
      </c>
      <c r="V29" s="1205">
        <v>7835</v>
      </c>
      <c r="W29" s="1205">
        <v>5319</v>
      </c>
      <c r="X29" s="1205">
        <v>13423</v>
      </c>
      <c r="Y29" s="1205">
        <v>7983</v>
      </c>
      <c r="Z29" s="1205">
        <v>5440</v>
      </c>
    </row>
    <row r="30" spans="1:26" ht="21" customHeight="1">
      <c r="A30" s="869" t="s">
        <v>316</v>
      </c>
      <c r="B30" s="1258">
        <v>466048</v>
      </c>
      <c r="C30" s="1085" t="s">
        <v>318</v>
      </c>
      <c r="D30" s="892"/>
      <c r="E30" s="1205">
        <v>-4413</v>
      </c>
      <c r="F30" s="1205">
        <v>-2947</v>
      </c>
      <c r="G30" s="1205">
        <v>-1466</v>
      </c>
      <c r="H30" s="1205">
        <v>-3412</v>
      </c>
      <c r="I30" s="1205">
        <v>-2359</v>
      </c>
      <c r="J30" s="1205">
        <v>-1053</v>
      </c>
      <c r="K30" s="1205" t="s">
        <v>188</v>
      </c>
      <c r="L30" s="1205" t="s">
        <v>188</v>
      </c>
      <c r="M30" s="1206" t="s">
        <v>188</v>
      </c>
      <c r="N30" s="1207"/>
      <c r="O30" s="1246">
        <v>3412</v>
      </c>
      <c r="P30" s="1205">
        <v>2359</v>
      </c>
      <c r="Q30" s="1205">
        <v>1053</v>
      </c>
      <c r="R30" s="1205">
        <v>-1001</v>
      </c>
      <c r="S30" s="1206">
        <v>-588</v>
      </c>
      <c r="T30" s="1246">
        <v>-413</v>
      </c>
      <c r="U30" s="1207">
        <v>7929</v>
      </c>
      <c r="V30" s="1205">
        <v>4617</v>
      </c>
      <c r="W30" s="1205">
        <v>3312</v>
      </c>
      <c r="X30" s="1205">
        <v>8930</v>
      </c>
      <c r="Y30" s="1205">
        <v>5205</v>
      </c>
      <c r="Z30" s="1205">
        <v>3725</v>
      </c>
    </row>
    <row r="31" spans="1:26" ht="21" customHeight="1">
      <c r="A31" s="876" t="s">
        <v>531</v>
      </c>
      <c r="B31" s="1258">
        <v>376118</v>
      </c>
      <c r="C31" s="1085" t="s">
        <v>320</v>
      </c>
      <c r="D31" s="892"/>
      <c r="E31" s="1205">
        <v>-6753</v>
      </c>
      <c r="F31" s="1205">
        <v>-4534</v>
      </c>
      <c r="G31" s="1205">
        <v>-2219</v>
      </c>
      <c r="H31" s="1205">
        <v>-6721</v>
      </c>
      <c r="I31" s="1205">
        <v>-4409</v>
      </c>
      <c r="J31" s="1205">
        <v>-2312</v>
      </c>
      <c r="K31" s="1205" t="s">
        <v>188</v>
      </c>
      <c r="L31" s="1205" t="s">
        <v>188</v>
      </c>
      <c r="M31" s="1206" t="s">
        <v>188</v>
      </c>
      <c r="N31" s="1207"/>
      <c r="O31" s="1246">
        <v>6721</v>
      </c>
      <c r="P31" s="1205">
        <v>4409</v>
      </c>
      <c r="Q31" s="1205">
        <v>2312</v>
      </c>
      <c r="R31" s="1205">
        <v>-32</v>
      </c>
      <c r="S31" s="1206">
        <v>-125</v>
      </c>
      <c r="T31" s="1246">
        <v>93</v>
      </c>
      <c r="U31" s="1207">
        <v>4744</v>
      </c>
      <c r="V31" s="1205">
        <v>2163</v>
      </c>
      <c r="W31" s="1205">
        <v>2581</v>
      </c>
      <c r="X31" s="1205">
        <v>4776</v>
      </c>
      <c r="Y31" s="1205">
        <v>2288</v>
      </c>
      <c r="Z31" s="1205">
        <v>2488</v>
      </c>
    </row>
    <row r="32" spans="1:26" ht="21" customHeight="1">
      <c r="A32" s="869" t="s">
        <v>319</v>
      </c>
      <c r="B32" s="1258">
        <v>207898</v>
      </c>
      <c r="C32" s="1085" t="s">
        <v>322</v>
      </c>
      <c r="D32" s="892"/>
      <c r="E32" s="1205">
        <v>-11136</v>
      </c>
      <c r="F32" s="1205">
        <v>-6140</v>
      </c>
      <c r="G32" s="1205">
        <v>-4996</v>
      </c>
      <c r="H32" s="1205">
        <v>-11432</v>
      </c>
      <c r="I32" s="1205">
        <v>-6194</v>
      </c>
      <c r="J32" s="1205">
        <v>-5238</v>
      </c>
      <c r="K32" s="1205" t="s">
        <v>188</v>
      </c>
      <c r="L32" s="1205" t="s">
        <v>188</v>
      </c>
      <c r="M32" s="1206" t="s">
        <v>188</v>
      </c>
      <c r="N32" s="1207"/>
      <c r="O32" s="1246">
        <v>11432</v>
      </c>
      <c r="P32" s="1205">
        <v>6194</v>
      </c>
      <c r="Q32" s="1205">
        <v>5238</v>
      </c>
      <c r="R32" s="1205">
        <v>296</v>
      </c>
      <c r="S32" s="1206">
        <v>54</v>
      </c>
      <c r="T32" s="1246">
        <v>242</v>
      </c>
      <c r="U32" s="1207">
        <v>3683</v>
      </c>
      <c r="V32" s="1205">
        <v>1133</v>
      </c>
      <c r="W32" s="1205">
        <v>2550</v>
      </c>
      <c r="X32" s="1205">
        <v>3387</v>
      </c>
      <c r="Y32" s="1205">
        <v>1079</v>
      </c>
      <c r="Z32" s="1205">
        <v>2308</v>
      </c>
    </row>
    <row r="33" spans="1:26" ht="21" customHeight="1">
      <c r="A33" s="869" t="s">
        <v>321</v>
      </c>
      <c r="B33" s="1259">
        <v>41170</v>
      </c>
      <c r="C33" s="1088" t="s">
        <v>324</v>
      </c>
      <c r="D33" s="1098"/>
      <c r="E33" s="1212">
        <v>-6944</v>
      </c>
      <c r="F33" s="1212">
        <v>-2364</v>
      </c>
      <c r="G33" s="1212">
        <v>-4580</v>
      </c>
      <c r="H33" s="1212">
        <v>-7025</v>
      </c>
      <c r="I33" s="1212">
        <v>-2362</v>
      </c>
      <c r="J33" s="1212">
        <v>-4663</v>
      </c>
      <c r="K33" s="1212" t="s">
        <v>188</v>
      </c>
      <c r="L33" s="1212" t="s">
        <v>188</v>
      </c>
      <c r="M33" s="1212" t="s">
        <v>188</v>
      </c>
      <c r="N33" s="1213"/>
      <c r="O33" s="1245">
        <v>7025</v>
      </c>
      <c r="P33" s="1211">
        <v>2362</v>
      </c>
      <c r="Q33" s="1211">
        <v>4663</v>
      </c>
      <c r="R33" s="1211">
        <v>81</v>
      </c>
      <c r="S33" s="1212">
        <v>-2</v>
      </c>
      <c r="T33" s="1245">
        <v>83</v>
      </c>
      <c r="U33" s="1213">
        <v>1037</v>
      </c>
      <c r="V33" s="1211">
        <v>234</v>
      </c>
      <c r="W33" s="1211">
        <v>803</v>
      </c>
      <c r="X33" s="1211">
        <v>956</v>
      </c>
      <c r="Y33" s="1211">
        <v>236</v>
      </c>
      <c r="Z33" s="1211">
        <v>720</v>
      </c>
    </row>
    <row r="34" spans="1:26" ht="21" customHeight="1">
      <c r="A34" s="869" t="s">
        <v>323</v>
      </c>
      <c r="B34" s="1259">
        <v>1457</v>
      </c>
      <c r="C34" s="1088" t="s">
        <v>534</v>
      </c>
      <c r="D34" s="1098"/>
      <c r="E34" s="1232">
        <v>-697</v>
      </c>
      <c r="F34" s="1232">
        <v>-139</v>
      </c>
      <c r="G34" s="1232">
        <v>-558</v>
      </c>
      <c r="H34" s="1232">
        <v>-700</v>
      </c>
      <c r="I34" s="1232">
        <v>-135</v>
      </c>
      <c r="J34" s="1232">
        <v>-565</v>
      </c>
      <c r="K34" s="1232" t="s">
        <v>188</v>
      </c>
      <c r="L34" s="1232" t="s">
        <v>188</v>
      </c>
      <c r="M34" s="1232" t="s">
        <v>188</v>
      </c>
      <c r="N34" s="1213"/>
      <c r="O34" s="1245">
        <v>700</v>
      </c>
      <c r="P34" s="1211">
        <v>135</v>
      </c>
      <c r="Q34" s="1211">
        <v>565</v>
      </c>
      <c r="R34" s="1211">
        <v>3</v>
      </c>
      <c r="S34" s="1212">
        <v>-4</v>
      </c>
      <c r="T34" s="1212">
        <v>7</v>
      </c>
      <c r="U34" s="1213">
        <v>23</v>
      </c>
      <c r="V34" s="1211">
        <v>3</v>
      </c>
      <c r="W34" s="1211">
        <v>20</v>
      </c>
      <c r="X34" s="1211">
        <v>20</v>
      </c>
      <c r="Y34" s="1211">
        <v>7</v>
      </c>
      <c r="Z34" s="1211">
        <v>13</v>
      </c>
    </row>
    <row r="35" spans="1:26" ht="21" customHeight="1" thickBot="1">
      <c r="A35" s="866"/>
      <c r="B35" s="1258">
        <v>22528</v>
      </c>
      <c r="C35" s="884" t="s">
        <v>154</v>
      </c>
      <c r="D35" s="1098"/>
      <c r="E35" s="1205" t="s">
        <v>188</v>
      </c>
      <c r="F35" s="1205" t="s">
        <v>188</v>
      </c>
      <c r="G35" s="1205" t="s">
        <v>188</v>
      </c>
      <c r="H35" s="1205" t="s">
        <v>188</v>
      </c>
      <c r="I35" s="1205" t="s">
        <v>188</v>
      </c>
      <c r="J35" s="1205" t="s">
        <v>188</v>
      </c>
      <c r="K35" s="1205" t="s">
        <v>188</v>
      </c>
      <c r="L35" s="1205" t="s">
        <v>188</v>
      </c>
      <c r="M35" s="1206" t="s">
        <v>188</v>
      </c>
      <c r="N35" s="1207"/>
      <c r="O35" s="1244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1988</v>
      </c>
      <c r="C36" s="1101" t="s">
        <v>238</v>
      </c>
      <c r="D36" s="1249"/>
      <c r="E36" s="1252">
        <v>-4413</v>
      </c>
      <c r="F36" s="1252">
        <v>-2826</v>
      </c>
      <c r="G36" s="1252">
        <v>-1587</v>
      </c>
      <c r="H36" s="1252">
        <v>-1989</v>
      </c>
      <c r="I36" s="1252">
        <v>-1213</v>
      </c>
      <c r="J36" s="1252">
        <v>-776</v>
      </c>
      <c r="K36" s="1252">
        <v>-1138</v>
      </c>
      <c r="L36" s="1252">
        <v>-562</v>
      </c>
      <c r="M36" s="1250">
        <v>-576</v>
      </c>
      <c r="N36" s="1248"/>
      <c r="O36" s="1251">
        <v>851</v>
      </c>
      <c r="P36" s="1250">
        <v>651</v>
      </c>
      <c r="Q36" s="1250">
        <v>200</v>
      </c>
      <c r="R36" s="1250">
        <v>-2424</v>
      </c>
      <c r="S36" s="1250">
        <v>-1613</v>
      </c>
      <c r="T36" s="1250">
        <v>-811</v>
      </c>
      <c r="U36" s="1250">
        <v>132</v>
      </c>
      <c r="V36" s="1250">
        <v>-863</v>
      </c>
      <c r="W36" s="1250">
        <v>995</v>
      </c>
      <c r="X36" s="1250">
        <v>2556</v>
      </c>
      <c r="Y36" s="1250">
        <v>750</v>
      </c>
      <c r="Z36" s="1248">
        <v>180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3918</v>
      </c>
      <c r="C38" s="884" t="s">
        <v>668</v>
      </c>
      <c r="D38" s="892" t="s">
        <v>671</v>
      </c>
      <c r="E38" s="1205">
        <v>-1620</v>
      </c>
      <c r="F38" s="1205">
        <v>-1017</v>
      </c>
      <c r="G38" s="1205">
        <v>-603</v>
      </c>
      <c r="H38" s="1205">
        <v>-1130</v>
      </c>
      <c r="I38" s="1205">
        <v>-549</v>
      </c>
      <c r="J38" s="1205">
        <v>-581</v>
      </c>
      <c r="K38" s="1205">
        <v>-1138</v>
      </c>
      <c r="L38" s="1205">
        <v>-562</v>
      </c>
      <c r="M38" s="1206">
        <v>-576</v>
      </c>
      <c r="N38" s="1207"/>
      <c r="O38" s="1246">
        <v>-8</v>
      </c>
      <c r="P38" s="1206">
        <v>-13</v>
      </c>
      <c r="Q38" s="1206">
        <v>5</v>
      </c>
      <c r="R38" s="1206">
        <v>-490</v>
      </c>
      <c r="S38" s="1206">
        <v>-468</v>
      </c>
      <c r="T38" s="1206">
        <v>-22</v>
      </c>
      <c r="U38" s="1206">
        <v>-984</v>
      </c>
      <c r="V38" s="1206">
        <v>-587</v>
      </c>
      <c r="W38" s="1206">
        <v>-397</v>
      </c>
      <c r="X38" s="1206">
        <v>-494</v>
      </c>
      <c r="Y38" s="1206">
        <v>-119</v>
      </c>
      <c r="Z38" s="1207">
        <v>-375</v>
      </c>
    </row>
    <row r="39" spans="1:26" ht="21" customHeight="1">
      <c r="A39" s="869" t="s">
        <v>669</v>
      </c>
      <c r="B39" s="1207">
        <v>-3266</v>
      </c>
      <c r="C39" s="1085" t="s">
        <v>312</v>
      </c>
      <c r="D39" s="892" t="s">
        <v>669</v>
      </c>
      <c r="E39" s="1205">
        <v>-133</v>
      </c>
      <c r="F39" s="1205">
        <v>-127</v>
      </c>
      <c r="G39" s="1205">
        <v>-6</v>
      </c>
      <c r="H39" s="1205">
        <v>25</v>
      </c>
      <c r="I39" s="1205">
        <v>11</v>
      </c>
      <c r="J39" s="1205">
        <v>14</v>
      </c>
      <c r="K39" s="1205" t="s">
        <v>188</v>
      </c>
      <c r="L39" s="1205" t="s">
        <v>188</v>
      </c>
      <c r="M39" s="1206" t="s">
        <v>188</v>
      </c>
      <c r="N39" s="1207"/>
      <c r="O39" s="1246">
        <v>-25</v>
      </c>
      <c r="P39" s="1206">
        <v>-11</v>
      </c>
      <c r="Q39" s="1206">
        <v>-14</v>
      </c>
      <c r="R39" s="1206">
        <v>-158</v>
      </c>
      <c r="S39" s="1206">
        <v>-138</v>
      </c>
      <c r="T39" s="1206">
        <v>-20</v>
      </c>
      <c r="U39" s="1206">
        <v>-220</v>
      </c>
      <c r="V39" s="1206">
        <v>-266</v>
      </c>
      <c r="W39" s="1206">
        <v>46</v>
      </c>
      <c r="X39" s="1206">
        <v>-62</v>
      </c>
      <c r="Y39" s="1206">
        <v>-128</v>
      </c>
      <c r="Z39" s="1207">
        <v>66</v>
      </c>
    </row>
    <row r="40" spans="1:26" ht="21" customHeight="1">
      <c r="A40" s="876"/>
      <c r="B40" s="1207">
        <v>3328</v>
      </c>
      <c r="C40" s="1085" t="s">
        <v>313</v>
      </c>
      <c r="D40" s="875"/>
      <c r="E40" s="1205">
        <v>-688</v>
      </c>
      <c r="F40" s="1205">
        <v>-437</v>
      </c>
      <c r="G40" s="1205">
        <v>-251</v>
      </c>
      <c r="H40" s="1205">
        <v>12</v>
      </c>
      <c r="I40" s="1205">
        <v>8</v>
      </c>
      <c r="J40" s="1205">
        <v>4</v>
      </c>
      <c r="K40" s="1205" t="s">
        <v>188</v>
      </c>
      <c r="L40" s="1205" t="s">
        <v>188</v>
      </c>
      <c r="M40" s="1206" t="s">
        <v>188</v>
      </c>
      <c r="N40" s="1207"/>
      <c r="O40" s="1246">
        <v>-12</v>
      </c>
      <c r="P40" s="1206">
        <v>-8</v>
      </c>
      <c r="Q40" s="1206">
        <v>-4</v>
      </c>
      <c r="R40" s="1206">
        <v>-700</v>
      </c>
      <c r="S40" s="1206">
        <v>-445</v>
      </c>
      <c r="T40" s="1206">
        <v>-255</v>
      </c>
      <c r="U40" s="1206">
        <v>2192</v>
      </c>
      <c r="V40" s="1206">
        <v>685</v>
      </c>
      <c r="W40" s="1206">
        <v>1507</v>
      </c>
      <c r="X40" s="1206">
        <v>2892</v>
      </c>
      <c r="Y40" s="1206">
        <v>1130</v>
      </c>
      <c r="Z40" s="1207">
        <v>1762</v>
      </c>
    </row>
    <row r="41" spans="1:26" ht="21" customHeight="1">
      <c r="A41" s="869" t="s">
        <v>309</v>
      </c>
      <c r="B41" s="1207">
        <v>-14148</v>
      </c>
      <c r="C41" s="1085" t="s">
        <v>314</v>
      </c>
      <c r="D41" s="892" t="s">
        <v>309</v>
      </c>
      <c r="E41" s="1205">
        <v>-660</v>
      </c>
      <c r="F41" s="1205">
        <v>-338</v>
      </c>
      <c r="G41" s="1205">
        <v>-322</v>
      </c>
      <c r="H41" s="1205">
        <v>12</v>
      </c>
      <c r="I41" s="1205">
        <v>0</v>
      </c>
      <c r="J41" s="1205">
        <v>12</v>
      </c>
      <c r="K41" s="1205" t="s">
        <v>188</v>
      </c>
      <c r="L41" s="1205" t="s">
        <v>188</v>
      </c>
      <c r="M41" s="1206" t="s">
        <v>188</v>
      </c>
      <c r="N41" s="1207"/>
      <c r="O41" s="1246">
        <v>-12</v>
      </c>
      <c r="P41" s="1206">
        <v>0</v>
      </c>
      <c r="Q41" s="1206">
        <v>-12</v>
      </c>
      <c r="R41" s="1206">
        <v>-672</v>
      </c>
      <c r="S41" s="1206">
        <v>-338</v>
      </c>
      <c r="T41" s="1206">
        <v>-334</v>
      </c>
      <c r="U41" s="1206">
        <v>-1036</v>
      </c>
      <c r="V41" s="1206">
        <v>-557</v>
      </c>
      <c r="W41" s="1206">
        <v>-479</v>
      </c>
      <c r="X41" s="1206">
        <v>-364</v>
      </c>
      <c r="Y41" s="1206">
        <v>-219</v>
      </c>
      <c r="Z41" s="1207">
        <v>-145</v>
      </c>
    </row>
    <row r="42" spans="1:26" ht="21" customHeight="1">
      <c r="A42" s="869" t="s">
        <v>311</v>
      </c>
      <c r="B42" s="1211">
        <v>-12041</v>
      </c>
      <c r="C42" s="1088" t="s">
        <v>315</v>
      </c>
      <c r="D42" s="892" t="s">
        <v>311</v>
      </c>
      <c r="E42" s="1211">
        <v>151</v>
      </c>
      <c r="F42" s="1211">
        <v>31</v>
      </c>
      <c r="G42" s="1211">
        <v>120</v>
      </c>
      <c r="H42" s="1211">
        <v>78</v>
      </c>
      <c r="I42" s="1211">
        <v>46</v>
      </c>
      <c r="J42" s="1212">
        <v>32</v>
      </c>
      <c r="K42" s="1205" t="s">
        <v>188</v>
      </c>
      <c r="L42" s="1205" t="s">
        <v>188</v>
      </c>
      <c r="M42" s="1206" t="s">
        <v>188</v>
      </c>
      <c r="N42" s="1207"/>
      <c r="O42" s="1245">
        <v>-78</v>
      </c>
      <c r="P42" s="1212">
        <v>-46</v>
      </c>
      <c r="Q42" s="1212">
        <v>-32</v>
      </c>
      <c r="R42" s="1212">
        <v>73</v>
      </c>
      <c r="S42" s="1212">
        <v>-15</v>
      </c>
      <c r="T42" s="1212">
        <v>88</v>
      </c>
      <c r="U42" s="1212">
        <v>-667</v>
      </c>
      <c r="V42" s="1212">
        <v>-484</v>
      </c>
      <c r="W42" s="1212">
        <v>-183</v>
      </c>
      <c r="X42" s="1212">
        <v>-740</v>
      </c>
      <c r="Y42" s="1212">
        <v>-469</v>
      </c>
      <c r="Z42" s="1213">
        <v>-271</v>
      </c>
    </row>
    <row r="43" spans="1:26" ht="21" customHeight="1">
      <c r="A43" s="876">
        <v>29</v>
      </c>
      <c r="B43" s="1207">
        <v>24069</v>
      </c>
      <c r="C43" s="1085" t="s">
        <v>317</v>
      </c>
      <c r="D43" s="1107">
        <v>28</v>
      </c>
      <c r="E43" s="1205">
        <v>-519</v>
      </c>
      <c r="F43" s="1205">
        <v>-303</v>
      </c>
      <c r="G43" s="1205">
        <v>-216</v>
      </c>
      <c r="H43" s="1205">
        <v>52</v>
      </c>
      <c r="I43" s="1205">
        <v>26</v>
      </c>
      <c r="J43" s="1205">
        <v>26</v>
      </c>
      <c r="K43" s="1253" t="s">
        <v>188</v>
      </c>
      <c r="L43" s="1253" t="s">
        <v>188</v>
      </c>
      <c r="M43" s="1247" t="s">
        <v>188</v>
      </c>
      <c r="N43" s="1207"/>
      <c r="O43" s="1246">
        <v>-52</v>
      </c>
      <c r="P43" s="1206">
        <v>-26</v>
      </c>
      <c r="Q43" s="1206">
        <v>-26</v>
      </c>
      <c r="R43" s="1206">
        <v>-571</v>
      </c>
      <c r="S43" s="1206">
        <v>-329</v>
      </c>
      <c r="T43" s="1206">
        <v>-242</v>
      </c>
      <c r="U43" s="1206">
        <v>587</v>
      </c>
      <c r="V43" s="1206">
        <v>227</v>
      </c>
      <c r="W43" s="1206">
        <v>360</v>
      </c>
      <c r="X43" s="1206">
        <v>1158</v>
      </c>
      <c r="Y43" s="1206">
        <v>556</v>
      </c>
      <c r="Z43" s="1207">
        <v>602</v>
      </c>
    </row>
    <row r="44" spans="1:26" ht="21" customHeight="1">
      <c r="A44" s="883" t="s">
        <v>672</v>
      </c>
      <c r="B44" s="1207">
        <v>-20458</v>
      </c>
      <c r="C44" s="1085" t="s">
        <v>318</v>
      </c>
      <c r="D44" s="1108" t="s">
        <v>672</v>
      </c>
      <c r="E44" s="1205">
        <v>379</v>
      </c>
      <c r="F44" s="1205">
        <v>222</v>
      </c>
      <c r="G44" s="1205">
        <v>157</v>
      </c>
      <c r="H44" s="1205">
        <v>201</v>
      </c>
      <c r="I44" s="1205">
        <v>100</v>
      </c>
      <c r="J44" s="1205">
        <v>101</v>
      </c>
      <c r="K44" s="1205" t="s">
        <v>188</v>
      </c>
      <c r="L44" s="1205" t="s">
        <v>188</v>
      </c>
      <c r="M44" s="1206" t="s">
        <v>188</v>
      </c>
      <c r="N44" s="1207"/>
      <c r="O44" s="1246">
        <v>-201</v>
      </c>
      <c r="P44" s="1206">
        <v>-100</v>
      </c>
      <c r="Q44" s="1206">
        <v>-101</v>
      </c>
      <c r="R44" s="1206">
        <v>178</v>
      </c>
      <c r="S44" s="1206">
        <v>122</v>
      </c>
      <c r="T44" s="1206">
        <v>56</v>
      </c>
      <c r="U44" s="1206">
        <v>-193</v>
      </c>
      <c r="V44" s="1206">
        <v>-91</v>
      </c>
      <c r="W44" s="1206">
        <v>-102</v>
      </c>
      <c r="X44" s="1206">
        <v>-371</v>
      </c>
      <c r="Y44" s="1206">
        <v>-213</v>
      </c>
      <c r="Z44" s="1207">
        <v>-158</v>
      </c>
    </row>
    <row r="45" spans="1:26" ht="21" customHeight="1">
      <c r="A45" s="876">
        <v>30</v>
      </c>
      <c r="B45" s="1207">
        <v>15437</v>
      </c>
      <c r="C45" s="1085" t="s">
        <v>320</v>
      </c>
      <c r="D45" s="1107">
        <v>29</v>
      </c>
      <c r="E45" s="1205">
        <v>-104</v>
      </c>
      <c r="F45" s="1205">
        <v>-141</v>
      </c>
      <c r="G45" s="1205">
        <v>37</v>
      </c>
      <c r="H45" s="1205">
        <v>-178</v>
      </c>
      <c r="I45" s="1205">
        <v>-195</v>
      </c>
      <c r="J45" s="1205">
        <v>17</v>
      </c>
      <c r="K45" s="1205" t="s">
        <v>188</v>
      </c>
      <c r="L45" s="1205" t="s">
        <v>188</v>
      </c>
      <c r="M45" s="1206" t="s">
        <v>188</v>
      </c>
      <c r="N45" s="1207"/>
      <c r="O45" s="1246">
        <v>178</v>
      </c>
      <c r="P45" s="1206">
        <v>195</v>
      </c>
      <c r="Q45" s="1206">
        <v>-17</v>
      </c>
      <c r="R45" s="1206">
        <v>74</v>
      </c>
      <c r="S45" s="1206">
        <v>54</v>
      </c>
      <c r="T45" s="1206">
        <v>20</v>
      </c>
      <c r="U45" s="1206">
        <v>229</v>
      </c>
      <c r="V45" s="1206">
        <v>165</v>
      </c>
      <c r="W45" s="1206">
        <v>64</v>
      </c>
      <c r="X45" s="1206">
        <v>155</v>
      </c>
      <c r="Y45" s="1206">
        <v>111</v>
      </c>
      <c r="Z45" s="1207">
        <v>44</v>
      </c>
    </row>
    <row r="46" spans="1:26" ht="21" customHeight="1">
      <c r="A46" s="869" t="s">
        <v>172</v>
      </c>
      <c r="B46" s="1207">
        <v>9974</v>
      </c>
      <c r="C46" s="1085" t="s">
        <v>322</v>
      </c>
      <c r="D46" s="1103" t="s">
        <v>172</v>
      </c>
      <c r="E46" s="1205">
        <v>-640</v>
      </c>
      <c r="F46" s="1205">
        <v>-426</v>
      </c>
      <c r="G46" s="1205">
        <v>-214</v>
      </c>
      <c r="H46" s="1205">
        <v>-471</v>
      </c>
      <c r="I46" s="1205">
        <v>-357</v>
      </c>
      <c r="J46" s="1205">
        <v>-114</v>
      </c>
      <c r="K46" s="1205" t="s">
        <v>188</v>
      </c>
      <c r="L46" s="1205" t="s">
        <v>188</v>
      </c>
      <c r="M46" s="1206" t="s">
        <v>188</v>
      </c>
      <c r="N46" s="1207"/>
      <c r="O46" s="1246">
        <v>471</v>
      </c>
      <c r="P46" s="1206">
        <v>357</v>
      </c>
      <c r="Q46" s="1206">
        <v>114</v>
      </c>
      <c r="R46" s="1206">
        <v>-169</v>
      </c>
      <c r="S46" s="1206">
        <v>-69</v>
      </c>
      <c r="T46" s="1206">
        <v>-100</v>
      </c>
      <c r="U46" s="1206">
        <v>162</v>
      </c>
      <c r="V46" s="1206">
        <v>28</v>
      </c>
      <c r="W46" s="1206">
        <v>134</v>
      </c>
      <c r="X46" s="1206">
        <v>331</v>
      </c>
      <c r="Y46" s="1206">
        <v>97</v>
      </c>
      <c r="Z46" s="1207">
        <v>234</v>
      </c>
    </row>
    <row r="47" spans="1:26" ht="21" customHeight="1">
      <c r="A47" s="869" t="s">
        <v>673</v>
      </c>
      <c r="B47" s="1211">
        <v>2966</v>
      </c>
      <c r="C47" s="1088" t="s">
        <v>324</v>
      </c>
      <c r="D47" s="1103" t="s">
        <v>530</v>
      </c>
      <c r="E47" s="1211">
        <v>-544</v>
      </c>
      <c r="F47" s="1211">
        <v>-307</v>
      </c>
      <c r="G47" s="1211">
        <v>-237</v>
      </c>
      <c r="H47" s="1211">
        <v>-560</v>
      </c>
      <c r="I47" s="1211">
        <v>-317</v>
      </c>
      <c r="J47" s="1212">
        <v>-243</v>
      </c>
      <c r="K47" s="1211" t="s">
        <v>188</v>
      </c>
      <c r="L47" s="1211" t="s">
        <v>188</v>
      </c>
      <c r="M47" s="1212" t="s">
        <v>188</v>
      </c>
      <c r="N47" s="1213"/>
      <c r="O47" s="1245">
        <v>560</v>
      </c>
      <c r="P47" s="1212">
        <v>317</v>
      </c>
      <c r="Q47" s="1212">
        <v>243</v>
      </c>
      <c r="R47" s="1212">
        <v>16</v>
      </c>
      <c r="S47" s="1212">
        <v>10</v>
      </c>
      <c r="T47" s="1212">
        <v>6</v>
      </c>
      <c r="U47" s="1212">
        <v>49</v>
      </c>
      <c r="V47" s="1212">
        <v>17</v>
      </c>
      <c r="W47" s="1212">
        <v>32</v>
      </c>
      <c r="X47" s="1212">
        <v>33</v>
      </c>
      <c r="Y47" s="1212">
        <v>7</v>
      </c>
      <c r="Z47" s="1213">
        <v>26</v>
      </c>
    </row>
    <row r="48" spans="1:26" ht="21" customHeight="1">
      <c r="A48" s="869" t="s">
        <v>674</v>
      </c>
      <c r="B48" s="1211">
        <v>45</v>
      </c>
      <c r="C48" s="1088" t="s">
        <v>534</v>
      </c>
      <c r="D48" s="1103" t="s">
        <v>673</v>
      </c>
      <c r="E48" s="1231">
        <v>-35</v>
      </c>
      <c r="F48" s="1231">
        <v>17</v>
      </c>
      <c r="G48" s="1231">
        <v>-52</v>
      </c>
      <c r="H48" s="1231">
        <v>-30</v>
      </c>
      <c r="I48" s="1231">
        <v>14</v>
      </c>
      <c r="J48" s="1232">
        <v>-44</v>
      </c>
      <c r="K48" s="1231" t="s">
        <v>188</v>
      </c>
      <c r="L48" s="1231" t="s">
        <v>188</v>
      </c>
      <c r="M48" s="1232" t="s">
        <v>188</v>
      </c>
      <c r="N48" s="1260"/>
      <c r="O48" s="1261">
        <v>30</v>
      </c>
      <c r="P48" s="1232">
        <v>-14</v>
      </c>
      <c r="Q48" s="1232">
        <v>44</v>
      </c>
      <c r="R48" s="1232">
        <v>-5</v>
      </c>
      <c r="S48" s="1232">
        <v>3</v>
      </c>
      <c r="T48" s="1232">
        <v>-8</v>
      </c>
      <c r="U48" s="1232">
        <v>13</v>
      </c>
      <c r="V48" s="1232">
        <v>0</v>
      </c>
      <c r="W48" s="1232">
        <v>13</v>
      </c>
      <c r="X48" s="1232">
        <v>18</v>
      </c>
      <c r="Y48" s="1232">
        <v>-3</v>
      </c>
      <c r="Z48" s="1260">
        <v>21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2" t="s">
        <v>188</v>
      </c>
      <c r="N49" s="1243"/>
      <c r="O49" s="1243" t="s">
        <v>188</v>
      </c>
      <c r="P49" s="1242" t="s">
        <v>188</v>
      </c>
      <c r="Q49" s="1242" t="s">
        <v>188</v>
      </c>
      <c r="R49" s="1243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40" fitToWidth="0" orientation="portrait" blackAndWhite="1" useFirstPageNumber="1" r:id="rId1"/>
  <headerFooter>
    <oddFooter>&amp;C&amp;"ＭＳ ゴシック,太字"&amp;12-&amp;P--</oddFooter>
    <evenFooter>&amp;C－41－</evenFoot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Z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6" ht="21" customHeight="1" thickBot="1">
      <c r="A1" s="1068" t="s">
        <v>682</v>
      </c>
      <c r="C1" s="358"/>
      <c r="D1" s="358"/>
      <c r="E1" s="358"/>
      <c r="F1" s="358"/>
      <c r="G1" s="358"/>
      <c r="T1" s="358" t="s">
        <v>682</v>
      </c>
      <c r="Y1" s="798"/>
    </row>
    <row r="2" spans="1:26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6" ht="21" customHeight="1">
      <c r="A3" s="809" t="s">
        <v>683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6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6" ht="21" customHeight="1">
      <c r="A5" s="809"/>
      <c r="B5" s="809"/>
      <c r="C5" s="1445"/>
      <c r="D5" s="809"/>
      <c r="E5" s="816" t="s">
        <v>685</v>
      </c>
      <c r="F5" s="814"/>
      <c r="G5" s="813"/>
      <c r="H5" s="815" t="s">
        <v>686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7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6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6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6" ht="21" customHeight="1">
      <c r="A8" s="874"/>
      <c r="B8" s="1140">
        <v>1505357</v>
      </c>
      <c r="C8" s="884" t="s">
        <v>238</v>
      </c>
      <c r="D8" s="885"/>
      <c r="E8" s="1140">
        <v>13780</v>
      </c>
      <c r="F8" s="1141">
        <v>6174</v>
      </c>
      <c r="G8" s="1143">
        <v>7606</v>
      </c>
      <c r="H8" s="1140">
        <v>2994</v>
      </c>
      <c r="I8" s="1141">
        <v>1174</v>
      </c>
      <c r="J8" s="1142">
        <v>1820</v>
      </c>
      <c r="K8" s="1140">
        <v>14136</v>
      </c>
      <c r="L8" s="1141">
        <v>7211</v>
      </c>
      <c r="M8" s="1142">
        <v>6925</v>
      </c>
      <c r="N8" s="1143"/>
      <c r="O8" s="1143">
        <v>11142</v>
      </c>
      <c r="P8" s="1141">
        <v>6037</v>
      </c>
      <c r="Q8" s="1143">
        <v>5105</v>
      </c>
      <c r="R8" s="1140">
        <v>10786</v>
      </c>
      <c r="S8" s="1141">
        <v>5000</v>
      </c>
      <c r="T8" s="1142">
        <v>5786</v>
      </c>
      <c r="U8" s="1143">
        <v>107936</v>
      </c>
      <c r="V8" s="1141">
        <v>57760</v>
      </c>
      <c r="W8" s="1143">
        <v>50176</v>
      </c>
      <c r="X8" s="1140">
        <v>97150</v>
      </c>
      <c r="Y8" s="1141">
        <v>52760</v>
      </c>
      <c r="Z8" s="1143">
        <v>44390</v>
      </c>
    </row>
    <row r="9" spans="1:26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6" ht="21" customHeight="1">
      <c r="A10" s="869"/>
      <c r="B10" s="1201">
        <v>127399</v>
      </c>
      <c r="C10" s="884" t="s">
        <v>668</v>
      </c>
      <c r="D10" s="892"/>
      <c r="E10" s="1203">
        <v>12278</v>
      </c>
      <c r="F10" s="1202">
        <v>6234</v>
      </c>
      <c r="G10" s="1201">
        <v>6044</v>
      </c>
      <c r="H10" s="1203">
        <v>14092</v>
      </c>
      <c r="I10" s="1202">
        <v>7183</v>
      </c>
      <c r="J10" s="1204">
        <v>6909</v>
      </c>
      <c r="K10" s="1203">
        <v>14136</v>
      </c>
      <c r="L10" s="1203">
        <v>7211</v>
      </c>
      <c r="M10" s="1202">
        <v>6925</v>
      </c>
      <c r="N10" s="1201"/>
      <c r="O10" s="1201">
        <v>44</v>
      </c>
      <c r="P10" s="1203">
        <v>28</v>
      </c>
      <c r="Q10" s="1203">
        <v>16</v>
      </c>
      <c r="R10" s="1203">
        <v>-1814</v>
      </c>
      <c r="S10" s="1202">
        <v>-949</v>
      </c>
      <c r="T10" s="1204">
        <v>-865</v>
      </c>
      <c r="U10" s="1201">
        <v>6868</v>
      </c>
      <c r="V10" s="1203">
        <v>3462</v>
      </c>
      <c r="W10" s="1203">
        <v>3406</v>
      </c>
      <c r="X10" s="1203">
        <v>8682</v>
      </c>
      <c r="Y10" s="1203">
        <v>4411</v>
      </c>
      <c r="Z10" s="1203">
        <v>4271</v>
      </c>
    </row>
    <row r="11" spans="1:26" ht="21" customHeight="1">
      <c r="A11" s="869" t="s">
        <v>309</v>
      </c>
      <c r="B11" s="1201">
        <v>120477</v>
      </c>
      <c r="C11" s="1085" t="s">
        <v>312</v>
      </c>
      <c r="D11" s="892" t="s">
        <v>309</v>
      </c>
      <c r="E11" s="1203">
        <v>1807</v>
      </c>
      <c r="F11" s="1202">
        <v>1025</v>
      </c>
      <c r="G11" s="1201">
        <v>782</v>
      </c>
      <c r="H11" s="1203">
        <v>-11</v>
      </c>
      <c r="I11" s="1202">
        <v>-6</v>
      </c>
      <c r="J11" s="1204">
        <v>-5</v>
      </c>
      <c r="K11" s="1205" t="s">
        <v>188</v>
      </c>
      <c r="L11" s="1206" t="s">
        <v>188</v>
      </c>
      <c r="M11" s="1246" t="s">
        <v>188</v>
      </c>
      <c r="N11" s="1207"/>
      <c r="O11" s="1201">
        <v>11</v>
      </c>
      <c r="P11" s="1203">
        <v>6</v>
      </c>
      <c r="Q11" s="1203">
        <v>5</v>
      </c>
      <c r="R11" s="1203">
        <v>1818</v>
      </c>
      <c r="S11" s="1202">
        <v>1031</v>
      </c>
      <c r="T11" s="1204">
        <v>787</v>
      </c>
      <c r="U11" s="1201">
        <v>5119</v>
      </c>
      <c r="V11" s="1203">
        <v>2724</v>
      </c>
      <c r="W11" s="1203">
        <v>2395</v>
      </c>
      <c r="X11" s="1203">
        <v>3301</v>
      </c>
      <c r="Y11" s="1203">
        <v>1693</v>
      </c>
      <c r="Z11" s="1203">
        <v>1608</v>
      </c>
    </row>
    <row r="12" spans="1:26" ht="21" customHeight="1">
      <c r="A12" s="869" t="s">
        <v>311</v>
      </c>
      <c r="B12" s="1201">
        <v>191772</v>
      </c>
      <c r="C12" s="1085" t="s">
        <v>313</v>
      </c>
      <c r="D12" s="892" t="s">
        <v>311</v>
      </c>
      <c r="E12" s="1203">
        <v>10910</v>
      </c>
      <c r="F12" s="1202">
        <v>5258</v>
      </c>
      <c r="G12" s="1201">
        <v>5652</v>
      </c>
      <c r="H12" s="1203">
        <v>-52</v>
      </c>
      <c r="I12" s="1202">
        <v>-35</v>
      </c>
      <c r="J12" s="1204">
        <v>-17</v>
      </c>
      <c r="K12" s="1205" t="s">
        <v>188</v>
      </c>
      <c r="L12" s="1206" t="s">
        <v>188</v>
      </c>
      <c r="M12" s="1246" t="s">
        <v>188</v>
      </c>
      <c r="N12" s="1207"/>
      <c r="O12" s="1201">
        <v>52</v>
      </c>
      <c r="P12" s="1203">
        <v>35</v>
      </c>
      <c r="Q12" s="1203">
        <v>17</v>
      </c>
      <c r="R12" s="1203">
        <v>10962</v>
      </c>
      <c r="S12" s="1202">
        <v>5293</v>
      </c>
      <c r="T12" s="1204">
        <v>5669</v>
      </c>
      <c r="U12" s="1201">
        <v>44392</v>
      </c>
      <c r="V12" s="1203">
        <v>23094</v>
      </c>
      <c r="W12" s="1203">
        <v>21298</v>
      </c>
      <c r="X12" s="1203">
        <v>33430</v>
      </c>
      <c r="Y12" s="1203">
        <v>17801</v>
      </c>
      <c r="Z12" s="1203">
        <v>15629</v>
      </c>
    </row>
    <row r="13" spans="1:26" ht="21" customHeight="1">
      <c r="A13" s="875">
        <v>30</v>
      </c>
      <c r="B13" s="1201">
        <v>222286</v>
      </c>
      <c r="C13" s="1085" t="s">
        <v>314</v>
      </c>
      <c r="D13" s="875">
        <v>29</v>
      </c>
      <c r="E13" s="1203">
        <v>119</v>
      </c>
      <c r="F13" s="1202">
        <v>-81</v>
      </c>
      <c r="G13" s="1201">
        <v>200</v>
      </c>
      <c r="H13" s="1203">
        <v>-88</v>
      </c>
      <c r="I13" s="1202">
        <v>-56</v>
      </c>
      <c r="J13" s="1204">
        <v>-32</v>
      </c>
      <c r="K13" s="1205" t="s">
        <v>188</v>
      </c>
      <c r="L13" s="1206" t="s">
        <v>188</v>
      </c>
      <c r="M13" s="1246" t="s">
        <v>188</v>
      </c>
      <c r="N13" s="1207"/>
      <c r="O13" s="1201">
        <v>88</v>
      </c>
      <c r="P13" s="1203">
        <v>56</v>
      </c>
      <c r="Q13" s="1203">
        <v>32</v>
      </c>
      <c r="R13" s="1203">
        <v>207</v>
      </c>
      <c r="S13" s="1202">
        <v>-25</v>
      </c>
      <c r="T13" s="1204">
        <v>232</v>
      </c>
      <c r="U13" s="1201">
        <v>27829</v>
      </c>
      <c r="V13" s="1203">
        <v>15167</v>
      </c>
      <c r="W13" s="1203">
        <v>12662</v>
      </c>
      <c r="X13" s="1203">
        <v>27622</v>
      </c>
      <c r="Y13" s="1203">
        <v>15192</v>
      </c>
      <c r="Z13" s="1203">
        <v>12430</v>
      </c>
    </row>
    <row r="14" spans="1:26" ht="21" customHeight="1">
      <c r="A14" s="869" t="s">
        <v>172</v>
      </c>
      <c r="B14" s="1210">
        <v>252889</v>
      </c>
      <c r="C14" s="1088" t="s">
        <v>315</v>
      </c>
      <c r="D14" s="892" t="s">
        <v>172</v>
      </c>
      <c r="E14" s="1210">
        <v>-683</v>
      </c>
      <c r="F14" s="1209">
        <v>-434</v>
      </c>
      <c r="G14" s="1208">
        <v>-249</v>
      </c>
      <c r="H14" s="1210">
        <v>-276</v>
      </c>
      <c r="I14" s="1209">
        <v>-180</v>
      </c>
      <c r="J14" s="1214">
        <v>-96</v>
      </c>
      <c r="K14" s="1211" t="s">
        <v>188</v>
      </c>
      <c r="L14" s="1212" t="s">
        <v>188</v>
      </c>
      <c r="M14" s="1245" t="s">
        <v>188</v>
      </c>
      <c r="N14" s="1213"/>
      <c r="O14" s="1208">
        <v>276</v>
      </c>
      <c r="P14" s="1210">
        <v>180</v>
      </c>
      <c r="Q14" s="1210">
        <v>96</v>
      </c>
      <c r="R14" s="1210">
        <v>-407</v>
      </c>
      <c r="S14" s="1209">
        <v>-254</v>
      </c>
      <c r="T14" s="1214">
        <v>-153</v>
      </c>
      <c r="U14" s="1208">
        <v>11280</v>
      </c>
      <c r="V14" s="1210">
        <v>6611</v>
      </c>
      <c r="W14" s="1210">
        <v>4669</v>
      </c>
      <c r="X14" s="1210">
        <v>11687</v>
      </c>
      <c r="Y14" s="1210">
        <v>6865</v>
      </c>
      <c r="Z14" s="1210">
        <v>4822</v>
      </c>
    </row>
    <row r="15" spans="1:26" ht="21" customHeight="1">
      <c r="A15" s="876" t="s">
        <v>529</v>
      </c>
      <c r="B15" s="1201">
        <v>188432</v>
      </c>
      <c r="C15" s="1085" t="s">
        <v>317</v>
      </c>
      <c r="D15" s="892" t="s">
        <v>530</v>
      </c>
      <c r="E15" s="1203">
        <v>-462</v>
      </c>
      <c r="F15" s="1202">
        <v>-355</v>
      </c>
      <c r="G15" s="1201">
        <v>-107</v>
      </c>
      <c r="H15" s="1203">
        <v>-545</v>
      </c>
      <c r="I15" s="1202">
        <v>-373</v>
      </c>
      <c r="J15" s="1204">
        <v>-172</v>
      </c>
      <c r="K15" s="1205" t="s">
        <v>188</v>
      </c>
      <c r="L15" s="1206" t="s">
        <v>188</v>
      </c>
      <c r="M15" s="1246" t="s">
        <v>188</v>
      </c>
      <c r="N15" s="1207"/>
      <c r="O15" s="1201">
        <v>545</v>
      </c>
      <c r="P15" s="1203">
        <v>373</v>
      </c>
      <c r="Q15" s="1203">
        <v>172</v>
      </c>
      <c r="R15" s="1203">
        <v>83</v>
      </c>
      <c r="S15" s="1202">
        <v>18</v>
      </c>
      <c r="T15" s="1204">
        <v>65</v>
      </c>
      <c r="U15" s="1201">
        <v>5754</v>
      </c>
      <c r="V15" s="1203">
        <v>3381</v>
      </c>
      <c r="W15" s="1203">
        <v>2373</v>
      </c>
      <c r="X15" s="1203">
        <v>5671</v>
      </c>
      <c r="Y15" s="1203">
        <v>3363</v>
      </c>
      <c r="Z15" s="1203">
        <v>2308</v>
      </c>
    </row>
    <row r="16" spans="1:26" ht="21" customHeight="1">
      <c r="A16" s="869" t="s">
        <v>316</v>
      </c>
      <c r="B16" s="1201">
        <v>153897</v>
      </c>
      <c r="C16" s="1085" t="s">
        <v>318</v>
      </c>
      <c r="D16" s="892"/>
      <c r="E16" s="1203">
        <v>-1460</v>
      </c>
      <c r="F16" s="1202">
        <v>-995</v>
      </c>
      <c r="G16" s="1201">
        <v>-465</v>
      </c>
      <c r="H16" s="1203">
        <v>-1156</v>
      </c>
      <c r="I16" s="1202">
        <v>-859</v>
      </c>
      <c r="J16" s="1204">
        <v>-297</v>
      </c>
      <c r="K16" s="1205" t="s">
        <v>188</v>
      </c>
      <c r="L16" s="1206" t="s">
        <v>188</v>
      </c>
      <c r="M16" s="1246" t="s">
        <v>188</v>
      </c>
      <c r="N16" s="1207"/>
      <c r="O16" s="1201">
        <v>1156</v>
      </c>
      <c r="P16" s="1203">
        <v>859</v>
      </c>
      <c r="Q16" s="1203">
        <v>297</v>
      </c>
      <c r="R16" s="1203">
        <v>-304</v>
      </c>
      <c r="S16" s="1202">
        <v>-136</v>
      </c>
      <c r="T16" s="1204">
        <v>-168</v>
      </c>
      <c r="U16" s="1201">
        <v>3133</v>
      </c>
      <c r="V16" s="1203">
        <v>1906</v>
      </c>
      <c r="W16" s="1203">
        <v>1227</v>
      </c>
      <c r="X16" s="1203">
        <v>3437</v>
      </c>
      <c r="Y16" s="1203">
        <v>2042</v>
      </c>
      <c r="Z16" s="1203">
        <v>1395</v>
      </c>
    </row>
    <row r="17" spans="1:26" ht="21" customHeight="1">
      <c r="A17" s="876" t="s">
        <v>531</v>
      </c>
      <c r="B17" s="1201">
        <v>124892</v>
      </c>
      <c r="C17" s="1085" t="s">
        <v>320</v>
      </c>
      <c r="D17" s="892"/>
      <c r="E17" s="1203">
        <v>-2438</v>
      </c>
      <c r="F17" s="1202">
        <v>-1659</v>
      </c>
      <c r="G17" s="1207">
        <v>-779</v>
      </c>
      <c r="H17" s="1203">
        <v>-2378</v>
      </c>
      <c r="I17" s="1202">
        <v>-1574</v>
      </c>
      <c r="J17" s="1204">
        <v>-804</v>
      </c>
      <c r="K17" s="1205" t="s">
        <v>188</v>
      </c>
      <c r="L17" s="1206" t="s">
        <v>188</v>
      </c>
      <c r="M17" s="1246" t="s">
        <v>188</v>
      </c>
      <c r="N17" s="1207"/>
      <c r="O17" s="1201">
        <v>2378</v>
      </c>
      <c r="P17" s="1203">
        <v>1574</v>
      </c>
      <c r="Q17" s="1203">
        <v>804</v>
      </c>
      <c r="R17" s="1203">
        <v>-60</v>
      </c>
      <c r="S17" s="1202">
        <v>-85</v>
      </c>
      <c r="T17" s="1204">
        <v>25</v>
      </c>
      <c r="U17" s="1201">
        <v>1779</v>
      </c>
      <c r="V17" s="1203">
        <v>870</v>
      </c>
      <c r="W17" s="1203">
        <v>909</v>
      </c>
      <c r="X17" s="1203">
        <v>1839</v>
      </c>
      <c r="Y17" s="1203">
        <v>955</v>
      </c>
      <c r="Z17" s="1203">
        <v>884</v>
      </c>
    </row>
    <row r="18" spans="1:26" ht="21" customHeight="1">
      <c r="A18" s="869" t="s">
        <v>319</v>
      </c>
      <c r="B18" s="1201">
        <v>69517</v>
      </c>
      <c r="C18" s="1085" t="s">
        <v>322</v>
      </c>
      <c r="D18" s="892"/>
      <c r="E18" s="1203">
        <v>-3644</v>
      </c>
      <c r="F18" s="1202">
        <v>-2016</v>
      </c>
      <c r="G18" s="1201">
        <v>-1628</v>
      </c>
      <c r="H18" s="1203">
        <v>-3875</v>
      </c>
      <c r="I18" s="1202">
        <v>-2097</v>
      </c>
      <c r="J18" s="1204">
        <v>-1778</v>
      </c>
      <c r="K18" s="1205" t="s">
        <v>188</v>
      </c>
      <c r="L18" s="1206" t="s">
        <v>188</v>
      </c>
      <c r="M18" s="1246" t="s">
        <v>188</v>
      </c>
      <c r="N18" s="1207"/>
      <c r="O18" s="1201">
        <v>3875</v>
      </c>
      <c r="P18" s="1203">
        <v>2097</v>
      </c>
      <c r="Q18" s="1203">
        <v>1778</v>
      </c>
      <c r="R18" s="1203">
        <v>231</v>
      </c>
      <c r="S18" s="1202">
        <v>81</v>
      </c>
      <c r="T18" s="1204">
        <v>150</v>
      </c>
      <c r="U18" s="1201">
        <v>1370</v>
      </c>
      <c r="V18" s="1203">
        <v>436</v>
      </c>
      <c r="W18" s="1203">
        <v>934</v>
      </c>
      <c r="X18" s="1203">
        <v>1139</v>
      </c>
      <c r="Y18" s="1203">
        <v>355</v>
      </c>
      <c r="Z18" s="1203">
        <v>784</v>
      </c>
    </row>
    <row r="19" spans="1:26" ht="21" customHeight="1">
      <c r="A19" s="869" t="s">
        <v>321</v>
      </c>
      <c r="B19" s="1210">
        <v>14547</v>
      </c>
      <c r="C19" s="1088" t="s">
        <v>324</v>
      </c>
      <c r="D19" s="1098"/>
      <c r="E19" s="1210">
        <v>-2416</v>
      </c>
      <c r="F19" s="1209">
        <v>-769</v>
      </c>
      <c r="G19" s="1208">
        <v>-1647</v>
      </c>
      <c r="H19" s="1210">
        <v>-2484</v>
      </c>
      <c r="I19" s="1209">
        <v>-792</v>
      </c>
      <c r="J19" s="1214">
        <v>-1692</v>
      </c>
      <c r="K19" s="1211" t="s">
        <v>188</v>
      </c>
      <c r="L19" s="1212" t="s">
        <v>188</v>
      </c>
      <c r="M19" s="1245" t="s">
        <v>188</v>
      </c>
      <c r="N19" s="1213"/>
      <c r="O19" s="1208">
        <v>2484</v>
      </c>
      <c r="P19" s="1210">
        <v>792</v>
      </c>
      <c r="Q19" s="1210">
        <v>1692</v>
      </c>
      <c r="R19" s="1210">
        <v>68</v>
      </c>
      <c r="S19" s="1209">
        <v>23</v>
      </c>
      <c r="T19" s="1214">
        <v>45</v>
      </c>
      <c r="U19" s="1208">
        <v>401</v>
      </c>
      <c r="V19" s="1210">
        <v>104</v>
      </c>
      <c r="W19" s="1210">
        <v>297</v>
      </c>
      <c r="X19" s="1210">
        <v>333</v>
      </c>
      <c r="Y19" s="1210">
        <v>81</v>
      </c>
      <c r="Z19" s="1210">
        <v>252</v>
      </c>
    </row>
    <row r="20" spans="1:26" ht="21" customHeight="1">
      <c r="A20" s="869" t="s">
        <v>323</v>
      </c>
      <c r="B20" s="1210">
        <v>629</v>
      </c>
      <c r="C20" s="1088" t="s">
        <v>534</v>
      </c>
      <c r="D20" s="1098"/>
      <c r="E20" s="1209">
        <v>-231</v>
      </c>
      <c r="F20" s="1209">
        <v>-34</v>
      </c>
      <c r="G20" s="1210">
        <v>-197</v>
      </c>
      <c r="H20" s="1210">
        <v>-233</v>
      </c>
      <c r="I20" s="1209">
        <v>-37</v>
      </c>
      <c r="J20" s="1214">
        <v>-196</v>
      </c>
      <c r="K20" s="1211" t="s">
        <v>188</v>
      </c>
      <c r="L20" s="1212" t="s">
        <v>188</v>
      </c>
      <c r="M20" s="1212" t="s">
        <v>188</v>
      </c>
      <c r="N20" s="1213"/>
      <c r="O20" s="1208">
        <v>233</v>
      </c>
      <c r="P20" s="1210">
        <v>37</v>
      </c>
      <c r="Q20" s="1210">
        <v>196</v>
      </c>
      <c r="R20" s="1210">
        <v>2</v>
      </c>
      <c r="S20" s="1209">
        <v>3</v>
      </c>
      <c r="T20" s="1209">
        <v>-1</v>
      </c>
      <c r="U20" s="1208">
        <v>11</v>
      </c>
      <c r="V20" s="1210">
        <v>5</v>
      </c>
      <c r="W20" s="1210">
        <v>6</v>
      </c>
      <c r="X20" s="1210">
        <v>9</v>
      </c>
      <c r="Y20" s="1210">
        <v>2</v>
      </c>
      <c r="Z20" s="1210">
        <v>7</v>
      </c>
    </row>
    <row r="21" spans="1:26" ht="21" customHeight="1" thickBot="1">
      <c r="A21" s="877"/>
      <c r="B21" s="1236">
        <v>38620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491577</v>
      </c>
      <c r="C22" s="884" t="s">
        <v>238</v>
      </c>
      <c r="D22" s="892"/>
      <c r="E22" s="1238">
        <v>14441</v>
      </c>
      <c r="F22" s="1238">
        <v>6963</v>
      </c>
      <c r="G22" s="1238">
        <v>7478</v>
      </c>
      <c r="H22" s="1238">
        <v>4167</v>
      </c>
      <c r="I22" s="1238">
        <v>1864</v>
      </c>
      <c r="J22" s="1238">
        <v>2303</v>
      </c>
      <c r="K22" s="1238">
        <v>14722</v>
      </c>
      <c r="L22" s="1238">
        <v>7576</v>
      </c>
      <c r="M22" s="1255">
        <v>7146</v>
      </c>
      <c r="N22" s="1256"/>
      <c r="O22" s="1251">
        <v>10555</v>
      </c>
      <c r="P22" s="1255">
        <v>5712</v>
      </c>
      <c r="Q22" s="1256">
        <v>4843</v>
      </c>
      <c r="R22" s="1238">
        <v>10274</v>
      </c>
      <c r="S22" s="1255">
        <v>5099</v>
      </c>
      <c r="T22" s="1257">
        <v>5175</v>
      </c>
      <c r="U22" s="1256">
        <v>105390</v>
      </c>
      <c r="V22" s="1255">
        <v>56894</v>
      </c>
      <c r="W22" s="1256">
        <v>48496</v>
      </c>
      <c r="X22" s="1238">
        <v>95116</v>
      </c>
      <c r="Y22" s="1255">
        <v>51795</v>
      </c>
      <c r="Z22" s="1256">
        <v>43321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754"/>
      <c r="G23" s="754"/>
      <c r="H23" s="754"/>
      <c r="I23" s="754"/>
      <c r="J23" s="754"/>
      <c r="K23" s="754"/>
      <c r="L23" s="754"/>
      <c r="M23" s="878"/>
      <c r="N23" s="879"/>
      <c r="O23" s="880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27044</v>
      </c>
      <c r="C24" s="884" t="s">
        <v>668</v>
      </c>
      <c r="D24" s="892"/>
      <c r="E24" s="1205">
        <v>12918</v>
      </c>
      <c r="F24" s="1205">
        <v>6775</v>
      </c>
      <c r="G24" s="1205">
        <v>6143</v>
      </c>
      <c r="H24" s="1205">
        <v>14675</v>
      </c>
      <c r="I24" s="1205">
        <v>7554</v>
      </c>
      <c r="J24" s="1205">
        <v>7121</v>
      </c>
      <c r="K24" s="1205">
        <v>14722</v>
      </c>
      <c r="L24" s="1205">
        <v>7576</v>
      </c>
      <c r="M24" s="1206">
        <v>7146</v>
      </c>
      <c r="N24" s="1207"/>
      <c r="O24" s="1246">
        <v>47</v>
      </c>
      <c r="P24" s="1205">
        <v>22</v>
      </c>
      <c r="Q24" s="1205">
        <v>25</v>
      </c>
      <c r="R24" s="1205">
        <v>-1757</v>
      </c>
      <c r="S24" s="1206">
        <v>-779</v>
      </c>
      <c r="T24" s="1246">
        <v>-978</v>
      </c>
      <c r="U24" s="1207">
        <v>7080</v>
      </c>
      <c r="V24" s="1205">
        <v>3656</v>
      </c>
      <c r="W24" s="1205">
        <v>3424</v>
      </c>
      <c r="X24" s="1205">
        <v>8837</v>
      </c>
      <c r="Y24" s="1205">
        <v>4435</v>
      </c>
      <c r="Z24" s="1205">
        <v>4402</v>
      </c>
    </row>
    <row r="25" spans="1:26" ht="21" customHeight="1">
      <c r="A25" s="869" t="s">
        <v>309</v>
      </c>
      <c r="B25" s="1258">
        <v>120724</v>
      </c>
      <c r="C25" s="1085" t="s">
        <v>312</v>
      </c>
      <c r="D25" s="892" t="s">
        <v>309</v>
      </c>
      <c r="E25" s="1205">
        <v>1779</v>
      </c>
      <c r="F25" s="1205">
        <v>932</v>
      </c>
      <c r="G25" s="1205">
        <v>847</v>
      </c>
      <c r="H25" s="1205">
        <v>-14</v>
      </c>
      <c r="I25" s="1205">
        <v>-9</v>
      </c>
      <c r="J25" s="1205">
        <v>-5</v>
      </c>
      <c r="K25" s="1205" t="s">
        <v>188</v>
      </c>
      <c r="L25" s="1205" t="s">
        <v>188</v>
      </c>
      <c r="M25" s="1206" t="s">
        <v>188</v>
      </c>
      <c r="N25" s="1207"/>
      <c r="O25" s="1246">
        <v>14</v>
      </c>
      <c r="P25" s="1205">
        <v>9</v>
      </c>
      <c r="Q25" s="1205">
        <v>5</v>
      </c>
      <c r="R25" s="1205">
        <v>1793</v>
      </c>
      <c r="S25" s="1206">
        <v>941</v>
      </c>
      <c r="T25" s="1246">
        <v>852</v>
      </c>
      <c r="U25" s="1207">
        <v>5101</v>
      </c>
      <c r="V25" s="1205">
        <v>2685</v>
      </c>
      <c r="W25" s="1205">
        <v>2416</v>
      </c>
      <c r="X25" s="1205">
        <v>3308</v>
      </c>
      <c r="Y25" s="1205">
        <v>1744</v>
      </c>
      <c r="Z25" s="1205">
        <v>1564</v>
      </c>
    </row>
    <row r="26" spans="1:26" ht="21" customHeight="1">
      <c r="A26" s="869" t="s">
        <v>311</v>
      </c>
      <c r="B26" s="1258">
        <v>187470</v>
      </c>
      <c r="C26" s="1085" t="s">
        <v>313</v>
      </c>
      <c r="D26" s="892" t="s">
        <v>311</v>
      </c>
      <c r="E26" s="1205">
        <v>10605</v>
      </c>
      <c r="F26" s="1205">
        <v>5500</v>
      </c>
      <c r="G26" s="1205">
        <v>5105</v>
      </c>
      <c r="H26" s="1205">
        <v>-48</v>
      </c>
      <c r="I26" s="1205">
        <v>-35</v>
      </c>
      <c r="J26" s="1205">
        <v>-13</v>
      </c>
      <c r="K26" s="1205" t="s">
        <v>188</v>
      </c>
      <c r="L26" s="1205" t="s">
        <v>188</v>
      </c>
      <c r="M26" s="1206" t="s">
        <v>188</v>
      </c>
      <c r="N26" s="1207"/>
      <c r="O26" s="1246">
        <v>48</v>
      </c>
      <c r="P26" s="1205">
        <v>35</v>
      </c>
      <c r="Q26" s="1205">
        <v>13</v>
      </c>
      <c r="R26" s="1205">
        <v>10653</v>
      </c>
      <c r="S26" s="1206">
        <v>5535</v>
      </c>
      <c r="T26" s="1246">
        <v>5118</v>
      </c>
      <c r="U26" s="1207">
        <v>41870</v>
      </c>
      <c r="V26" s="1205">
        <v>22101</v>
      </c>
      <c r="W26" s="1205">
        <v>19769</v>
      </c>
      <c r="X26" s="1205">
        <v>31217</v>
      </c>
      <c r="Y26" s="1205">
        <v>16566</v>
      </c>
      <c r="Z26" s="1205">
        <v>14651</v>
      </c>
    </row>
    <row r="27" spans="1:26" ht="21" customHeight="1">
      <c r="A27" s="875">
        <v>29</v>
      </c>
      <c r="B27" s="1258">
        <v>225456</v>
      </c>
      <c r="C27" s="1085" t="s">
        <v>314</v>
      </c>
      <c r="D27" s="875">
        <v>28</v>
      </c>
      <c r="E27" s="1205">
        <v>-193</v>
      </c>
      <c r="F27" s="1205">
        <v>-203</v>
      </c>
      <c r="G27" s="1205">
        <v>10</v>
      </c>
      <c r="H27" s="1205">
        <v>-93</v>
      </c>
      <c r="I27" s="1205">
        <v>-53</v>
      </c>
      <c r="J27" s="1205">
        <v>-40</v>
      </c>
      <c r="K27" s="1205" t="s">
        <v>188</v>
      </c>
      <c r="L27" s="1205" t="s">
        <v>188</v>
      </c>
      <c r="M27" s="1206" t="s">
        <v>188</v>
      </c>
      <c r="N27" s="1207"/>
      <c r="O27" s="1246">
        <v>93</v>
      </c>
      <c r="P27" s="1205">
        <v>53</v>
      </c>
      <c r="Q27" s="1205">
        <v>40</v>
      </c>
      <c r="R27" s="1205">
        <v>-100</v>
      </c>
      <c r="S27" s="1206">
        <v>-150</v>
      </c>
      <c r="T27" s="1246">
        <v>50</v>
      </c>
      <c r="U27" s="1207">
        <v>28129</v>
      </c>
      <c r="V27" s="1205">
        <v>15352</v>
      </c>
      <c r="W27" s="1205">
        <v>12777</v>
      </c>
      <c r="X27" s="1205">
        <v>28229</v>
      </c>
      <c r="Y27" s="1205">
        <v>15502</v>
      </c>
      <c r="Z27" s="1205">
        <v>12727</v>
      </c>
    </row>
    <row r="28" spans="1:26" ht="21" customHeight="1">
      <c r="A28" s="869" t="s">
        <v>172</v>
      </c>
      <c r="B28" s="1259">
        <v>254649</v>
      </c>
      <c r="C28" s="1088" t="s">
        <v>315</v>
      </c>
      <c r="D28" s="892" t="s">
        <v>172</v>
      </c>
      <c r="E28" s="1212">
        <v>-462</v>
      </c>
      <c r="F28" s="1212">
        <v>-357</v>
      </c>
      <c r="G28" s="1212">
        <v>-105</v>
      </c>
      <c r="H28" s="1212">
        <v>-262</v>
      </c>
      <c r="I28" s="1212">
        <v>-162</v>
      </c>
      <c r="J28" s="1212">
        <v>-100</v>
      </c>
      <c r="K28" s="1212" t="s">
        <v>188</v>
      </c>
      <c r="L28" s="1212" t="s">
        <v>188</v>
      </c>
      <c r="M28" s="1212" t="s">
        <v>188</v>
      </c>
      <c r="N28" s="1213"/>
      <c r="O28" s="1245">
        <v>262</v>
      </c>
      <c r="P28" s="1211">
        <v>162</v>
      </c>
      <c r="Q28" s="1211">
        <v>100</v>
      </c>
      <c r="R28" s="1211">
        <v>-200</v>
      </c>
      <c r="S28" s="1212">
        <v>-195</v>
      </c>
      <c r="T28" s="1245">
        <v>-5</v>
      </c>
      <c r="U28" s="1213">
        <v>11412</v>
      </c>
      <c r="V28" s="1211">
        <v>6725</v>
      </c>
      <c r="W28" s="1211">
        <v>4687</v>
      </c>
      <c r="X28" s="1211">
        <v>11612</v>
      </c>
      <c r="Y28" s="1211">
        <v>6920</v>
      </c>
      <c r="Z28" s="1211">
        <v>4692</v>
      </c>
    </row>
    <row r="29" spans="1:26" ht="21" customHeight="1">
      <c r="A29" s="876" t="s">
        <v>531</v>
      </c>
      <c r="B29" s="1258">
        <v>177952</v>
      </c>
      <c r="C29" s="1085" t="s">
        <v>317</v>
      </c>
      <c r="D29" s="892" t="s">
        <v>530</v>
      </c>
      <c r="E29" s="1205">
        <v>-431</v>
      </c>
      <c r="F29" s="1205">
        <v>-270</v>
      </c>
      <c r="G29" s="1205">
        <v>-161</v>
      </c>
      <c r="H29" s="1205">
        <v>-498</v>
      </c>
      <c r="I29" s="1205">
        <v>-304</v>
      </c>
      <c r="J29" s="1205">
        <v>-194</v>
      </c>
      <c r="K29" s="1205" t="s">
        <v>188</v>
      </c>
      <c r="L29" s="1205" t="s">
        <v>188</v>
      </c>
      <c r="M29" s="1206" t="s">
        <v>188</v>
      </c>
      <c r="N29" s="1207"/>
      <c r="O29" s="1246">
        <v>498</v>
      </c>
      <c r="P29" s="1205">
        <v>304</v>
      </c>
      <c r="Q29" s="1205">
        <v>194</v>
      </c>
      <c r="R29" s="1205">
        <v>67</v>
      </c>
      <c r="S29" s="1206">
        <v>34</v>
      </c>
      <c r="T29" s="1246">
        <v>33</v>
      </c>
      <c r="U29" s="1207">
        <v>5384</v>
      </c>
      <c r="V29" s="1205">
        <v>3257</v>
      </c>
      <c r="W29" s="1205">
        <v>2127</v>
      </c>
      <c r="X29" s="1205">
        <v>5317</v>
      </c>
      <c r="Y29" s="1205">
        <v>3223</v>
      </c>
      <c r="Z29" s="1205">
        <v>2094</v>
      </c>
    </row>
    <row r="30" spans="1:26" ht="21" customHeight="1">
      <c r="A30" s="869" t="s">
        <v>316</v>
      </c>
      <c r="B30" s="1258">
        <v>159045</v>
      </c>
      <c r="C30" s="1085" t="s">
        <v>318</v>
      </c>
      <c r="D30" s="892"/>
      <c r="E30" s="1205">
        <v>-1592</v>
      </c>
      <c r="F30" s="1205">
        <v>-1127</v>
      </c>
      <c r="G30" s="1205">
        <v>-465</v>
      </c>
      <c r="H30" s="1205">
        <v>-1209</v>
      </c>
      <c r="I30" s="1205">
        <v>-877</v>
      </c>
      <c r="J30" s="1205">
        <v>-332</v>
      </c>
      <c r="K30" s="1205" t="s">
        <v>188</v>
      </c>
      <c r="L30" s="1205" t="s">
        <v>188</v>
      </c>
      <c r="M30" s="1206" t="s">
        <v>188</v>
      </c>
      <c r="N30" s="1207"/>
      <c r="O30" s="1246">
        <v>1209</v>
      </c>
      <c r="P30" s="1205">
        <v>877</v>
      </c>
      <c r="Q30" s="1205">
        <v>332</v>
      </c>
      <c r="R30" s="1205">
        <v>-383</v>
      </c>
      <c r="S30" s="1206">
        <v>-250</v>
      </c>
      <c r="T30" s="1246">
        <v>-133</v>
      </c>
      <c r="U30" s="1207">
        <v>3086</v>
      </c>
      <c r="V30" s="1205">
        <v>1825</v>
      </c>
      <c r="W30" s="1205">
        <v>1261</v>
      </c>
      <c r="X30" s="1205">
        <v>3469</v>
      </c>
      <c r="Y30" s="1205">
        <v>2075</v>
      </c>
      <c r="Z30" s="1205">
        <v>1394</v>
      </c>
    </row>
    <row r="31" spans="1:26" ht="21" customHeight="1">
      <c r="A31" s="876" t="s">
        <v>531</v>
      </c>
      <c r="B31" s="1258">
        <v>120063</v>
      </c>
      <c r="C31" s="1085" t="s">
        <v>320</v>
      </c>
      <c r="D31" s="892"/>
      <c r="E31" s="1205">
        <v>-2325</v>
      </c>
      <c r="F31" s="1205">
        <v>-1567</v>
      </c>
      <c r="G31" s="1205">
        <v>-758</v>
      </c>
      <c r="H31" s="1205">
        <v>-2294</v>
      </c>
      <c r="I31" s="1205">
        <v>-1507</v>
      </c>
      <c r="J31" s="1205">
        <v>-787</v>
      </c>
      <c r="K31" s="1205" t="s">
        <v>188</v>
      </c>
      <c r="L31" s="1205" t="s">
        <v>188</v>
      </c>
      <c r="M31" s="1206" t="s">
        <v>188</v>
      </c>
      <c r="N31" s="1207"/>
      <c r="O31" s="1246">
        <v>2294</v>
      </c>
      <c r="P31" s="1205">
        <v>1507</v>
      </c>
      <c r="Q31" s="1205">
        <v>787</v>
      </c>
      <c r="R31" s="1205">
        <v>-31</v>
      </c>
      <c r="S31" s="1206">
        <v>-60</v>
      </c>
      <c r="T31" s="1246">
        <v>29</v>
      </c>
      <c r="U31" s="1207">
        <v>1722</v>
      </c>
      <c r="V31" s="1205">
        <v>837</v>
      </c>
      <c r="W31" s="1205">
        <v>885</v>
      </c>
      <c r="X31" s="1205">
        <v>1753</v>
      </c>
      <c r="Y31" s="1205">
        <v>897</v>
      </c>
      <c r="Z31" s="1205">
        <v>856</v>
      </c>
    </row>
    <row r="32" spans="1:26" ht="21" customHeight="1">
      <c r="A32" s="869" t="s">
        <v>319</v>
      </c>
      <c r="B32" s="1258">
        <v>66407</v>
      </c>
      <c r="C32" s="1085" t="s">
        <v>322</v>
      </c>
      <c r="D32" s="892"/>
      <c r="E32" s="1205">
        <v>-3473</v>
      </c>
      <c r="F32" s="1205">
        <v>-1937</v>
      </c>
      <c r="G32" s="1205">
        <v>-1536</v>
      </c>
      <c r="H32" s="1205">
        <v>-3649</v>
      </c>
      <c r="I32" s="1205">
        <v>-1944</v>
      </c>
      <c r="J32" s="1205">
        <v>-1705</v>
      </c>
      <c r="K32" s="1205" t="s">
        <v>188</v>
      </c>
      <c r="L32" s="1205" t="s">
        <v>188</v>
      </c>
      <c r="M32" s="1206" t="s">
        <v>188</v>
      </c>
      <c r="N32" s="1207"/>
      <c r="O32" s="1246">
        <v>3649</v>
      </c>
      <c r="P32" s="1205">
        <v>1944</v>
      </c>
      <c r="Q32" s="1205">
        <v>1705</v>
      </c>
      <c r="R32" s="1205">
        <v>176</v>
      </c>
      <c r="S32" s="1206">
        <v>7</v>
      </c>
      <c r="T32" s="1246">
        <v>169</v>
      </c>
      <c r="U32" s="1207">
        <v>1242</v>
      </c>
      <c r="V32" s="1205">
        <v>368</v>
      </c>
      <c r="W32" s="1205">
        <v>874</v>
      </c>
      <c r="X32" s="1205">
        <v>1066</v>
      </c>
      <c r="Y32" s="1205">
        <v>361</v>
      </c>
      <c r="Z32" s="1205">
        <v>705</v>
      </c>
    </row>
    <row r="33" spans="1:26" ht="21" customHeight="1">
      <c r="A33" s="869" t="s">
        <v>321</v>
      </c>
      <c r="B33" s="1259">
        <v>13576</v>
      </c>
      <c r="C33" s="1088" t="s">
        <v>324</v>
      </c>
      <c r="D33" s="1098"/>
      <c r="E33" s="1212">
        <v>-2202</v>
      </c>
      <c r="F33" s="1212">
        <v>-756</v>
      </c>
      <c r="G33" s="1212">
        <v>-1446</v>
      </c>
      <c r="H33" s="1212">
        <v>-2251</v>
      </c>
      <c r="I33" s="1212">
        <v>-769</v>
      </c>
      <c r="J33" s="1212">
        <v>-1482</v>
      </c>
      <c r="K33" s="1212" t="s">
        <v>188</v>
      </c>
      <c r="L33" s="1212" t="s">
        <v>188</v>
      </c>
      <c r="M33" s="1212" t="s">
        <v>188</v>
      </c>
      <c r="N33" s="1213"/>
      <c r="O33" s="1245">
        <v>2251</v>
      </c>
      <c r="P33" s="1211">
        <v>769</v>
      </c>
      <c r="Q33" s="1211">
        <v>1482</v>
      </c>
      <c r="R33" s="1211">
        <v>49</v>
      </c>
      <c r="S33" s="1212">
        <v>13</v>
      </c>
      <c r="T33" s="1245">
        <v>36</v>
      </c>
      <c r="U33" s="1213">
        <v>351</v>
      </c>
      <c r="V33" s="1211">
        <v>85</v>
      </c>
      <c r="W33" s="1211">
        <v>266</v>
      </c>
      <c r="X33" s="1211">
        <v>302</v>
      </c>
      <c r="Y33" s="1211">
        <v>72</v>
      </c>
      <c r="Z33" s="1211">
        <v>230</v>
      </c>
    </row>
    <row r="34" spans="1:26" ht="21" customHeight="1">
      <c r="A34" s="869" t="s">
        <v>323</v>
      </c>
      <c r="B34" s="1259">
        <v>571</v>
      </c>
      <c r="C34" s="1088" t="s">
        <v>534</v>
      </c>
      <c r="D34" s="1098"/>
      <c r="E34" s="1232">
        <v>-183</v>
      </c>
      <c r="F34" s="1232">
        <v>-27</v>
      </c>
      <c r="G34" s="1232">
        <v>-156</v>
      </c>
      <c r="H34" s="1232">
        <v>-190</v>
      </c>
      <c r="I34" s="1232">
        <v>-30</v>
      </c>
      <c r="J34" s="1232">
        <v>-160</v>
      </c>
      <c r="K34" s="1232" t="s">
        <v>188</v>
      </c>
      <c r="L34" s="1232" t="s">
        <v>188</v>
      </c>
      <c r="M34" s="1232" t="s">
        <v>188</v>
      </c>
      <c r="N34" s="1213"/>
      <c r="O34" s="1245">
        <v>190</v>
      </c>
      <c r="P34" s="1211">
        <v>30</v>
      </c>
      <c r="Q34" s="1211">
        <v>160</v>
      </c>
      <c r="R34" s="1211">
        <v>7</v>
      </c>
      <c r="S34" s="1212">
        <v>3</v>
      </c>
      <c r="T34" s="1212">
        <v>4</v>
      </c>
      <c r="U34" s="1213">
        <v>13</v>
      </c>
      <c r="V34" s="1211">
        <v>3</v>
      </c>
      <c r="W34" s="1211">
        <v>10</v>
      </c>
      <c r="X34" s="1211">
        <v>6</v>
      </c>
      <c r="Y34" s="1211">
        <v>0</v>
      </c>
      <c r="Z34" s="1211">
        <v>6</v>
      </c>
    </row>
    <row r="35" spans="1:26" ht="21" customHeight="1" thickBot="1">
      <c r="A35" s="866"/>
      <c r="B35" s="1258">
        <v>38620</v>
      </c>
      <c r="C35" s="884" t="s">
        <v>154</v>
      </c>
      <c r="D35" s="1098"/>
      <c r="E35" s="1205" t="s">
        <v>188</v>
      </c>
      <c r="F35" s="1205" t="s">
        <v>188</v>
      </c>
      <c r="G35" s="1205" t="s">
        <v>188</v>
      </c>
      <c r="H35" s="1205" t="s">
        <v>188</v>
      </c>
      <c r="I35" s="1205" t="s">
        <v>188</v>
      </c>
      <c r="J35" s="1205" t="s">
        <v>188</v>
      </c>
      <c r="K35" s="1205" t="s">
        <v>188</v>
      </c>
      <c r="L35" s="1205" t="s">
        <v>188</v>
      </c>
      <c r="M35" s="1206" t="s">
        <v>188</v>
      </c>
      <c r="N35" s="1207"/>
      <c r="O35" s="1244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13780</v>
      </c>
      <c r="C36" s="1101" t="s">
        <v>238</v>
      </c>
      <c r="D36" s="1102"/>
      <c r="E36" s="1252">
        <v>-661</v>
      </c>
      <c r="F36" s="1252">
        <v>-789</v>
      </c>
      <c r="G36" s="1252">
        <v>128</v>
      </c>
      <c r="H36" s="1252">
        <v>-1173</v>
      </c>
      <c r="I36" s="1252">
        <v>-690</v>
      </c>
      <c r="J36" s="1252">
        <v>-483</v>
      </c>
      <c r="K36" s="1252">
        <v>-586</v>
      </c>
      <c r="L36" s="1252">
        <v>-365</v>
      </c>
      <c r="M36" s="1250">
        <v>-221</v>
      </c>
      <c r="N36" s="1248"/>
      <c r="O36" s="1251">
        <v>587</v>
      </c>
      <c r="P36" s="1250">
        <v>325</v>
      </c>
      <c r="Q36" s="1250">
        <v>262</v>
      </c>
      <c r="R36" s="1250">
        <v>512</v>
      </c>
      <c r="S36" s="1250">
        <v>-99</v>
      </c>
      <c r="T36" s="1250">
        <v>611</v>
      </c>
      <c r="U36" s="1250">
        <v>2546</v>
      </c>
      <c r="V36" s="1250">
        <v>866</v>
      </c>
      <c r="W36" s="1250">
        <v>1680</v>
      </c>
      <c r="X36" s="1250">
        <v>2034</v>
      </c>
      <c r="Y36" s="1250">
        <v>965</v>
      </c>
      <c r="Z36" s="1248">
        <v>1069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355</v>
      </c>
      <c r="C38" s="884" t="s">
        <v>668</v>
      </c>
      <c r="D38" s="892" t="s">
        <v>671</v>
      </c>
      <c r="E38" s="1205">
        <v>-640</v>
      </c>
      <c r="F38" s="1205">
        <v>-541</v>
      </c>
      <c r="G38" s="1205">
        <v>-99</v>
      </c>
      <c r="H38" s="1205">
        <v>-583</v>
      </c>
      <c r="I38" s="1205">
        <v>-371</v>
      </c>
      <c r="J38" s="1205">
        <v>-212</v>
      </c>
      <c r="K38" s="1205">
        <v>-586</v>
      </c>
      <c r="L38" s="1205">
        <v>-365</v>
      </c>
      <c r="M38" s="1206">
        <v>-221</v>
      </c>
      <c r="N38" s="1207"/>
      <c r="O38" s="1246">
        <v>-3</v>
      </c>
      <c r="P38" s="1206">
        <v>6</v>
      </c>
      <c r="Q38" s="1206">
        <v>-9</v>
      </c>
      <c r="R38" s="1206">
        <v>-57</v>
      </c>
      <c r="S38" s="1206">
        <v>-170</v>
      </c>
      <c r="T38" s="1206">
        <v>113</v>
      </c>
      <c r="U38" s="1206">
        <v>-212</v>
      </c>
      <c r="V38" s="1206">
        <v>-194</v>
      </c>
      <c r="W38" s="1206">
        <v>-18</v>
      </c>
      <c r="X38" s="1206">
        <v>-155</v>
      </c>
      <c r="Y38" s="1206">
        <v>-24</v>
      </c>
      <c r="Z38" s="1207">
        <v>-131</v>
      </c>
    </row>
    <row r="39" spans="1:26" ht="21" customHeight="1">
      <c r="A39" s="869" t="s">
        <v>669</v>
      </c>
      <c r="B39" s="1207">
        <v>-247</v>
      </c>
      <c r="C39" s="1085" t="s">
        <v>312</v>
      </c>
      <c r="D39" s="892" t="s">
        <v>669</v>
      </c>
      <c r="E39" s="1205">
        <v>28</v>
      </c>
      <c r="F39" s="1205">
        <v>93</v>
      </c>
      <c r="G39" s="1205">
        <v>-65</v>
      </c>
      <c r="H39" s="1205">
        <v>3</v>
      </c>
      <c r="I39" s="1205">
        <v>3</v>
      </c>
      <c r="J39" s="1205">
        <v>0</v>
      </c>
      <c r="K39" s="1205" t="s">
        <v>188</v>
      </c>
      <c r="L39" s="1205" t="s">
        <v>188</v>
      </c>
      <c r="M39" s="1206" t="s">
        <v>188</v>
      </c>
      <c r="N39" s="1207"/>
      <c r="O39" s="1246">
        <v>-3</v>
      </c>
      <c r="P39" s="1206">
        <v>-3</v>
      </c>
      <c r="Q39" s="1206">
        <v>0</v>
      </c>
      <c r="R39" s="1206">
        <v>25</v>
      </c>
      <c r="S39" s="1206">
        <v>90</v>
      </c>
      <c r="T39" s="1206">
        <v>-65</v>
      </c>
      <c r="U39" s="1206">
        <v>18</v>
      </c>
      <c r="V39" s="1206">
        <v>39</v>
      </c>
      <c r="W39" s="1206">
        <v>-21</v>
      </c>
      <c r="X39" s="1206">
        <v>-7</v>
      </c>
      <c r="Y39" s="1206">
        <v>-51</v>
      </c>
      <c r="Z39" s="1207">
        <v>44</v>
      </c>
    </row>
    <row r="40" spans="1:26" ht="21" customHeight="1">
      <c r="A40" s="876"/>
      <c r="B40" s="1207">
        <v>4302</v>
      </c>
      <c r="C40" s="1085" t="s">
        <v>313</v>
      </c>
      <c r="D40" s="875"/>
      <c r="E40" s="1205">
        <v>305</v>
      </c>
      <c r="F40" s="1205">
        <v>-242</v>
      </c>
      <c r="G40" s="1205">
        <v>547</v>
      </c>
      <c r="H40" s="1205">
        <v>-4</v>
      </c>
      <c r="I40" s="1205">
        <v>0</v>
      </c>
      <c r="J40" s="1205">
        <v>-4</v>
      </c>
      <c r="K40" s="1205" t="s">
        <v>188</v>
      </c>
      <c r="L40" s="1205" t="s">
        <v>188</v>
      </c>
      <c r="M40" s="1206" t="s">
        <v>188</v>
      </c>
      <c r="N40" s="1207"/>
      <c r="O40" s="1246">
        <v>4</v>
      </c>
      <c r="P40" s="1206">
        <v>0</v>
      </c>
      <c r="Q40" s="1206">
        <v>4</v>
      </c>
      <c r="R40" s="1206">
        <v>309</v>
      </c>
      <c r="S40" s="1206">
        <v>-242</v>
      </c>
      <c r="T40" s="1206">
        <v>551</v>
      </c>
      <c r="U40" s="1206">
        <v>2522</v>
      </c>
      <c r="V40" s="1206">
        <v>993</v>
      </c>
      <c r="W40" s="1206">
        <v>1529</v>
      </c>
      <c r="X40" s="1206">
        <v>2213</v>
      </c>
      <c r="Y40" s="1206">
        <v>1235</v>
      </c>
      <c r="Z40" s="1207">
        <v>978</v>
      </c>
    </row>
    <row r="41" spans="1:26" ht="21" customHeight="1">
      <c r="A41" s="869" t="s">
        <v>309</v>
      </c>
      <c r="B41" s="1207">
        <v>-3170</v>
      </c>
      <c r="C41" s="1085" t="s">
        <v>314</v>
      </c>
      <c r="D41" s="892" t="s">
        <v>309</v>
      </c>
      <c r="E41" s="1205">
        <v>312</v>
      </c>
      <c r="F41" s="1205">
        <v>122</v>
      </c>
      <c r="G41" s="1205">
        <v>190</v>
      </c>
      <c r="H41" s="1205">
        <v>5</v>
      </c>
      <c r="I41" s="1205">
        <v>-3</v>
      </c>
      <c r="J41" s="1205">
        <v>8</v>
      </c>
      <c r="K41" s="1205" t="s">
        <v>188</v>
      </c>
      <c r="L41" s="1205" t="s">
        <v>188</v>
      </c>
      <c r="M41" s="1206" t="s">
        <v>188</v>
      </c>
      <c r="N41" s="1207"/>
      <c r="O41" s="1246">
        <v>-5</v>
      </c>
      <c r="P41" s="1206">
        <v>3</v>
      </c>
      <c r="Q41" s="1206">
        <v>-8</v>
      </c>
      <c r="R41" s="1206">
        <v>307</v>
      </c>
      <c r="S41" s="1206">
        <v>125</v>
      </c>
      <c r="T41" s="1206">
        <v>182</v>
      </c>
      <c r="U41" s="1206">
        <v>-300</v>
      </c>
      <c r="V41" s="1206">
        <v>-185</v>
      </c>
      <c r="W41" s="1206">
        <v>-115</v>
      </c>
      <c r="X41" s="1206">
        <v>-607</v>
      </c>
      <c r="Y41" s="1206">
        <v>-310</v>
      </c>
      <c r="Z41" s="1207">
        <v>-297</v>
      </c>
    </row>
    <row r="42" spans="1:26" ht="21" customHeight="1">
      <c r="A42" s="869" t="s">
        <v>311</v>
      </c>
      <c r="B42" s="1211">
        <v>-1760</v>
      </c>
      <c r="C42" s="1088" t="s">
        <v>315</v>
      </c>
      <c r="D42" s="892" t="s">
        <v>311</v>
      </c>
      <c r="E42" s="1211">
        <v>-221</v>
      </c>
      <c r="F42" s="1211">
        <v>-77</v>
      </c>
      <c r="G42" s="1211">
        <v>-144</v>
      </c>
      <c r="H42" s="1211">
        <v>-14</v>
      </c>
      <c r="I42" s="1211">
        <v>-18</v>
      </c>
      <c r="J42" s="1212">
        <v>4</v>
      </c>
      <c r="K42" s="1205" t="s">
        <v>188</v>
      </c>
      <c r="L42" s="1205" t="s">
        <v>188</v>
      </c>
      <c r="M42" s="1206" t="s">
        <v>188</v>
      </c>
      <c r="N42" s="1207"/>
      <c r="O42" s="1245">
        <v>14</v>
      </c>
      <c r="P42" s="1212">
        <v>18</v>
      </c>
      <c r="Q42" s="1212">
        <v>-4</v>
      </c>
      <c r="R42" s="1212">
        <v>-207</v>
      </c>
      <c r="S42" s="1212">
        <v>-59</v>
      </c>
      <c r="T42" s="1212">
        <v>-148</v>
      </c>
      <c r="U42" s="1212">
        <v>-132</v>
      </c>
      <c r="V42" s="1212">
        <v>-114</v>
      </c>
      <c r="W42" s="1212">
        <v>-18</v>
      </c>
      <c r="X42" s="1212">
        <v>75</v>
      </c>
      <c r="Y42" s="1212">
        <v>-55</v>
      </c>
      <c r="Z42" s="1213">
        <v>130</v>
      </c>
    </row>
    <row r="43" spans="1:26" ht="21" customHeight="1">
      <c r="A43" s="876">
        <v>29</v>
      </c>
      <c r="B43" s="1207">
        <v>10480</v>
      </c>
      <c r="C43" s="1085" t="s">
        <v>317</v>
      </c>
      <c r="D43" s="1107">
        <v>28</v>
      </c>
      <c r="E43" s="1205">
        <v>-31</v>
      </c>
      <c r="F43" s="1205">
        <v>-85</v>
      </c>
      <c r="G43" s="1205">
        <v>54</v>
      </c>
      <c r="H43" s="1205">
        <v>-47</v>
      </c>
      <c r="I43" s="1205">
        <v>-69</v>
      </c>
      <c r="J43" s="1205">
        <v>22</v>
      </c>
      <c r="K43" s="1253" t="s">
        <v>188</v>
      </c>
      <c r="L43" s="1253" t="s">
        <v>188</v>
      </c>
      <c r="M43" s="1247" t="s">
        <v>188</v>
      </c>
      <c r="N43" s="1207"/>
      <c r="O43" s="1246">
        <v>47</v>
      </c>
      <c r="P43" s="1206">
        <v>69</v>
      </c>
      <c r="Q43" s="1206">
        <v>-22</v>
      </c>
      <c r="R43" s="1206">
        <v>16</v>
      </c>
      <c r="S43" s="1206">
        <v>-16</v>
      </c>
      <c r="T43" s="1206">
        <v>32</v>
      </c>
      <c r="U43" s="1206">
        <v>370</v>
      </c>
      <c r="V43" s="1206">
        <v>124</v>
      </c>
      <c r="W43" s="1206">
        <v>246</v>
      </c>
      <c r="X43" s="1206">
        <v>354</v>
      </c>
      <c r="Y43" s="1206">
        <v>140</v>
      </c>
      <c r="Z43" s="1207">
        <v>214</v>
      </c>
    </row>
    <row r="44" spans="1:26" ht="21" customHeight="1">
      <c r="A44" s="883" t="s">
        <v>672</v>
      </c>
      <c r="B44" s="1207">
        <v>-5148</v>
      </c>
      <c r="C44" s="1085" t="s">
        <v>318</v>
      </c>
      <c r="D44" s="1108" t="s">
        <v>672</v>
      </c>
      <c r="E44" s="1205">
        <v>132</v>
      </c>
      <c r="F44" s="1205">
        <v>132</v>
      </c>
      <c r="G44" s="1205">
        <v>0</v>
      </c>
      <c r="H44" s="1205">
        <v>53</v>
      </c>
      <c r="I44" s="1205">
        <v>18</v>
      </c>
      <c r="J44" s="1205">
        <v>35</v>
      </c>
      <c r="K44" s="1205" t="s">
        <v>188</v>
      </c>
      <c r="L44" s="1205" t="s">
        <v>188</v>
      </c>
      <c r="M44" s="1206" t="s">
        <v>188</v>
      </c>
      <c r="N44" s="1207"/>
      <c r="O44" s="1246">
        <v>-53</v>
      </c>
      <c r="P44" s="1206">
        <v>-18</v>
      </c>
      <c r="Q44" s="1206">
        <v>-35</v>
      </c>
      <c r="R44" s="1206">
        <v>79</v>
      </c>
      <c r="S44" s="1206">
        <v>114</v>
      </c>
      <c r="T44" s="1206">
        <v>-35</v>
      </c>
      <c r="U44" s="1206">
        <v>47</v>
      </c>
      <c r="V44" s="1206">
        <v>81</v>
      </c>
      <c r="W44" s="1206">
        <v>-34</v>
      </c>
      <c r="X44" s="1206">
        <v>-32</v>
      </c>
      <c r="Y44" s="1206">
        <v>-33</v>
      </c>
      <c r="Z44" s="1207">
        <v>1</v>
      </c>
    </row>
    <row r="45" spans="1:26" ht="21" customHeight="1">
      <c r="A45" s="876">
        <v>30</v>
      </c>
      <c r="B45" s="1207">
        <v>4829</v>
      </c>
      <c r="C45" s="1085" t="s">
        <v>320</v>
      </c>
      <c r="D45" s="1107">
        <v>29</v>
      </c>
      <c r="E45" s="1205">
        <v>-113</v>
      </c>
      <c r="F45" s="1205">
        <v>-92</v>
      </c>
      <c r="G45" s="1205">
        <v>-21</v>
      </c>
      <c r="H45" s="1205">
        <v>-84</v>
      </c>
      <c r="I45" s="1205">
        <v>-67</v>
      </c>
      <c r="J45" s="1205">
        <v>-17</v>
      </c>
      <c r="K45" s="1205" t="s">
        <v>188</v>
      </c>
      <c r="L45" s="1205" t="s">
        <v>188</v>
      </c>
      <c r="M45" s="1206" t="s">
        <v>188</v>
      </c>
      <c r="N45" s="1207"/>
      <c r="O45" s="1246">
        <v>84</v>
      </c>
      <c r="P45" s="1206">
        <v>67</v>
      </c>
      <c r="Q45" s="1206">
        <v>17</v>
      </c>
      <c r="R45" s="1206">
        <v>-29</v>
      </c>
      <c r="S45" s="1206">
        <v>-25</v>
      </c>
      <c r="T45" s="1206">
        <v>-4</v>
      </c>
      <c r="U45" s="1206">
        <v>57</v>
      </c>
      <c r="V45" s="1206">
        <v>33</v>
      </c>
      <c r="W45" s="1206">
        <v>24</v>
      </c>
      <c r="X45" s="1206">
        <v>86</v>
      </c>
      <c r="Y45" s="1206">
        <v>58</v>
      </c>
      <c r="Z45" s="1207">
        <v>28</v>
      </c>
    </row>
    <row r="46" spans="1:26" ht="21" customHeight="1">
      <c r="A46" s="869" t="s">
        <v>172</v>
      </c>
      <c r="B46" s="1207">
        <v>3110</v>
      </c>
      <c r="C46" s="1085" t="s">
        <v>322</v>
      </c>
      <c r="D46" s="1103" t="s">
        <v>172</v>
      </c>
      <c r="E46" s="1205">
        <v>-171</v>
      </c>
      <c r="F46" s="1205">
        <v>-79</v>
      </c>
      <c r="G46" s="1205">
        <v>-92</v>
      </c>
      <c r="H46" s="1205">
        <v>-226</v>
      </c>
      <c r="I46" s="1205">
        <v>-153</v>
      </c>
      <c r="J46" s="1205">
        <v>-73</v>
      </c>
      <c r="K46" s="1205" t="s">
        <v>188</v>
      </c>
      <c r="L46" s="1205" t="s">
        <v>188</v>
      </c>
      <c r="M46" s="1206" t="s">
        <v>188</v>
      </c>
      <c r="N46" s="1207"/>
      <c r="O46" s="1246">
        <v>226</v>
      </c>
      <c r="P46" s="1206">
        <v>153</v>
      </c>
      <c r="Q46" s="1206">
        <v>73</v>
      </c>
      <c r="R46" s="1206">
        <v>55</v>
      </c>
      <c r="S46" s="1206">
        <v>74</v>
      </c>
      <c r="T46" s="1206">
        <v>-19</v>
      </c>
      <c r="U46" s="1206">
        <v>128</v>
      </c>
      <c r="V46" s="1206">
        <v>68</v>
      </c>
      <c r="W46" s="1206">
        <v>60</v>
      </c>
      <c r="X46" s="1206">
        <v>73</v>
      </c>
      <c r="Y46" s="1206">
        <v>-6</v>
      </c>
      <c r="Z46" s="1207">
        <v>79</v>
      </c>
    </row>
    <row r="47" spans="1:26" ht="21" customHeight="1">
      <c r="A47" s="869" t="s">
        <v>673</v>
      </c>
      <c r="B47" s="1211">
        <v>971</v>
      </c>
      <c r="C47" s="1088" t="s">
        <v>324</v>
      </c>
      <c r="D47" s="1103" t="s">
        <v>530</v>
      </c>
      <c r="E47" s="1211">
        <v>-214</v>
      </c>
      <c r="F47" s="1211">
        <v>-13</v>
      </c>
      <c r="G47" s="1211">
        <v>-201</v>
      </c>
      <c r="H47" s="1211">
        <v>-233</v>
      </c>
      <c r="I47" s="1211">
        <v>-23</v>
      </c>
      <c r="J47" s="1212">
        <v>-210</v>
      </c>
      <c r="K47" s="1211" t="s">
        <v>188</v>
      </c>
      <c r="L47" s="1211" t="s">
        <v>188</v>
      </c>
      <c r="M47" s="1212" t="s">
        <v>188</v>
      </c>
      <c r="N47" s="1213"/>
      <c r="O47" s="1245">
        <v>233</v>
      </c>
      <c r="P47" s="1212">
        <v>23</v>
      </c>
      <c r="Q47" s="1212">
        <v>210</v>
      </c>
      <c r="R47" s="1212">
        <v>19</v>
      </c>
      <c r="S47" s="1212">
        <v>10</v>
      </c>
      <c r="T47" s="1212">
        <v>9</v>
      </c>
      <c r="U47" s="1212">
        <v>50</v>
      </c>
      <c r="V47" s="1212">
        <v>19</v>
      </c>
      <c r="W47" s="1212">
        <v>31</v>
      </c>
      <c r="X47" s="1212">
        <v>31</v>
      </c>
      <c r="Y47" s="1212">
        <v>9</v>
      </c>
      <c r="Z47" s="1213">
        <v>22</v>
      </c>
    </row>
    <row r="48" spans="1:26" ht="21" customHeight="1">
      <c r="A48" s="869" t="s">
        <v>674</v>
      </c>
      <c r="B48" s="1211">
        <v>58</v>
      </c>
      <c r="C48" s="1088" t="s">
        <v>534</v>
      </c>
      <c r="D48" s="1103" t="s">
        <v>673</v>
      </c>
      <c r="E48" s="1231">
        <v>-48</v>
      </c>
      <c r="F48" s="1231">
        <v>-7</v>
      </c>
      <c r="G48" s="1231">
        <v>-41</v>
      </c>
      <c r="H48" s="1231">
        <v>-43</v>
      </c>
      <c r="I48" s="1231">
        <v>-7</v>
      </c>
      <c r="J48" s="1232">
        <v>-36</v>
      </c>
      <c r="K48" s="1231" t="s">
        <v>188</v>
      </c>
      <c r="L48" s="1231" t="s">
        <v>188</v>
      </c>
      <c r="M48" s="1232" t="s">
        <v>188</v>
      </c>
      <c r="N48" s="1260"/>
      <c r="O48" s="1261">
        <v>43</v>
      </c>
      <c r="P48" s="1232">
        <v>7</v>
      </c>
      <c r="Q48" s="1232">
        <v>36</v>
      </c>
      <c r="R48" s="1232">
        <v>-5</v>
      </c>
      <c r="S48" s="1232">
        <v>0</v>
      </c>
      <c r="T48" s="1232">
        <v>-5</v>
      </c>
      <c r="U48" s="1232">
        <v>-2</v>
      </c>
      <c r="V48" s="1232">
        <v>2</v>
      </c>
      <c r="W48" s="1232">
        <v>-4</v>
      </c>
      <c r="X48" s="1232">
        <v>3</v>
      </c>
      <c r="Y48" s="1232">
        <v>2</v>
      </c>
      <c r="Z48" s="1260">
        <v>1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2" t="s">
        <v>188</v>
      </c>
      <c r="N49" s="1243"/>
      <c r="O49" s="1243" t="s">
        <v>188</v>
      </c>
      <c r="P49" s="1242" t="s">
        <v>188</v>
      </c>
      <c r="Q49" s="1242" t="s">
        <v>188</v>
      </c>
      <c r="R49" s="1243" t="s">
        <v>188</v>
      </c>
      <c r="S49" s="1242" t="s">
        <v>188</v>
      </c>
      <c r="T49" s="1244" t="s">
        <v>188</v>
      </c>
      <c r="U49" s="1243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42" fitToWidth="0" orientation="portrait" blackAndWhite="1" useFirstPageNumber="1" r:id="rId1"/>
  <headerFooter>
    <oddFooter>&amp;C&amp;"ＭＳ ゴシック,太字"&amp;12-&amp;P--</oddFooter>
    <evenFooter>&amp;C－43－</evenFoot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88</v>
      </c>
      <c r="C1" s="358"/>
      <c r="D1" s="358"/>
      <c r="E1" s="358"/>
      <c r="F1" s="358"/>
      <c r="G1" s="358"/>
      <c r="T1" s="358" t="s">
        <v>688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83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63</v>
      </c>
      <c r="F5" s="814"/>
      <c r="G5" s="813"/>
      <c r="H5" s="815" t="s">
        <v>686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705364</v>
      </c>
      <c r="C8" s="884" t="s">
        <v>238</v>
      </c>
      <c r="D8" s="885"/>
      <c r="E8" s="1140">
        <v>-4395</v>
      </c>
      <c r="F8" s="1141">
        <v>-2290</v>
      </c>
      <c r="G8" s="1143">
        <v>-2105</v>
      </c>
      <c r="H8" s="1140">
        <v>-4176</v>
      </c>
      <c r="I8" s="1141">
        <v>-2143</v>
      </c>
      <c r="J8" s="1142">
        <v>-2033</v>
      </c>
      <c r="K8" s="1140">
        <v>4190</v>
      </c>
      <c r="L8" s="1141">
        <v>2176</v>
      </c>
      <c r="M8" s="1142">
        <v>2014</v>
      </c>
      <c r="N8" s="1143"/>
      <c r="O8" s="1143">
        <v>8366</v>
      </c>
      <c r="P8" s="1141">
        <v>4319</v>
      </c>
      <c r="Q8" s="1143">
        <v>4047</v>
      </c>
      <c r="R8" s="1140">
        <v>-219</v>
      </c>
      <c r="S8" s="1141">
        <v>-147</v>
      </c>
      <c r="T8" s="1142">
        <v>-72</v>
      </c>
      <c r="U8" s="1143">
        <v>27716</v>
      </c>
      <c r="V8" s="1141">
        <v>15510</v>
      </c>
      <c r="W8" s="1143">
        <v>12206</v>
      </c>
      <c r="X8" s="1140">
        <v>27935</v>
      </c>
      <c r="Y8" s="1141">
        <v>15657</v>
      </c>
      <c r="Z8" s="1143">
        <v>12278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49605</v>
      </c>
      <c r="C10" s="884" t="s">
        <v>668</v>
      </c>
      <c r="D10" s="892"/>
      <c r="E10" s="1203">
        <v>4618</v>
      </c>
      <c r="F10" s="1202">
        <v>2310</v>
      </c>
      <c r="G10" s="1201">
        <v>2308</v>
      </c>
      <c r="H10" s="1203">
        <v>4176</v>
      </c>
      <c r="I10" s="1202">
        <v>2166</v>
      </c>
      <c r="J10" s="1204">
        <v>2010</v>
      </c>
      <c r="K10" s="1203">
        <v>4190</v>
      </c>
      <c r="L10" s="1203">
        <v>2176</v>
      </c>
      <c r="M10" s="1202">
        <v>2014</v>
      </c>
      <c r="N10" s="1201"/>
      <c r="O10" s="1201">
        <v>14</v>
      </c>
      <c r="P10" s="1203">
        <v>10</v>
      </c>
      <c r="Q10" s="1203">
        <v>4</v>
      </c>
      <c r="R10" s="1203">
        <v>442</v>
      </c>
      <c r="S10" s="1202">
        <v>144</v>
      </c>
      <c r="T10" s="1204">
        <v>298</v>
      </c>
      <c r="U10" s="1201">
        <v>2736</v>
      </c>
      <c r="V10" s="1203">
        <v>1356</v>
      </c>
      <c r="W10" s="1203">
        <v>1380</v>
      </c>
      <c r="X10" s="1203">
        <v>2294</v>
      </c>
      <c r="Y10" s="1203">
        <v>1212</v>
      </c>
      <c r="Z10" s="1203">
        <v>1082</v>
      </c>
      <c r="AB10" s="178"/>
    </row>
    <row r="11" spans="1:28" ht="21" customHeight="1">
      <c r="A11" s="869" t="s">
        <v>309</v>
      </c>
      <c r="B11" s="1201">
        <v>63300</v>
      </c>
      <c r="C11" s="1085" t="s">
        <v>312</v>
      </c>
      <c r="D11" s="892" t="s">
        <v>309</v>
      </c>
      <c r="E11" s="1203">
        <v>469</v>
      </c>
      <c r="F11" s="1202">
        <v>398</v>
      </c>
      <c r="G11" s="1201">
        <v>71</v>
      </c>
      <c r="H11" s="1203">
        <v>-8</v>
      </c>
      <c r="I11" s="1202">
        <v>-6</v>
      </c>
      <c r="J11" s="1204">
        <v>-2</v>
      </c>
      <c r="K11" s="1205" t="s">
        <v>188</v>
      </c>
      <c r="L11" s="1206" t="s">
        <v>188</v>
      </c>
      <c r="M11" s="1246" t="s">
        <v>188</v>
      </c>
      <c r="N11" s="1207"/>
      <c r="O11" s="1201">
        <v>8</v>
      </c>
      <c r="P11" s="1203">
        <v>6</v>
      </c>
      <c r="Q11" s="1203">
        <v>2</v>
      </c>
      <c r="R11" s="1203">
        <v>477</v>
      </c>
      <c r="S11" s="1202">
        <v>404</v>
      </c>
      <c r="T11" s="1204">
        <v>73</v>
      </c>
      <c r="U11" s="1201">
        <v>3192</v>
      </c>
      <c r="V11" s="1203">
        <v>2326</v>
      </c>
      <c r="W11" s="1203">
        <v>866</v>
      </c>
      <c r="X11" s="1203">
        <v>2715</v>
      </c>
      <c r="Y11" s="1203">
        <v>1922</v>
      </c>
      <c r="Z11" s="1203">
        <v>793</v>
      </c>
    </row>
    <row r="12" spans="1:28" ht="21" customHeight="1">
      <c r="A12" s="869" t="s">
        <v>311</v>
      </c>
      <c r="B12" s="1201">
        <v>59880</v>
      </c>
      <c r="C12" s="1085" t="s">
        <v>313</v>
      </c>
      <c r="D12" s="892" t="s">
        <v>311</v>
      </c>
      <c r="E12" s="1203">
        <v>-1553</v>
      </c>
      <c r="F12" s="1202">
        <v>-931</v>
      </c>
      <c r="G12" s="1201">
        <v>-622</v>
      </c>
      <c r="H12" s="1203">
        <v>-22</v>
      </c>
      <c r="I12" s="1202">
        <v>-13</v>
      </c>
      <c r="J12" s="1204">
        <v>-9</v>
      </c>
      <c r="K12" s="1205" t="s">
        <v>188</v>
      </c>
      <c r="L12" s="1206" t="s">
        <v>188</v>
      </c>
      <c r="M12" s="1246" t="s">
        <v>188</v>
      </c>
      <c r="N12" s="1207"/>
      <c r="O12" s="1201">
        <v>22</v>
      </c>
      <c r="P12" s="1203">
        <v>13</v>
      </c>
      <c r="Q12" s="1203">
        <v>9</v>
      </c>
      <c r="R12" s="1203">
        <v>-1531</v>
      </c>
      <c r="S12" s="1202">
        <v>-918</v>
      </c>
      <c r="T12" s="1204">
        <v>-613</v>
      </c>
      <c r="U12" s="1201">
        <v>7677</v>
      </c>
      <c r="V12" s="1203">
        <v>4443</v>
      </c>
      <c r="W12" s="1203">
        <v>3234</v>
      </c>
      <c r="X12" s="1203">
        <v>9208</v>
      </c>
      <c r="Y12" s="1203">
        <v>5361</v>
      </c>
      <c r="Z12" s="1203">
        <v>3847</v>
      </c>
    </row>
    <row r="13" spans="1:28" ht="21" customHeight="1">
      <c r="A13" s="875">
        <v>30</v>
      </c>
      <c r="B13" s="1201">
        <v>69335</v>
      </c>
      <c r="C13" s="1085" t="s">
        <v>314</v>
      </c>
      <c r="D13" s="875">
        <v>29</v>
      </c>
      <c r="E13" s="1203">
        <v>318</v>
      </c>
      <c r="F13" s="1202">
        <v>129</v>
      </c>
      <c r="G13" s="1201">
        <v>189</v>
      </c>
      <c r="H13" s="1203">
        <v>-40</v>
      </c>
      <c r="I13" s="1202">
        <v>-26</v>
      </c>
      <c r="J13" s="1204">
        <v>-14</v>
      </c>
      <c r="K13" s="1205" t="s">
        <v>188</v>
      </c>
      <c r="L13" s="1206" t="s">
        <v>188</v>
      </c>
      <c r="M13" s="1246" t="s">
        <v>188</v>
      </c>
      <c r="N13" s="1207"/>
      <c r="O13" s="1201">
        <v>40</v>
      </c>
      <c r="P13" s="1203">
        <v>26</v>
      </c>
      <c r="Q13" s="1203">
        <v>14</v>
      </c>
      <c r="R13" s="1203">
        <v>358</v>
      </c>
      <c r="S13" s="1202">
        <v>155</v>
      </c>
      <c r="T13" s="1204">
        <v>203</v>
      </c>
      <c r="U13" s="1201">
        <v>5994</v>
      </c>
      <c r="V13" s="1203">
        <v>3156</v>
      </c>
      <c r="W13" s="1203">
        <v>2838</v>
      </c>
      <c r="X13" s="1203">
        <v>5636</v>
      </c>
      <c r="Y13" s="1203">
        <v>3001</v>
      </c>
      <c r="Z13" s="1203">
        <v>2635</v>
      </c>
    </row>
    <row r="14" spans="1:28" ht="21" customHeight="1">
      <c r="A14" s="869" t="s">
        <v>172</v>
      </c>
      <c r="B14" s="1210">
        <v>107723</v>
      </c>
      <c r="C14" s="1088" t="s">
        <v>315</v>
      </c>
      <c r="D14" s="892" t="s">
        <v>172</v>
      </c>
      <c r="E14" s="1210">
        <v>-7</v>
      </c>
      <c r="F14" s="1209">
        <v>-20</v>
      </c>
      <c r="G14" s="1208">
        <v>13</v>
      </c>
      <c r="H14" s="1210">
        <v>-139</v>
      </c>
      <c r="I14" s="1209">
        <v>-92</v>
      </c>
      <c r="J14" s="1214">
        <v>-47</v>
      </c>
      <c r="K14" s="1211" t="s">
        <v>188</v>
      </c>
      <c r="L14" s="1212" t="s">
        <v>188</v>
      </c>
      <c r="M14" s="1245" t="s">
        <v>188</v>
      </c>
      <c r="N14" s="1213"/>
      <c r="O14" s="1208">
        <v>139</v>
      </c>
      <c r="P14" s="1210">
        <v>92</v>
      </c>
      <c r="Q14" s="1210">
        <v>47</v>
      </c>
      <c r="R14" s="1210">
        <v>132</v>
      </c>
      <c r="S14" s="1209">
        <v>72</v>
      </c>
      <c r="T14" s="1214">
        <v>60</v>
      </c>
      <c r="U14" s="1208">
        <v>3572</v>
      </c>
      <c r="V14" s="1210">
        <v>1958</v>
      </c>
      <c r="W14" s="1210">
        <v>1614</v>
      </c>
      <c r="X14" s="1210">
        <v>3440</v>
      </c>
      <c r="Y14" s="1210">
        <v>1886</v>
      </c>
      <c r="Z14" s="1210">
        <v>1554</v>
      </c>
    </row>
    <row r="15" spans="1:28" ht="21" customHeight="1">
      <c r="A15" s="876" t="s">
        <v>529</v>
      </c>
      <c r="B15" s="1201">
        <v>90087</v>
      </c>
      <c r="C15" s="1085" t="s">
        <v>317</v>
      </c>
      <c r="D15" s="892" t="s">
        <v>530</v>
      </c>
      <c r="E15" s="1203">
        <v>-198</v>
      </c>
      <c r="F15" s="1202">
        <v>-185</v>
      </c>
      <c r="G15" s="1201">
        <v>-13</v>
      </c>
      <c r="H15" s="1203">
        <v>-276</v>
      </c>
      <c r="I15" s="1202">
        <v>-189</v>
      </c>
      <c r="J15" s="1204">
        <v>-87</v>
      </c>
      <c r="K15" s="1205" t="s">
        <v>188</v>
      </c>
      <c r="L15" s="1206" t="s">
        <v>188</v>
      </c>
      <c r="M15" s="1246" t="s">
        <v>188</v>
      </c>
      <c r="N15" s="1207"/>
      <c r="O15" s="1201">
        <v>276</v>
      </c>
      <c r="P15" s="1203">
        <v>189</v>
      </c>
      <c r="Q15" s="1203">
        <v>87</v>
      </c>
      <c r="R15" s="1203">
        <v>78</v>
      </c>
      <c r="S15" s="1202">
        <v>4</v>
      </c>
      <c r="T15" s="1204">
        <v>74</v>
      </c>
      <c r="U15" s="1201">
        <v>1889</v>
      </c>
      <c r="V15" s="1203">
        <v>1072</v>
      </c>
      <c r="W15" s="1203">
        <v>817</v>
      </c>
      <c r="X15" s="1203">
        <v>1811</v>
      </c>
      <c r="Y15" s="1203">
        <v>1068</v>
      </c>
      <c r="Z15" s="1203">
        <v>743</v>
      </c>
    </row>
    <row r="16" spans="1:28" ht="21" customHeight="1">
      <c r="A16" s="869" t="s">
        <v>316</v>
      </c>
      <c r="B16" s="1201">
        <v>96346</v>
      </c>
      <c r="C16" s="1085" t="s">
        <v>318</v>
      </c>
      <c r="D16" s="892"/>
      <c r="E16" s="1203">
        <v>-677</v>
      </c>
      <c r="F16" s="1202">
        <v>-449</v>
      </c>
      <c r="G16" s="1201">
        <v>-228</v>
      </c>
      <c r="H16" s="1203">
        <v>-746</v>
      </c>
      <c r="I16" s="1202">
        <v>-499</v>
      </c>
      <c r="J16" s="1204">
        <v>-247</v>
      </c>
      <c r="K16" s="1205" t="s">
        <v>188</v>
      </c>
      <c r="L16" s="1206" t="s">
        <v>188</v>
      </c>
      <c r="M16" s="1246" t="s">
        <v>188</v>
      </c>
      <c r="N16" s="1207"/>
      <c r="O16" s="1201">
        <v>746</v>
      </c>
      <c r="P16" s="1203">
        <v>499</v>
      </c>
      <c r="Q16" s="1203">
        <v>247</v>
      </c>
      <c r="R16" s="1203">
        <v>69</v>
      </c>
      <c r="S16" s="1202">
        <v>50</v>
      </c>
      <c r="T16" s="1204">
        <v>19</v>
      </c>
      <c r="U16" s="1201">
        <v>1217</v>
      </c>
      <c r="V16" s="1203">
        <v>648</v>
      </c>
      <c r="W16" s="1203">
        <v>569</v>
      </c>
      <c r="X16" s="1203">
        <v>1148</v>
      </c>
      <c r="Y16" s="1203">
        <v>598</v>
      </c>
      <c r="Z16" s="1203">
        <v>550</v>
      </c>
    </row>
    <row r="17" spans="1:26" ht="21" customHeight="1">
      <c r="A17" s="876" t="s">
        <v>531</v>
      </c>
      <c r="B17" s="1201">
        <v>96945</v>
      </c>
      <c r="C17" s="1085" t="s">
        <v>320</v>
      </c>
      <c r="D17" s="892"/>
      <c r="E17" s="1203">
        <v>-1745</v>
      </c>
      <c r="F17" s="1202">
        <v>-1067</v>
      </c>
      <c r="G17" s="1207">
        <v>-678</v>
      </c>
      <c r="H17" s="1203">
        <v>-1660</v>
      </c>
      <c r="I17" s="1202">
        <v>-1064</v>
      </c>
      <c r="J17" s="1204">
        <v>-596</v>
      </c>
      <c r="K17" s="1205" t="s">
        <v>188</v>
      </c>
      <c r="L17" s="1206" t="s">
        <v>188</v>
      </c>
      <c r="M17" s="1246" t="s">
        <v>188</v>
      </c>
      <c r="N17" s="1207"/>
      <c r="O17" s="1201">
        <v>1660</v>
      </c>
      <c r="P17" s="1203">
        <v>1064</v>
      </c>
      <c r="Q17" s="1203">
        <v>596</v>
      </c>
      <c r="R17" s="1203">
        <v>-85</v>
      </c>
      <c r="S17" s="1202">
        <v>-3</v>
      </c>
      <c r="T17" s="1204">
        <v>-82</v>
      </c>
      <c r="U17" s="1201">
        <v>723</v>
      </c>
      <c r="V17" s="1203">
        <v>338</v>
      </c>
      <c r="W17" s="1203">
        <v>385</v>
      </c>
      <c r="X17" s="1203">
        <v>808</v>
      </c>
      <c r="Y17" s="1203">
        <v>341</v>
      </c>
      <c r="Z17" s="1203">
        <v>467</v>
      </c>
    </row>
    <row r="18" spans="1:26" ht="21" customHeight="1">
      <c r="A18" s="869" t="s">
        <v>319</v>
      </c>
      <c r="B18" s="1201">
        <v>56454</v>
      </c>
      <c r="C18" s="1085" t="s">
        <v>322</v>
      </c>
      <c r="D18" s="892"/>
      <c r="E18" s="1203">
        <v>-3343</v>
      </c>
      <c r="F18" s="1202">
        <v>-1735</v>
      </c>
      <c r="G18" s="1201">
        <v>-1608</v>
      </c>
      <c r="H18" s="1203">
        <v>-3223</v>
      </c>
      <c r="I18" s="1202">
        <v>-1698</v>
      </c>
      <c r="J18" s="1204">
        <v>-1525</v>
      </c>
      <c r="K18" s="1205" t="s">
        <v>188</v>
      </c>
      <c r="L18" s="1206" t="s">
        <v>188</v>
      </c>
      <c r="M18" s="1246" t="s">
        <v>188</v>
      </c>
      <c r="N18" s="1207"/>
      <c r="O18" s="1201">
        <v>3223</v>
      </c>
      <c r="P18" s="1203">
        <v>1698</v>
      </c>
      <c r="Q18" s="1203">
        <v>1525</v>
      </c>
      <c r="R18" s="1203">
        <v>-120</v>
      </c>
      <c r="S18" s="1202">
        <v>-37</v>
      </c>
      <c r="T18" s="1204">
        <v>-83</v>
      </c>
      <c r="U18" s="1201">
        <v>549</v>
      </c>
      <c r="V18" s="1203">
        <v>180</v>
      </c>
      <c r="W18" s="1203">
        <v>369</v>
      </c>
      <c r="X18" s="1203">
        <v>669</v>
      </c>
      <c r="Y18" s="1203">
        <v>217</v>
      </c>
      <c r="Z18" s="1203">
        <v>452</v>
      </c>
    </row>
    <row r="19" spans="1:26" ht="21" customHeight="1">
      <c r="A19" s="869" t="s">
        <v>321</v>
      </c>
      <c r="B19" s="1210">
        <v>12501</v>
      </c>
      <c r="C19" s="1088" t="s">
        <v>324</v>
      </c>
      <c r="D19" s="1098"/>
      <c r="E19" s="1210">
        <v>-2064</v>
      </c>
      <c r="F19" s="1209">
        <v>-693</v>
      </c>
      <c r="G19" s="1208">
        <v>-1371</v>
      </c>
      <c r="H19" s="1210">
        <v>-2028</v>
      </c>
      <c r="I19" s="1209">
        <v>-677</v>
      </c>
      <c r="J19" s="1214">
        <v>-1351</v>
      </c>
      <c r="K19" s="1211" t="s">
        <v>188</v>
      </c>
      <c r="L19" s="1212" t="s">
        <v>188</v>
      </c>
      <c r="M19" s="1245" t="s">
        <v>188</v>
      </c>
      <c r="N19" s="1213"/>
      <c r="O19" s="1208">
        <v>2028</v>
      </c>
      <c r="P19" s="1210">
        <v>677</v>
      </c>
      <c r="Q19" s="1210">
        <v>1351</v>
      </c>
      <c r="R19" s="1210">
        <v>-36</v>
      </c>
      <c r="S19" s="1209">
        <v>-16</v>
      </c>
      <c r="T19" s="1214">
        <v>-20</v>
      </c>
      <c r="U19" s="1208">
        <v>161</v>
      </c>
      <c r="V19" s="1210">
        <v>33</v>
      </c>
      <c r="W19" s="1210">
        <v>128</v>
      </c>
      <c r="X19" s="1210">
        <v>197</v>
      </c>
      <c r="Y19" s="1210">
        <v>49</v>
      </c>
      <c r="Z19" s="1210">
        <v>148</v>
      </c>
    </row>
    <row r="20" spans="1:26" ht="21" customHeight="1">
      <c r="A20" s="869" t="s">
        <v>323</v>
      </c>
      <c r="B20" s="1210">
        <v>509</v>
      </c>
      <c r="C20" s="1088" t="s">
        <v>534</v>
      </c>
      <c r="D20" s="1098"/>
      <c r="E20" s="1209">
        <v>-213</v>
      </c>
      <c r="F20" s="1209">
        <v>-47</v>
      </c>
      <c r="G20" s="1210">
        <v>-166</v>
      </c>
      <c r="H20" s="1210">
        <v>-210</v>
      </c>
      <c r="I20" s="1209">
        <v>-45</v>
      </c>
      <c r="J20" s="1214">
        <v>-165</v>
      </c>
      <c r="K20" s="1211" t="s">
        <v>188</v>
      </c>
      <c r="L20" s="1212" t="s">
        <v>188</v>
      </c>
      <c r="M20" s="1212" t="s">
        <v>188</v>
      </c>
      <c r="N20" s="1213"/>
      <c r="O20" s="1262">
        <v>210</v>
      </c>
      <c r="P20" s="1229">
        <v>45</v>
      </c>
      <c r="Q20" s="1229">
        <v>165</v>
      </c>
      <c r="R20" s="1229">
        <v>-3</v>
      </c>
      <c r="S20" s="1228">
        <v>-2</v>
      </c>
      <c r="T20" s="1228">
        <v>-1</v>
      </c>
      <c r="U20" s="1262">
        <v>6</v>
      </c>
      <c r="V20" s="1229">
        <v>0</v>
      </c>
      <c r="W20" s="1229">
        <v>6</v>
      </c>
      <c r="X20" s="1229">
        <v>9</v>
      </c>
      <c r="Y20" s="1229">
        <v>2</v>
      </c>
      <c r="Z20" s="1229">
        <v>7</v>
      </c>
    </row>
    <row r="21" spans="1:26" ht="21" customHeight="1" thickBot="1">
      <c r="A21" s="877"/>
      <c r="B21" s="1236">
        <v>2679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3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709759</v>
      </c>
      <c r="C22" s="884" t="s">
        <v>238</v>
      </c>
      <c r="D22" s="892"/>
      <c r="E22" s="1238">
        <v>-3660</v>
      </c>
      <c r="F22" s="1255">
        <v>-1896</v>
      </c>
      <c r="G22" s="1256">
        <v>-1764</v>
      </c>
      <c r="H22" s="1238">
        <v>-3581</v>
      </c>
      <c r="I22" s="1255">
        <v>-1888</v>
      </c>
      <c r="J22" s="1257">
        <v>-1693</v>
      </c>
      <c r="K22" s="1238">
        <v>4534</v>
      </c>
      <c r="L22" s="1255">
        <v>2355</v>
      </c>
      <c r="M22" s="1257">
        <v>2179</v>
      </c>
      <c r="N22" s="1256"/>
      <c r="O22" s="1256">
        <v>8115</v>
      </c>
      <c r="P22" s="1255">
        <v>4243</v>
      </c>
      <c r="Q22" s="1256">
        <v>3872</v>
      </c>
      <c r="R22" s="1238">
        <v>-79</v>
      </c>
      <c r="S22" s="1255">
        <v>-8</v>
      </c>
      <c r="T22" s="1257">
        <v>-71</v>
      </c>
      <c r="U22" s="1256">
        <v>26958</v>
      </c>
      <c r="V22" s="1255">
        <v>15317</v>
      </c>
      <c r="W22" s="1256">
        <v>11641</v>
      </c>
      <c r="X22" s="1238">
        <v>27037</v>
      </c>
      <c r="Y22" s="1255">
        <v>15325</v>
      </c>
      <c r="Z22" s="1256">
        <v>11712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50700</v>
      </c>
      <c r="C24" s="884" t="s">
        <v>668</v>
      </c>
      <c r="D24" s="892"/>
      <c r="E24" s="1205">
        <v>5042</v>
      </c>
      <c r="F24" s="1206">
        <v>2614</v>
      </c>
      <c r="G24" s="1207">
        <v>2428</v>
      </c>
      <c r="H24" s="1205">
        <v>4520</v>
      </c>
      <c r="I24" s="1206">
        <v>2349</v>
      </c>
      <c r="J24" s="1246">
        <v>2171</v>
      </c>
      <c r="K24" s="1205">
        <v>4534</v>
      </c>
      <c r="L24" s="1205">
        <v>2355</v>
      </c>
      <c r="M24" s="1206">
        <v>2179</v>
      </c>
      <c r="N24" s="1207"/>
      <c r="O24" s="1207">
        <v>14</v>
      </c>
      <c r="P24" s="1205">
        <v>6</v>
      </c>
      <c r="Q24" s="1205">
        <v>8</v>
      </c>
      <c r="R24" s="1205">
        <v>522</v>
      </c>
      <c r="S24" s="1206">
        <v>265</v>
      </c>
      <c r="T24" s="1246">
        <v>257</v>
      </c>
      <c r="U24" s="1207">
        <v>2768</v>
      </c>
      <c r="V24" s="1205">
        <v>1394</v>
      </c>
      <c r="W24" s="1205">
        <v>1374</v>
      </c>
      <c r="X24" s="1205">
        <v>2246</v>
      </c>
      <c r="Y24" s="1205">
        <v>1129</v>
      </c>
      <c r="Z24" s="1205">
        <v>1117</v>
      </c>
    </row>
    <row r="25" spans="1:26" ht="21" customHeight="1">
      <c r="A25" s="869" t="s">
        <v>309</v>
      </c>
      <c r="B25" s="1258">
        <v>63869</v>
      </c>
      <c r="C25" s="1085" t="s">
        <v>312</v>
      </c>
      <c r="D25" s="892" t="s">
        <v>309</v>
      </c>
      <c r="E25" s="1205">
        <v>686</v>
      </c>
      <c r="F25" s="1206">
        <v>572</v>
      </c>
      <c r="G25" s="1207">
        <v>114</v>
      </c>
      <c r="H25" s="1205">
        <v>-10</v>
      </c>
      <c r="I25" s="1206">
        <v>-7</v>
      </c>
      <c r="J25" s="1246">
        <v>-3</v>
      </c>
      <c r="K25" s="1205" t="s">
        <v>188</v>
      </c>
      <c r="L25" s="1206" t="s">
        <v>188</v>
      </c>
      <c r="M25" s="1246" t="s">
        <v>188</v>
      </c>
      <c r="N25" s="1207"/>
      <c r="O25" s="1207">
        <v>10</v>
      </c>
      <c r="P25" s="1205">
        <v>7</v>
      </c>
      <c r="Q25" s="1205">
        <v>3</v>
      </c>
      <c r="R25" s="1205">
        <v>696</v>
      </c>
      <c r="S25" s="1206">
        <v>579</v>
      </c>
      <c r="T25" s="1246">
        <v>117</v>
      </c>
      <c r="U25" s="1207">
        <v>3105</v>
      </c>
      <c r="V25" s="1205">
        <v>2318</v>
      </c>
      <c r="W25" s="1205">
        <v>787</v>
      </c>
      <c r="X25" s="1205">
        <v>2409</v>
      </c>
      <c r="Y25" s="1205">
        <v>1739</v>
      </c>
      <c r="Z25" s="1205">
        <v>670</v>
      </c>
    </row>
    <row r="26" spans="1:26" ht="21" customHeight="1">
      <c r="A26" s="869" t="s">
        <v>311</v>
      </c>
      <c r="B26" s="1258">
        <v>60575</v>
      </c>
      <c r="C26" s="1085" t="s">
        <v>313</v>
      </c>
      <c r="D26" s="892" t="s">
        <v>311</v>
      </c>
      <c r="E26" s="1205">
        <v>-1555</v>
      </c>
      <c r="F26" s="1206">
        <v>-910</v>
      </c>
      <c r="G26" s="1207">
        <v>-645</v>
      </c>
      <c r="H26" s="1205">
        <v>-23</v>
      </c>
      <c r="I26" s="1206">
        <v>-18</v>
      </c>
      <c r="J26" s="1246">
        <v>-5</v>
      </c>
      <c r="K26" s="1205" t="s">
        <v>188</v>
      </c>
      <c r="L26" s="1206" t="s">
        <v>188</v>
      </c>
      <c r="M26" s="1246" t="s">
        <v>188</v>
      </c>
      <c r="N26" s="1207"/>
      <c r="O26" s="1207">
        <v>23</v>
      </c>
      <c r="P26" s="1205">
        <v>18</v>
      </c>
      <c r="Q26" s="1205">
        <v>5</v>
      </c>
      <c r="R26" s="1205">
        <v>-1532</v>
      </c>
      <c r="S26" s="1206">
        <v>-892</v>
      </c>
      <c r="T26" s="1246">
        <v>-640</v>
      </c>
      <c r="U26" s="1207">
        <v>7412</v>
      </c>
      <c r="V26" s="1205">
        <v>4412</v>
      </c>
      <c r="W26" s="1205">
        <v>3000</v>
      </c>
      <c r="X26" s="1205">
        <v>8944</v>
      </c>
      <c r="Y26" s="1205">
        <v>5304</v>
      </c>
      <c r="Z26" s="1205">
        <v>3640</v>
      </c>
    </row>
    <row r="27" spans="1:26" ht="21" customHeight="1">
      <c r="A27" s="875">
        <v>29</v>
      </c>
      <c r="B27" s="1258">
        <v>72061</v>
      </c>
      <c r="C27" s="1085" t="s">
        <v>314</v>
      </c>
      <c r="D27" s="875">
        <v>28</v>
      </c>
      <c r="E27" s="1205">
        <v>147</v>
      </c>
      <c r="F27" s="1206">
        <v>-37</v>
      </c>
      <c r="G27" s="1207">
        <v>184</v>
      </c>
      <c r="H27" s="1205">
        <v>-31</v>
      </c>
      <c r="I27" s="1206">
        <v>-20</v>
      </c>
      <c r="J27" s="1246">
        <v>-11</v>
      </c>
      <c r="K27" s="1205" t="s">
        <v>188</v>
      </c>
      <c r="L27" s="1206" t="s">
        <v>188</v>
      </c>
      <c r="M27" s="1246" t="s">
        <v>188</v>
      </c>
      <c r="N27" s="1207"/>
      <c r="O27" s="1207">
        <v>31</v>
      </c>
      <c r="P27" s="1205">
        <v>20</v>
      </c>
      <c r="Q27" s="1205">
        <v>11</v>
      </c>
      <c r="R27" s="1205">
        <v>178</v>
      </c>
      <c r="S27" s="1206">
        <v>-17</v>
      </c>
      <c r="T27" s="1246">
        <v>195</v>
      </c>
      <c r="U27" s="1207">
        <v>5933</v>
      </c>
      <c r="V27" s="1205">
        <v>3092</v>
      </c>
      <c r="W27" s="1205">
        <v>2841</v>
      </c>
      <c r="X27" s="1205">
        <v>5755</v>
      </c>
      <c r="Y27" s="1205">
        <v>3109</v>
      </c>
      <c r="Z27" s="1205">
        <v>2646</v>
      </c>
    </row>
    <row r="28" spans="1:26" ht="21" customHeight="1">
      <c r="A28" s="869" t="s">
        <v>172</v>
      </c>
      <c r="B28" s="1259">
        <v>110030</v>
      </c>
      <c r="C28" s="1088" t="s">
        <v>315</v>
      </c>
      <c r="D28" s="892" t="s">
        <v>172</v>
      </c>
      <c r="E28" s="1211">
        <v>22</v>
      </c>
      <c r="F28" s="1212">
        <v>33</v>
      </c>
      <c r="G28" s="1213">
        <v>-11</v>
      </c>
      <c r="H28" s="1211">
        <v>-119</v>
      </c>
      <c r="I28" s="1212">
        <v>-84</v>
      </c>
      <c r="J28" s="1245">
        <v>-35</v>
      </c>
      <c r="K28" s="1211" t="s">
        <v>188</v>
      </c>
      <c r="L28" s="1212" t="s">
        <v>188</v>
      </c>
      <c r="M28" s="1245" t="s">
        <v>188</v>
      </c>
      <c r="N28" s="1213"/>
      <c r="O28" s="1213">
        <v>119</v>
      </c>
      <c r="P28" s="1211">
        <v>84</v>
      </c>
      <c r="Q28" s="1211">
        <v>35</v>
      </c>
      <c r="R28" s="1211">
        <v>141</v>
      </c>
      <c r="S28" s="1212">
        <v>117</v>
      </c>
      <c r="T28" s="1245">
        <v>24</v>
      </c>
      <c r="U28" s="1213">
        <v>3494</v>
      </c>
      <c r="V28" s="1211">
        <v>1969</v>
      </c>
      <c r="W28" s="1211">
        <v>1525</v>
      </c>
      <c r="X28" s="1211">
        <v>3353</v>
      </c>
      <c r="Y28" s="1211">
        <v>1852</v>
      </c>
      <c r="Z28" s="1211">
        <v>1501</v>
      </c>
    </row>
    <row r="29" spans="1:26" ht="21" customHeight="1">
      <c r="A29" s="876" t="s">
        <v>531</v>
      </c>
      <c r="B29" s="1258">
        <v>86613</v>
      </c>
      <c r="C29" s="1085" t="s">
        <v>317</v>
      </c>
      <c r="D29" s="892" t="s">
        <v>530</v>
      </c>
      <c r="E29" s="1205">
        <v>-204</v>
      </c>
      <c r="F29" s="1206">
        <v>-193</v>
      </c>
      <c r="G29" s="1207">
        <v>-11</v>
      </c>
      <c r="H29" s="1205">
        <v>-248</v>
      </c>
      <c r="I29" s="1206">
        <v>-169</v>
      </c>
      <c r="J29" s="1246">
        <v>-79</v>
      </c>
      <c r="K29" s="1205" t="s">
        <v>188</v>
      </c>
      <c r="L29" s="1206" t="s">
        <v>188</v>
      </c>
      <c r="M29" s="1246" t="s">
        <v>188</v>
      </c>
      <c r="N29" s="1207"/>
      <c r="O29" s="1207">
        <v>248</v>
      </c>
      <c r="P29" s="1205">
        <v>169</v>
      </c>
      <c r="Q29" s="1205">
        <v>79</v>
      </c>
      <c r="R29" s="1205">
        <v>44</v>
      </c>
      <c r="S29" s="1206">
        <v>-24</v>
      </c>
      <c r="T29" s="1246">
        <v>68</v>
      </c>
      <c r="U29" s="1207">
        <v>1752</v>
      </c>
      <c r="V29" s="1205">
        <v>1017</v>
      </c>
      <c r="W29" s="1205">
        <v>735</v>
      </c>
      <c r="X29" s="1205">
        <v>1708</v>
      </c>
      <c r="Y29" s="1205">
        <v>1041</v>
      </c>
      <c r="Z29" s="1205">
        <v>667</v>
      </c>
    </row>
    <row r="30" spans="1:26" ht="21" customHeight="1">
      <c r="A30" s="869" t="s">
        <v>316</v>
      </c>
      <c r="B30" s="1258">
        <v>102903</v>
      </c>
      <c r="C30" s="1085" t="s">
        <v>318</v>
      </c>
      <c r="D30" s="892"/>
      <c r="E30" s="1205">
        <v>-742</v>
      </c>
      <c r="F30" s="1206">
        <v>-497</v>
      </c>
      <c r="G30" s="1207">
        <v>-245</v>
      </c>
      <c r="H30" s="1205">
        <v>-799</v>
      </c>
      <c r="I30" s="1206">
        <v>-551</v>
      </c>
      <c r="J30" s="1246">
        <v>-248</v>
      </c>
      <c r="K30" s="1205" t="s">
        <v>188</v>
      </c>
      <c r="L30" s="1206" t="s">
        <v>188</v>
      </c>
      <c r="M30" s="1246" t="s">
        <v>188</v>
      </c>
      <c r="N30" s="1207"/>
      <c r="O30" s="1207">
        <v>799</v>
      </c>
      <c r="P30" s="1205">
        <v>551</v>
      </c>
      <c r="Q30" s="1205">
        <v>248</v>
      </c>
      <c r="R30" s="1205">
        <v>57</v>
      </c>
      <c r="S30" s="1206">
        <v>54</v>
      </c>
      <c r="T30" s="1246">
        <v>3</v>
      </c>
      <c r="U30" s="1207">
        <v>1175</v>
      </c>
      <c r="V30" s="1205">
        <v>643</v>
      </c>
      <c r="W30" s="1205">
        <v>532</v>
      </c>
      <c r="X30" s="1205">
        <v>1118</v>
      </c>
      <c r="Y30" s="1205">
        <v>589</v>
      </c>
      <c r="Z30" s="1205">
        <v>529</v>
      </c>
    </row>
    <row r="31" spans="1:26" ht="21" customHeight="1">
      <c r="A31" s="876" t="s">
        <v>531</v>
      </c>
      <c r="B31" s="1258">
        <v>93424</v>
      </c>
      <c r="C31" s="1085" t="s">
        <v>320</v>
      </c>
      <c r="D31" s="892"/>
      <c r="E31" s="1205">
        <v>-1725</v>
      </c>
      <c r="F31" s="1206">
        <v>-1101</v>
      </c>
      <c r="G31" s="1207">
        <v>-624</v>
      </c>
      <c r="H31" s="1205">
        <v>-1604</v>
      </c>
      <c r="I31" s="1206">
        <v>-1045</v>
      </c>
      <c r="J31" s="1246">
        <v>-559</v>
      </c>
      <c r="K31" s="1205" t="s">
        <v>188</v>
      </c>
      <c r="L31" s="1206" t="s">
        <v>188</v>
      </c>
      <c r="M31" s="1246" t="s">
        <v>188</v>
      </c>
      <c r="N31" s="1207"/>
      <c r="O31" s="1207">
        <v>1604</v>
      </c>
      <c r="P31" s="1205">
        <v>1045</v>
      </c>
      <c r="Q31" s="1205">
        <v>559</v>
      </c>
      <c r="R31" s="1205">
        <v>-121</v>
      </c>
      <c r="S31" s="1206">
        <v>-56</v>
      </c>
      <c r="T31" s="1246">
        <v>-65</v>
      </c>
      <c r="U31" s="1207">
        <v>645</v>
      </c>
      <c r="V31" s="1205">
        <v>279</v>
      </c>
      <c r="W31" s="1205">
        <v>366</v>
      </c>
      <c r="X31" s="1205">
        <v>766</v>
      </c>
      <c r="Y31" s="1205">
        <v>335</v>
      </c>
      <c r="Z31" s="1205">
        <v>431</v>
      </c>
    </row>
    <row r="32" spans="1:26" ht="21" customHeight="1">
      <c r="A32" s="869" t="s">
        <v>319</v>
      </c>
      <c r="B32" s="1258">
        <v>54773</v>
      </c>
      <c r="C32" s="1085" t="s">
        <v>322</v>
      </c>
      <c r="D32" s="892"/>
      <c r="E32" s="1205">
        <v>-3152</v>
      </c>
      <c r="F32" s="1206">
        <v>-1686</v>
      </c>
      <c r="G32" s="1207">
        <v>-1466</v>
      </c>
      <c r="H32" s="1205">
        <v>-3084</v>
      </c>
      <c r="I32" s="1206">
        <v>-1657</v>
      </c>
      <c r="J32" s="1246">
        <v>-1427</v>
      </c>
      <c r="K32" s="1205" t="s">
        <v>188</v>
      </c>
      <c r="L32" s="1206" t="s">
        <v>188</v>
      </c>
      <c r="M32" s="1246" t="s">
        <v>188</v>
      </c>
      <c r="N32" s="1207"/>
      <c r="O32" s="1207">
        <v>3084</v>
      </c>
      <c r="P32" s="1205">
        <v>1657</v>
      </c>
      <c r="Q32" s="1205">
        <v>1427</v>
      </c>
      <c r="R32" s="1205">
        <v>-68</v>
      </c>
      <c r="S32" s="1206">
        <v>-29</v>
      </c>
      <c r="T32" s="1246">
        <v>-39</v>
      </c>
      <c r="U32" s="1207">
        <v>513</v>
      </c>
      <c r="V32" s="1205">
        <v>160</v>
      </c>
      <c r="W32" s="1205">
        <v>353</v>
      </c>
      <c r="X32" s="1205">
        <v>581</v>
      </c>
      <c r="Y32" s="1205">
        <v>189</v>
      </c>
      <c r="Z32" s="1205">
        <v>392</v>
      </c>
    </row>
    <row r="33" spans="1:26" ht="21" customHeight="1">
      <c r="A33" s="869" t="s">
        <v>321</v>
      </c>
      <c r="B33" s="1259">
        <v>11629</v>
      </c>
      <c r="C33" s="1088" t="s">
        <v>324</v>
      </c>
      <c r="D33" s="1098"/>
      <c r="E33" s="1211">
        <v>-1992</v>
      </c>
      <c r="F33" s="1212">
        <v>-666</v>
      </c>
      <c r="G33" s="1213">
        <v>-1326</v>
      </c>
      <c r="H33" s="1211">
        <v>-1993</v>
      </c>
      <c r="I33" s="1212">
        <v>-661</v>
      </c>
      <c r="J33" s="1245">
        <v>-1332</v>
      </c>
      <c r="K33" s="1211" t="s">
        <v>188</v>
      </c>
      <c r="L33" s="1212" t="s">
        <v>188</v>
      </c>
      <c r="M33" s="1245" t="s">
        <v>188</v>
      </c>
      <c r="N33" s="1213"/>
      <c r="O33" s="1213">
        <v>1993</v>
      </c>
      <c r="P33" s="1211">
        <v>661</v>
      </c>
      <c r="Q33" s="1211">
        <v>1332</v>
      </c>
      <c r="R33" s="1211">
        <v>1</v>
      </c>
      <c r="S33" s="1212">
        <v>-5</v>
      </c>
      <c r="T33" s="1245">
        <v>6</v>
      </c>
      <c r="U33" s="1213">
        <v>157</v>
      </c>
      <c r="V33" s="1211">
        <v>33</v>
      </c>
      <c r="W33" s="1211">
        <v>124</v>
      </c>
      <c r="X33" s="1211">
        <v>156</v>
      </c>
      <c r="Y33" s="1211">
        <v>38</v>
      </c>
      <c r="Z33" s="1211">
        <v>118</v>
      </c>
    </row>
    <row r="34" spans="1:26" ht="21" customHeight="1">
      <c r="A34" s="869" t="s">
        <v>323</v>
      </c>
      <c r="B34" s="1259">
        <v>503</v>
      </c>
      <c r="C34" s="1088" t="s">
        <v>534</v>
      </c>
      <c r="D34" s="1098"/>
      <c r="E34" s="1212">
        <v>-187</v>
      </c>
      <c r="F34" s="1212">
        <v>-25</v>
      </c>
      <c r="G34" s="1211">
        <v>-162</v>
      </c>
      <c r="H34" s="1211">
        <v>-190</v>
      </c>
      <c r="I34" s="1212">
        <v>-25</v>
      </c>
      <c r="J34" s="1245">
        <v>-165</v>
      </c>
      <c r="K34" s="1211" t="s">
        <v>188</v>
      </c>
      <c r="L34" s="1212" t="s">
        <v>188</v>
      </c>
      <c r="M34" s="1212" t="s">
        <v>188</v>
      </c>
      <c r="N34" s="1213"/>
      <c r="O34" s="1213">
        <v>190</v>
      </c>
      <c r="P34" s="1211">
        <v>25</v>
      </c>
      <c r="Q34" s="1211">
        <v>165</v>
      </c>
      <c r="R34" s="1211">
        <v>3</v>
      </c>
      <c r="S34" s="1212">
        <v>0</v>
      </c>
      <c r="T34" s="1212">
        <v>3</v>
      </c>
      <c r="U34" s="1213">
        <v>4</v>
      </c>
      <c r="V34" s="1211">
        <v>0</v>
      </c>
      <c r="W34" s="1211">
        <v>4</v>
      </c>
      <c r="X34" s="1211">
        <v>1</v>
      </c>
      <c r="Y34" s="1211">
        <v>0</v>
      </c>
      <c r="Z34" s="1211">
        <v>1</v>
      </c>
    </row>
    <row r="35" spans="1:26" ht="21" customHeight="1" thickBot="1">
      <c r="A35" s="866"/>
      <c r="B35" s="1258">
        <v>2679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-4395</v>
      </c>
      <c r="C36" s="1101" t="s">
        <v>238</v>
      </c>
      <c r="D36" s="1102"/>
      <c r="E36" s="1252">
        <v>-735</v>
      </c>
      <c r="F36" s="1252">
        <v>-394</v>
      </c>
      <c r="G36" s="1252">
        <v>-341</v>
      </c>
      <c r="H36" s="1252">
        <v>-595</v>
      </c>
      <c r="I36" s="1252">
        <v>-255</v>
      </c>
      <c r="J36" s="1252">
        <v>-340</v>
      </c>
      <c r="K36" s="1252">
        <v>-344</v>
      </c>
      <c r="L36" s="1252">
        <v>-179</v>
      </c>
      <c r="M36" s="1250">
        <v>-165</v>
      </c>
      <c r="N36" s="1248"/>
      <c r="O36" s="1251">
        <v>251</v>
      </c>
      <c r="P36" s="1250">
        <v>76</v>
      </c>
      <c r="Q36" s="1250">
        <v>175</v>
      </c>
      <c r="R36" s="1250">
        <v>-140</v>
      </c>
      <c r="S36" s="1250">
        <v>-139</v>
      </c>
      <c r="T36" s="1250">
        <v>-1</v>
      </c>
      <c r="U36" s="1250">
        <v>758</v>
      </c>
      <c r="V36" s="1250">
        <v>193</v>
      </c>
      <c r="W36" s="1250">
        <v>565</v>
      </c>
      <c r="X36" s="1250">
        <v>898</v>
      </c>
      <c r="Y36" s="1250">
        <v>332</v>
      </c>
      <c r="Z36" s="1248">
        <v>56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095</v>
      </c>
      <c r="C38" s="884" t="s">
        <v>668</v>
      </c>
      <c r="D38" s="892" t="s">
        <v>671</v>
      </c>
      <c r="E38" s="1205">
        <v>-424</v>
      </c>
      <c r="F38" s="1205">
        <v>-304</v>
      </c>
      <c r="G38" s="1205">
        <v>-120</v>
      </c>
      <c r="H38" s="1205">
        <v>-344</v>
      </c>
      <c r="I38" s="1205">
        <v>-183</v>
      </c>
      <c r="J38" s="1205">
        <v>-161</v>
      </c>
      <c r="K38" s="1205">
        <v>-344</v>
      </c>
      <c r="L38" s="1205">
        <v>-179</v>
      </c>
      <c r="M38" s="1206">
        <v>-165</v>
      </c>
      <c r="N38" s="1207"/>
      <c r="O38" s="1246">
        <v>0</v>
      </c>
      <c r="P38" s="1206">
        <v>4</v>
      </c>
      <c r="Q38" s="1206">
        <v>-4</v>
      </c>
      <c r="R38" s="1206">
        <v>-80</v>
      </c>
      <c r="S38" s="1206">
        <v>-121</v>
      </c>
      <c r="T38" s="1206">
        <v>41</v>
      </c>
      <c r="U38" s="1206">
        <v>-32</v>
      </c>
      <c r="V38" s="1206">
        <v>-38</v>
      </c>
      <c r="W38" s="1206">
        <v>6</v>
      </c>
      <c r="X38" s="1206">
        <v>48</v>
      </c>
      <c r="Y38" s="1206">
        <v>83</v>
      </c>
      <c r="Z38" s="1207">
        <v>-35</v>
      </c>
    </row>
    <row r="39" spans="1:26" ht="21" customHeight="1">
      <c r="A39" s="869" t="s">
        <v>669</v>
      </c>
      <c r="B39" s="1207">
        <v>-569</v>
      </c>
      <c r="C39" s="1085" t="s">
        <v>312</v>
      </c>
      <c r="D39" s="892" t="s">
        <v>669</v>
      </c>
      <c r="E39" s="1205">
        <v>-217</v>
      </c>
      <c r="F39" s="1205">
        <v>-174</v>
      </c>
      <c r="G39" s="1205">
        <v>-43</v>
      </c>
      <c r="H39" s="1205">
        <v>2</v>
      </c>
      <c r="I39" s="1205">
        <v>1</v>
      </c>
      <c r="J39" s="1205">
        <v>1</v>
      </c>
      <c r="K39" s="1205" t="s">
        <v>188</v>
      </c>
      <c r="L39" s="1205" t="s">
        <v>188</v>
      </c>
      <c r="M39" s="1206" t="s">
        <v>188</v>
      </c>
      <c r="N39" s="1207"/>
      <c r="O39" s="1246">
        <v>-2</v>
      </c>
      <c r="P39" s="1206">
        <v>-1</v>
      </c>
      <c r="Q39" s="1206">
        <v>-1</v>
      </c>
      <c r="R39" s="1206">
        <v>-219</v>
      </c>
      <c r="S39" s="1206">
        <v>-175</v>
      </c>
      <c r="T39" s="1206">
        <v>-44</v>
      </c>
      <c r="U39" s="1206">
        <v>87</v>
      </c>
      <c r="V39" s="1206">
        <v>8</v>
      </c>
      <c r="W39" s="1206">
        <v>79</v>
      </c>
      <c r="X39" s="1206">
        <v>306</v>
      </c>
      <c r="Y39" s="1206">
        <v>183</v>
      </c>
      <c r="Z39" s="1207">
        <v>123</v>
      </c>
    </row>
    <row r="40" spans="1:26" ht="21" customHeight="1">
      <c r="A40" s="876"/>
      <c r="B40" s="1207">
        <v>-695</v>
      </c>
      <c r="C40" s="1085" t="s">
        <v>313</v>
      </c>
      <c r="D40" s="875"/>
      <c r="E40" s="1205">
        <v>2</v>
      </c>
      <c r="F40" s="1205">
        <v>-21</v>
      </c>
      <c r="G40" s="1205">
        <v>23</v>
      </c>
      <c r="H40" s="1205">
        <v>1</v>
      </c>
      <c r="I40" s="1205">
        <v>5</v>
      </c>
      <c r="J40" s="1205">
        <v>-4</v>
      </c>
      <c r="K40" s="1205" t="s">
        <v>188</v>
      </c>
      <c r="L40" s="1205" t="s">
        <v>188</v>
      </c>
      <c r="M40" s="1206" t="s">
        <v>188</v>
      </c>
      <c r="N40" s="1207"/>
      <c r="O40" s="1246">
        <v>-1</v>
      </c>
      <c r="P40" s="1206">
        <v>-5</v>
      </c>
      <c r="Q40" s="1206">
        <v>4</v>
      </c>
      <c r="R40" s="1206">
        <v>1</v>
      </c>
      <c r="S40" s="1206">
        <v>-26</v>
      </c>
      <c r="T40" s="1206">
        <v>27</v>
      </c>
      <c r="U40" s="1206">
        <v>265</v>
      </c>
      <c r="V40" s="1206">
        <v>31</v>
      </c>
      <c r="W40" s="1206">
        <v>234</v>
      </c>
      <c r="X40" s="1206">
        <v>264</v>
      </c>
      <c r="Y40" s="1206">
        <v>57</v>
      </c>
      <c r="Z40" s="1207">
        <v>207</v>
      </c>
    </row>
    <row r="41" spans="1:26" ht="21" customHeight="1">
      <c r="A41" s="869" t="s">
        <v>309</v>
      </c>
      <c r="B41" s="1207">
        <v>-2726</v>
      </c>
      <c r="C41" s="1085" t="s">
        <v>314</v>
      </c>
      <c r="D41" s="892" t="s">
        <v>309</v>
      </c>
      <c r="E41" s="1205">
        <v>171</v>
      </c>
      <c r="F41" s="1205">
        <v>166</v>
      </c>
      <c r="G41" s="1205">
        <v>5</v>
      </c>
      <c r="H41" s="1205">
        <v>-9</v>
      </c>
      <c r="I41" s="1205">
        <v>-6</v>
      </c>
      <c r="J41" s="1205">
        <v>-3</v>
      </c>
      <c r="K41" s="1205" t="s">
        <v>188</v>
      </c>
      <c r="L41" s="1205" t="s">
        <v>188</v>
      </c>
      <c r="M41" s="1206" t="s">
        <v>188</v>
      </c>
      <c r="N41" s="1207"/>
      <c r="O41" s="1246">
        <v>9</v>
      </c>
      <c r="P41" s="1206">
        <v>6</v>
      </c>
      <c r="Q41" s="1206">
        <v>3</v>
      </c>
      <c r="R41" s="1206">
        <v>180</v>
      </c>
      <c r="S41" s="1206">
        <v>172</v>
      </c>
      <c r="T41" s="1206">
        <v>8</v>
      </c>
      <c r="U41" s="1206">
        <v>61</v>
      </c>
      <c r="V41" s="1206">
        <v>64</v>
      </c>
      <c r="W41" s="1206">
        <v>-3</v>
      </c>
      <c r="X41" s="1206">
        <v>-119</v>
      </c>
      <c r="Y41" s="1206">
        <v>-108</v>
      </c>
      <c r="Z41" s="1207">
        <v>-11</v>
      </c>
    </row>
    <row r="42" spans="1:26" ht="21" customHeight="1">
      <c r="A42" s="869" t="s">
        <v>311</v>
      </c>
      <c r="B42" s="1211">
        <v>-2307</v>
      </c>
      <c r="C42" s="1088" t="s">
        <v>315</v>
      </c>
      <c r="D42" s="892" t="s">
        <v>311</v>
      </c>
      <c r="E42" s="1211">
        <v>-29</v>
      </c>
      <c r="F42" s="1211">
        <v>-53</v>
      </c>
      <c r="G42" s="1211">
        <v>24</v>
      </c>
      <c r="H42" s="1211">
        <v>-20</v>
      </c>
      <c r="I42" s="1211">
        <v>-8</v>
      </c>
      <c r="J42" s="1212">
        <v>-12</v>
      </c>
      <c r="K42" s="1205" t="s">
        <v>188</v>
      </c>
      <c r="L42" s="1205" t="s">
        <v>188</v>
      </c>
      <c r="M42" s="1206" t="s">
        <v>188</v>
      </c>
      <c r="N42" s="1207"/>
      <c r="O42" s="1245">
        <v>20</v>
      </c>
      <c r="P42" s="1212">
        <v>8</v>
      </c>
      <c r="Q42" s="1212">
        <v>12</v>
      </c>
      <c r="R42" s="1212">
        <v>-9</v>
      </c>
      <c r="S42" s="1212">
        <v>-45</v>
      </c>
      <c r="T42" s="1212">
        <v>36</v>
      </c>
      <c r="U42" s="1212">
        <v>78</v>
      </c>
      <c r="V42" s="1212">
        <v>-11</v>
      </c>
      <c r="W42" s="1212">
        <v>89</v>
      </c>
      <c r="X42" s="1212">
        <v>87</v>
      </c>
      <c r="Y42" s="1212">
        <v>34</v>
      </c>
      <c r="Z42" s="1213">
        <v>53</v>
      </c>
    </row>
    <row r="43" spans="1:26" ht="21" customHeight="1">
      <c r="A43" s="876">
        <v>29</v>
      </c>
      <c r="B43" s="1207">
        <v>3474</v>
      </c>
      <c r="C43" s="1085" t="s">
        <v>317</v>
      </c>
      <c r="D43" s="875">
        <v>28</v>
      </c>
      <c r="E43" s="1205">
        <v>6</v>
      </c>
      <c r="F43" s="1205">
        <v>8</v>
      </c>
      <c r="G43" s="1205">
        <v>-2</v>
      </c>
      <c r="H43" s="1205">
        <v>-28</v>
      </c>
      <c r="I43" s="1205">
        <v>-20</v>
      </c>
      <c r="J43" s="1205">
        <v>-8</v>
      </c>
      <c r="K43" s="1253" t="s">
        <v>188</v>
      </c>
      <c r="L43" s="1253" t="s">
        <v>188</v>
      </c>
      <c r="M43" s="1247" t="s">
        <v>188</v>
      </c>
      <c r="N43" s="1207"/>
      <c r="O43" s="1246">
        <v>28</v>
      </c>
      <c r="P43" s="1206">
        <v>20</v>
      </c>
      <c r="Q43" s="1206">
        <v>8</v>
      </c>
      <c r="R43" s="1206">
        <v>34</v>
      </c>
      <c r="S43" s="1206">
        <v>28</v>
      </c>
      <c r="T43" s="1206">
        <v>6</v>
      </c>
      <c r="U43" s="1206">
        <v>137</v>
      </c>
      <c r="V43" s="1206">
        <v>55</v>
      </c>
      <c r="W43" s="1206">
        <v>82</v>
      </c>
      <c r="X43" s="1206">
        <v>103</v>
      </c>
      <c r="Y43" s="1206">
        <v>27</v>
      </c>
      <c r="Z43" s="1207">
        <v>76</v>
      </c>
    </row>
    <row r="44" spans="1:26" ht="21" customHeight="1">
      <c r="A44" s="883" t="s">
        <v>672</v>
      </c>
      <c r="B44" s="1207">
        <v>-6557</v>
      </c>
      <c r="C44" s="1085" t="s">
        <v>318</v>
      </c>
      <c r="D44" s="1109" t="s">
        <v>672</v>
      </c>
      <c r="E44" s="1205">
        <v>65</v>
      </c>
      <c r="F44" s="1205">
        <v>48</v>
      </c>
      <c r="G44" s="1205">
        <v>17</v>
      </c>
      <c r="H44" s="1205">
        <v>53</v>
      </c>
      <c r="I44" s="1205">
        <v>52</v>
      </c>
      <c r="J44" s="1205">
        <v>1</v>
      </c>
      <c r="K44" s="1205" t="s">
        <v>188</v>
      </c>
      <c r="L44" s="1205" t="s">
        <v>188</v>
      </c>
      <c r="M44" s="1206" t="s">
        <v>188</v>
      </c>
      <c r="N44" s="1207"/>
      <c r="O44" s="1246">
        <v>-53</v>
      </c>
      <c r="P44" s="1206">
        <v>-52</v>
      </c>
      <c r="Q44" s="1206">
        <v>-1</v>
      </c>
      <c r="R44" s="1206">
        <v>12</v>
      </c>
      <c r="S44" s="1206">
        <v>-4</v>
      </c>
      <c r="T44" s="1206">
        <v>16</v>
      </c>
      <c r="U44" s="1206">
        <v>42</v>
      </c>
      <c r="V44" s="1206">
        <v>5</v>
      </c>
      <c r="W44" s="1206">
        <v>37</v>
      </c>
      <c r="X44" s="1206">
        <v>30</v>
      </c>
      <c r="Y44" s="1206">
        <v>9</v>
      </c>
      <c r="Z44" s="1207">
        <v>21</v>
      </c>
    </row>
    <row r="45" spans="1:26" ht="21" customHeight="1">
      <c r="A45" s="876">
        <v>30</v>
      </c>
      <c r="B45" s="1207">
        <v>3521</v>
      </c>
      <c r="C45" s="1085" t="s">
        <v>320</v>
      </c>
      <c r="D45" s="875">
        <v>29</v>
      </c>
      <c r="E45" s="1205">
        <v>-20</v>
      </c>
      <c r="F45" s="1205">
        <v>34</v>
      </c>
      <c r="G45" s="1205">
        <v>-54</v>
      </c>
      <c r="H45" s="1205">
        <v>-56</v>
      </c>
      <c r="I45" s="1205">
        <v>-19</v>
      </c>
      <c r="J45" s="1205">
        <v>-37</v>
      </c>
      <c r="K45" s="1205" t="s">
        <v>188</v>
      </c>
      <c r="L45" s="1205" t="s">
        <v>188</v>
      </c>
      <c r="M45" s="1206" t="s">
        <v>188</v>
      </c>
      <c r="N45" s="1207"/>
      <c r="O45" s="1246">
        <v>56</v>
      </c>
      <c r="P45" s="1206">
        <v>19</v>
      </c>
      <c r="Q45" s="1206">
        <v>37</v>
      </c>
      <c r="R45" s="1206">
        <v>36</v>
      </c>
      <c r="S45" s="1206">
        <v>53</v>
      </c>
      <c r="T45" s="1206">
        <v>-17</v>
      </c>
      <c r="U45" s="1206">
        <v>78</v>
      </c>
      <c r="V45" s="1206">
        <v>59</v>
      </c>
      <c r="W45" s="1206">
        <v>19</v>
      </c>
      <c r="X45" s="1206">
        <v>42</v>
      </c>
      <c r="Y45" s="1206">
        <v>6</v>
      </c>
      <c r="Z45" s="1207">
        <v>36</v>
      </c>
    </row>
    <row r="46" spans="1:26" ht="21" customHeight="1">
      <c r="A46" s="869" t="s">
        <v>172</v>
      </c>
      <c r="B46" s="1207">
        <v>1681</v>
      </c>
      <c r="C46" s="1085" t="s">
        <v>322</v>
      </c>
      <c r="D46" s="892" t="s">
        <v>172</v>
      </c>
      <c r="E46" s="1205">
        <v>-191</v>
      </c>
      <c r="F46" s="1205">
        <v>-49</v>
      </c>
      <c r="G46" s="1205">
        <v>-142</v>
      </c>
      <c r="H46" s="1205">
        <v>-139</v>
      </c>
      <c r="I46" s="1205">
        <v>-41</v>
      </c>
      <c r="J46" s="1205">
        <v>-98</v>
      </c>
      <c r="K46" s="1205" t="s">
        <v>188</v>
      </c>
      <c r="L46" s="1205" t="s">
        <v>188</v>
      </c>
      <c r="M46" s="1206" t="s">
        <v>188</v>
      </c>
      <c r="N46" s="1207"/>
      <c r="O46" s="1246">
        <v>139</v>
      </c>
      <c r="P46" s="1206">
        <v>41</v>
      </c>
      <c r="Q46" s="1206">
        <v>98</v>
      </c>
      <c r="R46" s="1206">
        <v>-52</v>
      </c>
      <c r="S46" s="1206">
        <v>-8</v>
      </c>
      <c r="T46" s="1206">
        <v>-44</v>
      </c>
      <c r="U46" s="1206">
        <v>36</v>
      </c>
      <c r="V46" s="1206">
        <v>20</v>
      </c>
      <c r="W46" s="1206">
        <v>16</v>
      </c>
      <c r="X46" s="1206">
        <v>88</v>
      </c>
      <c r="Y46" s="1206">
        <v>28</v>
      </c>
      <c r="Z46" s="1207">
        <v>60</v>
      </c>
    </row>
    <row r="47" spans="1:26" ht="21" customHeight="1">
      <c r="A47" s="869" t="s">
        <v>673</v>
      </c>
      <c r="B47" s="1211">
        <v>872</v>
      </c>
      <c r="C47" s="1088" t="s">
        <v>324</v>
      </c>
      <c r="D47" s="892" t="s">
        <v>530</v>
      </c>
      <c r="E47" s="1211">
        <v>-72</v>
      </c>
      <c r="F47" s="1211">
        <v>-27</v>
      </c>
      <c r="G47" s="1211">
        <v>-45</v>
      </c>
      <c r="H47" s="1211">
        <v>-35</v>
      </c>
      <c r="I47" s="1211">
        <v>-16</v>
      </c>
      <c r="J47" s="1211">
        <v>-19</v>
      </c>
      <c r="K47" s="1212" t="s">
        <v>188</v>
      </c>
      <c r="L47" s="1211" t="s">
        <v>188</v>
      </c>
      <c r="M47" s="1212" t="s">
        <v>188</v>
      </c>
      <c r="N47" s="1213"/>
      <c r="O47" s="1245">
        <v>35</v>
      </c>
      <c r="P47" s="1212">
        <v>16</v>
      </c>
      <c r="Q47" s="1212">
        <v>19</v>
      </c>
      <c r="R47" s="1212">
        <v>-37</v>
      </c>
      <c r="S47" s="1212">
        <v>-11</v>
      </c>
      <c r="T47" s="1212">
        <v>-26</v>
      </c>
      <c r="U47" s="1212">
        <v>4</v>
      </c>
      <c r="V47" s="1212">
        <v>0</v>
      </c>
      <c r="W47" s="1212">
        <v>4</v>
      </c>
      <c r="X47" s="1212">
        <v>41</v>
      </c>
      <c r="Y47" s="1212">
        <v>11</v>
      </c>
      <c r="Z47" s="1213">
        <v>30</v>
      </c>
    </row>
    <row r="48" spans="1:26" ht="21" customHeight="1">
      <c r="A48" s="869" t="s">
        <v>674</v>
      </c>
      <c r="B48" s="1211">
        <v>6</v>
      </c>
      <c r="C48" s="1088" t="s">
        <v>534</v>
      </c>
      <c r="D48" s="892" t="s">
        <v>673</v>
      </c>
      <c r="E48" s="1231">
        <v>-26</v>
      </c>
      <c r="F48" s="1231">
        <v>-22</v>
      </c>
      <c r="G48" s="1231">
        <v>-4</v>
      </c>
      <c r="H48" s="1231">
        <v>-20</v>
      </c>
      <c r="I48" s="1231">
        <v>-20</v>
      </c>
      <c r="J48" s="1232">
        <v>0</v>
      </c>
      <c r="K48" s="1211" t="s">
        <v>188</v>
      </c>
      <c r="L48" s="1231" t="s">
        <v>188</v>
      </c>
      <c r="M48" s="1232" t="s">
        <v>188</v>
      </c>
      <c r="N48" s="1260"/>
      <c r="O48" s="1261">
        <v>20</v>
      </c>
      <c r="P48" s="1232">
        <v>20</v>
      </c>
      <c r="Q48" s="1232">
        <v>0</v>
      </c>
      <c r="R48" s="1232">
        <v>-6</v>
      </c>
      <c r="S48" s="1232">
        <v>-2</v>
      </c>
      <c r="T48" s="1232">
        <v>-4</v>
      </c>
      <c r="U48" s="1232">
        <v>2</v>
      </c>
      <c r="V48" s="1232">
        <v>0</v>
      </c>
      <c r="W48" s="1232">
        <v>2</v>
      </c>
      <c r="X48" s="1232">
        <v>8</v>
      </c>
      <c r="Y48" s="1232">
        <v>2</v>
      </c>
      <c r="Z48" s="1260">
        <v>6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4" t="s">
        <v>188</v>
      </c>
      <c r="P49" s="1244" t="s">
        <v>188</v>
      </c>
      <c r="Q49" s="1243" t="s">
        <v>188</v>
      </c>
      <c r="R49" s="1241" t="s">
        <v>188</v>
      </c>
      <c r="S49" s="1242" t="s">
        <v>188</v>
      </c>
      <c r="T49" s="1242" t="s">
        <v>188</v>
      </c>
      <c r="U49" s="1242" t="s">
        <v>188</v>
      </c>
      <c r="V49" s="1242" t="s">
        <v>188</v>
      </c>
      <c r="W49" s="1242" t="s">
        <v>188</v>
      </c>
      <c r="X49" s="1242" t="s">
        <v>188</v>
      </c>
      <c r="Y49" s="1244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44" fitToWidth="0" orientation="portrait" blackAndWhite="1" useFirstPageNumber="1" r:id="rId1"/>
  <headerFooter>
    <oddFooter>&amp;C&amp;"ＭＳ ゴシック,太字"&amp;12-&amp;P--</oddFooter>
    <evenFooter>&amp;C－45－</evenFoot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90</v>
      </c>
      <c r="C1" s="358"/>
      <c r="D1" s="358"/>
      <c r="E1" s="358"/>
      <c r="F1" s="358"/>
      <c r="G1" s="358"/>
      <c r="T1" s="358" t="s">
        <v>690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1</v>
      </c>
      <c r="B3" s="861"/>
      <c r="C3" s="853"/>
      <c r="D3" s="809"/>
      <c r="E3" s="810" t="s">
        <v>661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9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93</v>
      </c>
      <c r="F5" s="814"/>
      <c r="G5" s="813"/>
      <c r="H5" s="815" t="s">
        <v>69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1572147</v>
      </c>
      <c r="C8" s="884" t="s">
        <v>238</v>
      </c>
      <c r="D8" s="885"/>
      <c r="E8" s="1140">
        <v>3608</v>
      </c>
      <c r="F8" s="1141">
        <v>1798</v>
      </c>
      <c r="G8" s="1143">
        <v>1810</v>
      </c>
      <c r="H8" s="1140">
        <v>-1669</v>
      </c>
      <c r="I8" s="1141">
        <v>-1490</v>
      </c>
      <c r="J8" s="1142">
        <v>-179</v>
      </c>
      <c r="K8" s="1140">
        <v>11521</v>
      </c>
      <c r="L8" s="1141">
        <v>5876</v>
      </c>
      <c r="M8" s="1142">
        <v>5645</v>
      </c>
      <c r="N8" s="1143"/>
      <c r="O8" s="1143">
        <v>13190</v>
      </c>
      <c r="P8" s="1141">
        <v>7366</v>
      </c>
      <c r="Q8" s="1143">
        <v>5824</v>
      </c>
      <c r="R8" s="1140">
        <v>5277</v>
      </c>
      <c r="S8" s="1141">
        <v>3288</v>
      </c>
      <c r="T8" s="1142">
        <v>1989</v>
      </c>
      <c r="U8" s="1143">
        <v>77857</v>
      </c>
      <c r="V8" s="1141">
        <v>42461</v>
      </c>
      <c r="W8" s="1143">
        <v>35396</v>
      </c>
      <c r="X8" s="1140">
        <v>72580</v>
      </c>
      <c r="Y8" s="1141">
        <v>39173</v>
      </c>
      <c r="Z8" s="1143">
        <v>33407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125501</v>
      </c>
      <c r="C10" s="884" t="s">
        <v>668</v>
      </c>
      <c r="D10" s="892"/>
      <c r="E10" s="1203">
        <v>11674</v>
      </c>
      <c r="F10" s="1202">
        <v>6022</v>
      </c>
      <c r="G10" s="1201">
        <v>5652</v>
      </c>
      <c r="H10" s="1203">
        <v>11471</v>
      </c>
      <c r="I10" s="1202">
        <v>5849</v>
      </c>
      <c r="J10" s="1204">
        <v>5622</v>
      </c>
      <c r="K10" s="1203">
        <v>11521</v>
      </c>
      <c r="L10" s="1203">
        <v>5876</v>
      </c>
      <c r="M10" s="1202">
        <v>5645</v>
      </c>
      <c r="N10" s="1201"/>
      <c r="O10" s="1201">
        <v>50</v>
      </c>
      <c r="P10" s="1203">
        <v>27</v>
      </c>
      <c r="Q10" s="1203">
        <v>23</v>
      </c>
      <c r="R10" s="1203">
        <v>203</v>
      </c>
      <c r="S10" s="1202">
        <v>173</v>
      </c>
      <c r="T10" s="1204">
        <v>30</v>
      </c>
      <c r="U10" s="1201">
        <v>6858</v>
      </c>
      <c r="V10" s="1202">
        <v>3541</v>
      </c>
      <c r="W10" s="1203">
        <v>3317</v>
      </c>
      <c r="X10" s="1203">
        <v>6655</v>
      </c>
      <c r="Y10" s="1202">
        <v>3368</v>
      </c>
      <c r="Z10" s="1203">
        <v>3287</v>
      </c>
      <c r="AB10" s="178"/>
    </row>
    <row r="11" spans="1:28" ht="21" customHeight="1">
      <c r="A11" s="869" t="s">
        <v>309</v>
      </c>
      <c r="B11" s="1201">
        <v>141257</v>
      </c>
      <c r="C11" s="1085" t="s">
        <v>312</v>
      </c>
      <c r="D11" s="892" t="s">
        <v>309</v>
      </c>
      <c r="E11" s="1203">
        <v>1334</v>
      </c>
      <c r="F11" s="1202">
        <v>723</v>
      </c>
      <c r="G11" s="1201">
        <v>611</v>
      </c>
      <c r="H11" s="1203">
        <v>-15</v>
      </c>
      <c r="I11" s="1202">
        <v>-12</v>
      </c>
      <c r="J11" s="1204">
        <v>-3</v>
      </c>
      <c r="K11" s="1205" t="s">
        <v>188</v>
      </c>
      <c r="L11" s="1206" t="s">
        <v>188</v>
      </c>
      <c r="M11" s="1246" t="s">
        <v>188</v>
      </c>
      <c r="N11" s="1207"/>
      <c r="O11" s="1201">
        <v>15</v>
      </c>
      <c r="P11" s="1203">
        <v>12</v>
      </c>
      <c r="Q11" s="1203">
        <v>3</v>
      </c>
      <c r="R11" s="1203">
        <v>1349</v>
      </c>
      <c r="S11" s="1202">
        <v>735</v>
      </c>
      <c r="T11" s="1204">
        <v>614</v>
      </c>
      <c r="U11" s="1201">
        <v>4650</v>
      </c>
      <c r="V11" s="1202">
        <v>2429</v>
      </c>
      <c r="W11" s="1203">
        <v>2221</v>
      </c>
      <c r="X11" s="1203">
        <v>3301</v>
      </c>
      <c r="Y11" s="1202">
        <v>1694</v>
      </c>
      <c r="Z11" s="1203">
        <v>1607</v>
      </c>
    </row>
    <row r="12" spans="1:28" ht="21" customHeight="1">
      <c r="A12" s="869" t="s">
        <v>311</v>
      </c>
      <c r="B12" s="1201">
        <v>171879</v>
      </c>
      <c r="C12" s="1085" t="s">
        <v>313</v>
      </c>
      <c r="D12" s="892" t="s">
        <v>311</v>
      </c>
      <c r="E12" s="1203">
        <v>2059</v>
      </c>
      <c r="F12" s="1202">
        <v>1586</v>
      </c>
      <c r="G12" s="1201">
        <v>473</v>
      </c>
      <c r="H12" s="1203">
        <v>-66</v>
      </c>
      <c r="I12" s="1202">
        <v>-41</v>
      </c>
      <c r="J12" s="1204">
        <v>-25</v>
      </c>
      <c r="K12" s="1205" t="s">
        <v>188</v>
      </c>
      <c r="L12" s="1206" t="s">
        <v>188</v>
      </c>
      <c r="M12" s="1246" t="s">
        <v>188</v>
      </c>
      <c r="N12" s="1207"/>
      <c r="O12" s="1201">
        <v>66</v>
      </c>
      <c r="P12" s="1203">
        <v>41</v>
      </c>
      <c r="Q12" s="1203">
        <v>25</v>
      </c>
      <c r="R12" s="1203">
        <v>2125</v>
      </c>
      <c r="S12" s="1202">
        <v>1627</v>
      </c>
      <c r="T12" s="1204">
        <v>498</v>
      </c>
      <c r="U12" s="1201">
        <v>27726</v>
      </c>
      <c r="V12" s="1202">
        <v>14855</v>
      </c>
      <c r="W12" s="1203">
        <v>12871</v>
      </c>
      <c r="X12" s="1203">
        <v>25601</v>
      </c>
      <c r="Y12" s="1202">
        <v>13228</v>
      </c>
      <c r="Z12" s="1203">
        <v>12373</v>
      </c>
    </row>
    <row r="13" spans="1:28" ht="21" customHeight="1">
      <c r="A13" s="875">
        <v>30</v>
      </c>
      <c r="B13" s="1201">
        <v>189879</v>
      </c>
      <c r="C13" s="1085" t="s">
        <v>314</v>
      </c>
      <c r="D13" s="875">
        <v>29</v>
      </c>
      <c r="E13" s="1203">
        <v>356</v>
      </c>
      <c r="F13" s="1202">
        <v>324</v>
      </c>
      <c r="G13" s="1201">
        <v>32</v>
      </c>
      <c r="H13" s="1203">
        <v>-105</v>
      </c>
      <c r="I13" s="1202">
        <v>-72</v>
      </c>
      <c r="J13" s="1204">
        <v>-33</v>
      </c>
      <c r="K13" s="1205" t="s">
        <v>188</v>
      </c>
      <c r="L13" s="1206" t="s">
        <v>188</v>
      </c>
      <c r="M13" s="1246" t="s">
        <v>188</v>
      </c>
      <c r="N13" s="1207"/>
      <c r="O13" s="1201">
        <v>105</v>
      </c>
      <c r="P13" s="1203">
        <v>72</v>
      </c>
      <c r="Q13" s="1203">
        <v>33</v>
      </c>
      <c r="R13" s="1203">
        <v>461</v>
      </c>
      <c r="S13" s="1202">
        <v>396</v>
      </c>
      <c r="T13" s="1204">
        <v>65</v>
      </c>
      <c r="U13" s="1201">
        <v>18151</v>
      </c>
      <c r="V13" s="1202">
        <v>10393</v>
      </c>
      <c r="W13" s="1203">
        <v>7758</v>
      </c>
      <c r="X13" s="1203">
        <v>17690</v>
      </c>
      <c r="Y13" s="1202">
        <v>9997</v>
      </c>
      <c r="Z13" s="1203">
        <v>7693</v>
      </c>
    </row>
    <row r="14" spans="1:28" ht="21" customHeight="1">
      <c r="A14" s="869" t="s">
        <v>172</v>
      </c>
      <c r="B14" s="1210">
        <v>256144</v>
      </c>
      <c r="C14" s="1088" t="s">
        <v>315</v>
      </c>
      <c r="D14" s="892" t="s">
        <v>172</v>
      </c>
      <c r="E14" s="1210">
        <v>26</v>
      </c>
      <c r="F14" s="1209">
        <v>-35</v>
      </c>
      <c r="G14" s="1208">
        <v>61</v>
      </c>
      <c r="H14" s="1210">
        <v>-319</v>
      </c>
      <c r="I14" s="1209">
        <v>-208</v>
      </c>
      <c r="J14" s="1214">
        <v>-111</v>
      </c>
      <c r="K14" s="1211" t="s">
        <v>188</v>
      </c>
      <c r="L14" s="1212" t="s">
        <v>188</v>
      </c>
      <c r="M14" s="1245" t="s">
        <v>188</v>
      </c>
      <c r="N14" s="1213"/>
      <c r="O14" s="1208">
        <v>319</v>
      </c>
      <c r="P14" s="1210">
        <v>208</v>
      </c>
      <c r="Q14" s="1210">
        <v>111</v>
      </c>
      <c r="R14" s="1210">
        <v>345</v>
      </c>
      <c r="S14" s="1209">
        <v>173</v>
      </c>
      <c r="T14" s="1214">
        <v>172</v>
      </c>
      <c r="U14" s="1208">
        <v>9384</v>
      </c>
      <c r="V14" s="1209">
        <v>5522</v>
      </c>
      <c r="W14" s="1210">
        <v>3862</v>
      </c>
      <c r="X14" s="1210">
        <v>9039</v>
      </c>
      <c r="Y14" s="1209">
        <v>5349</v>
      </c>
      <c r="Z14" s="1210">
        <v>3690</v>
      </c>
    </row>
    <row r="15" spans="1:28" ht="21" customHeight="1">
      <c r="A15" s="876" t="s">
        <v>529</v>
      </c>
      <c r="B15" s="1201">
        <v>198272</v>
      </c>
      <c r="C15" s="1085" t="s">
        <v>317</v>
      </c>
      <c r="D15" s="892" t="s">
        <v>530</v>
      </c>
      <c r="E15" s="1203">
        <v>-367</v>
      </c>
      <c r="F15" s="1202">
        <v>-352</v>
      </c>
      <c r="G15" s="1201">
        <v>-15</v>
      </c>
      <c r="H15" s="1203">
        <v>-609</v>
      </c>
      <c r="I15" s="1202">
        <v>-409</v>
      </c>
      <c r="J15" s="1204">
        <v>-200</v>
      </c>
      <c r="K15" s="1205" t="s">
        <v>188</v>
      </c>
      <c r="L15" s="1206" t="s">
        <v>188</v>
      </c>
      <c r="M15" s="1246" t="s">
        <v>188</v>
      </c>
      <c r="N15" s="1207"/>
      <c r="O15" s="1201">
        <v>609</v>
      </c>
      <c r="P15" s="1203">
        <v>409</v>
      </c>
      <c r="Q15" s="1203">
        <v>200</v>
      </c>
      <c r="R15" s="1203">
        <v>242</v>
      </c>
      <c r="S15" s="1202">
        <v>57</v>
      </c>
      <c r="T15" s="1204">
        <v>185</v>
      </c>
      <c r="U15" s="1201">
        <v>4758</v>
      </c>
      <c r="V15" s="1202">
        <v>2790</v>
      </c>
      <c r="W15" s="1203">
        <v>1968</v>
      </c>
      <c r="X15" s="1203">
        <v>4516</v>
      </c>
      <c r="Y15" s="1202">
        <v>2733</v>
      </c>
      <c r="Z15" s="1203">
        <v>1783</v>
      </c>
    </row>
    <row r="16" spans="1:28" ht="21" customHeight="1">
      <c r="A16" s="869" t="s">
        <v>316</v>
      </c>
      <c r="B16" s="1201">
        <v>198992</v>
      </c>
      <c r="C16" s="1085" t="s">
        <v>318</v>
      </c>
      <c r="D16" s="892"/>
      <c r="E16" s="1203">
        <v>-1666</v>
      </c>
      <c r="F16" s="1202">
        <v>-1146</v>
      </c>
      <c r="G16" s="1201">
        <v>-520</v>
      </c>
      <c r="H16" s="1203">
        <v>-1539</v>
      </c>
      <c r="I16" s="1202">
        <v>-1065</v>
      </c>
      <c r="J16" s="1204">
        <v>-474</v>
      </c>
      <c r="K16" s="1205" t="s">
        <v>188</v>
      </c>
      <c r="L16" s="1206" t="s">
        <v>188</v>
      </c>
      <c r="M16" s="1246" t="s">
        <v>188</v>
      </c>
      <c r="N16" s="1207"/>
      <c r="O16" s="1201">
        <v>1539</v>
      </c>
      <c r="P16" s="1203">
        <v>1065</v>
      </c>
      <c r="Q16" s="1203">
        <v>474</v>
      </c>
      <c r="R16" s="1203">
        <v>-127</v>
      </c>
      <c r="S16" s="1202">
        <v>-81</v>
      </c>
      <c r="T16" s="1204">
        <v>-46</v>
      </c>
      <c r="U16" s="1201">
        <v>2806</v>
      </c>
      <c r="V16" s="1202">
        <v>1574</v>
      </c>
      <c r="W16" s="1203">
        <v>1232</v>
      </c>
      <c r="X16" s="1203">
        <v>2933</v>
      </c>
      <c r="Y16" s="1202">
        <v>1655</v>
      </c>
      <c r="Z16" s="1203">
        <v>1278</v>
      </c>
    </row>
    <row r="17" spans="1:26" ht="21" customHeight="1">
      <c r="A17" s="876" t="s">
        <v>531</v>
      </c>
      <c r="B17" s="1201">
        <v>181316</v>
      </c>
      <c r="C17" s="1085" t="s">
        <v>320</v>
      </c>
      <c r="D17" s="892"/>
      <c r="E17" s="1203">
        <v>-3207</v>
      </c>
      <c r="F17" s="1202">
        <v>-2138</v>
      </c>
      <c r="G17" s="1207">
        <v>-1069</v>
      </c>
      <c r="H17" s="1203">
        <v>-3344</v>
      </c>
      <c r="I17" s="1202">
        <v>-2188</v>
      </c>
      <c r="J17" s="1204">
        <v>-1156</v>
      </c>
      <c r="K17" s="1205" t="s">
        <v>188</v>
      </c>
      <c r="L17" s="1206" t="s">
        <v>188</v>
      </c>
      <c r="M17" s="1246" t="s">
        <v>188</v>
      </c>
      <c r="N17" s="1207"/>
      <c r="O17" s="1201">
        <v>3344</v>
      </c>
      <c r="P17" s="1203">
        <v>2188</v>
      </c>
      <c r="Q17" s="1203">
        <v>1156</v>
      </c>
      <c r="R17" s="1203">
        <v>137</v>
      </c>
      <c r="S17" s="1202">
        <v>50</v>
      </c>
      <c r="T17" s="1204">
        <v>87</v>
      </c>
      <c r="U17" s="1201">
        <v>1753</v>
      </c>
      <c r="V17" s="1202">
        <v>821</v>
      </c>
      <c r="W17" s="1203">
        <v>932</v>
      </c>
      <c r="X17" s="1203">
        <v>1616</v>
      </c>
      <c r="Y17" s="1202">
        <v>771</v>
      </c>
      <c r="Z17" s="1203">
        <v>845</v>
      </c>
    </row>
    <row r="18" spans="1:26" ht="21" customHeight="1">
      <c r="A18" s="869" t="s">
        <v>319</v>
      </c>
      <c r="B18" s="1201">
        <v>81289</v>
      </c>
      <c r="C18" s="1085" t="s">
        <v>322</v>
      </c>
      <c r="D18" s="892"/>
      <c r="E18" s="1203">
        <v>-4024</v>
      </c>
      <c r="F18" s="1202">
        <v>-2360</v>
      </c>
      <c r="G18" s="1201">
        <v>-1664</v>
      </c>
      <c r="H18" s="1203">
        <v>-4432</v>
      </c>
      <c r="I18" s="1202">
        <v>-2479</v>
      </c>
      <c r="J18" s="1204">
        <v>-1953</v>
      </c>
      <c r="K18" s="1205" t="s">
        <v>188</v>
      </c>
      <c r="L18" s="1206" t="s">
        <v>188</v>
      </c>
      <c r="M18" s="1246" t="s">
        <v>188</v>
      </c>
      <c r="N18" s="1207"/>
      <c r="O18" s="1201">
        <v>4432</v>
      </c>
      <c r="P18" s="1203">
        <v>2479</v>
      </c>
      <c r="Q18" s="1203">
        <v>1953</v>
      </c>
      <c r="R18" s="1203">
        <v>408</v>
      </c>
      <c r="S18" s="1202">
        <v>119</v>
      </c>
      <c r="T18" s="1204">
        <v>289</v>
      </c>
      <c r="U18" s="1201">
        <v>1352</v>
      </c>
      <c r="V18" s="1202">
        <v>434</v>
      </c>
      <c r="W18" s="1203">
        <v>918</v>
      </c>
      <c r="X18" s="1203">
        <v>944</v>
      </c>
      <c r="Y18" s="1202">
        <v>315</v>
      </c>
      <c r="Z18" s="1203">
        <v>629</v>
      </c>
    </row>
    <row r="19" spans="1:26" ht="21" customHeight="1">
      <c r="A19" s="869" t="s">
        <v>321</v>
      </c>
      <c r="B19" s="1210">
        <v>15303</v>
      </c>
      <c r="C19" s="1088" t="s">
        <v>324</v>
      </c>
      <c r="D19" s="1098"/>
      <c r="E19" s="1210">
        <v>-2357</v>
      </c>
      <c r="F19" s="1209">
        <v>-787</v>
      </c>
      <c r="G19" s="1208">
        <v>-1570</v>
      </c>
      <c r="H19" s="1210">
        <v>-2491</v>
      </c>
      <c r="I19" s="1209">
        <v>-826</v>
      </c>
      <c r="J19" s="1214">
        <v>-1665</v>
      </c>
      <c r="K19" s="1211" t="s">
        <v>188</v>
      </c>
      <c r="L19" s="1212" t="s">
        <v>188</v>
      </c>
      <c r="M19" s="1245" t="s">
        <v>188</v>
      </c>
      <c r="N19" s="1213"/>
      <c r="O19" s="1208">
        <v>2491</v>
      </c>
      <c r="P19" s="1210">
        <v>826</v>
      </c>
      <c r="Q19" s="1210">
        <v>1665</v>
      </c>
      <c r="R19" s="1210">
        <v>134</v>
      </c>
      <c r="S19" s="1209">
        <v>39</v>
      </c>
      <c r="T19" s="1214">
        <v>95</v>
      </c>
      <c r="U19" s="1208">
        <v>414</v>
      </c>
      <c r="V19" s="1209">
        <v>102</v>
      </c>
      <c r="W19" s="1210">
        <v>312</v>
      </c>
      <c r="X19" s="1210">
        <v>280</v>
      </c>
      <c r="Y19" s="1209">
        <v>63</v>
      </c>
      <c r="Z19" s="1210">
        <v>217</v>
      </c>
    </row>
    <row r="20" spans="1:26" ht="21" customHeight="1">
      <c r="A20" s="869" t="s">
        <v>323</v>
      </c>
      <c r="B20" s="1229">
        <v>638</v>
      </c>
      <c r="C20" s="1088" t="s">
        <v>534</v>
      </c>
      <c r="D20" s="1098"/>
      <c r="E20" s="1209">
        <v>-220</v>
      </c>
      <c r="F20" s="1209">
        <v>-39</v>
      </c>
      <c r="G20" s="1210">
        <v>-181</v>
      </c>
      <c r="H20" s="1210">
        <v>-220</v>
      </c>
      <c r="I20" s="1209">
        <v>-39</v>
      </c>
      <c r="J20" s="1214">
        <v>-181</v>
      </c>
      <c r="K20" s="1211" t="s">
        <v>188</v>
      </c>
      <c r="L20" s="1212" t="s">
        <v>188</v>
      </c>
      <c r="M20" s="1212" t="s">
        <v>188</v>
      </c>
      <c r="N20" s="1213"/>
      <c r="O20" s="1208">
        <v>220</v>
      </c>
      <c r="P20" s="1210">
        <v>39</v>
      </c>
      <c r="Q20" s="1210">
        <v>181</v>
      </c>
      <c r="R20" s="1210">
        <v>0</v>
      </c>
      <c r="S20" s="1209">
        <v>0</v>
      </c>
      <c r="T20" s="1209">
        <v>0</v>
      </c>
      <c r="U20" s="1208">
        <v>5</v>
      </c>
      <c r="V20" s="1209">
        <v>0</v>
      </c>
      <c r="W20" s="1210">
        <v>5</v>
      </c>
      <c r="X20" s="1210">
        <v>5</v>
      </c>
      <c r="Y20" s="1209">
        <v>0</v>
      </c>
      <c r="Z20" s="1210">
        <v>5</v>
      </c>
    </row>
    <row r="21" spans="1:26" ht="21" customHeight="1" thickBot="1">
      <c r="A21" s="877"/>
      <c r="B21" s="1236">
        <v>11677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3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568539</v>
      </c>
      <c r="C22" s="884" t="s">
        <v>238</v>
      </c>
      <c r="D22" s="892"/>
      <c r="E22" s="1238">
        <v>1519</v>
      </c>
      <c r="F22" s="1255">
        <v>433</v>
      </c>
      <c r="G22" s="1256">
        <v>1086</v>
      </c>
      <c r="H22" s="1238">
        <v>-481</v>
      </c>
      <c r="I22" s="1255">
        <v>-781</v>
      </c>
      <c r="J22" s="1257">
        <v>300</v>
      </c>
      <c r="K22" s="1238">
        <v>11928</v>
      </c>
      <c r="L22" s="1255">
        <v>6079</v>
      </c>
      <c r="M22" s="1257">
        <v>5849</v>
      </c>
      <c r="N22" s="1256"/>
      <c r="O22" s="1256">
        <v>12409</v>
      </c>
      <c r="P22" s="1255">
        <v>6860</v>
      </c>
      <c r="Q22" s="1256">
        <v>5549</v>
      </c>
      <c r="R22" s="1238">
        <v>2000</v>
      </c>
      <c r="S22" s="1255">
        <v>1214</v>
      </c>
      <c r="T22" s="1257">
        <v>786</v>
      </c>
      <c r="U22" s="1256">
        <v>74308</v>
      </c>
      <c r="V22" s="1255">
        <v>40543</v>
      </c>
      <c r="W22" s="1256">
        <v>33765</v>
      </c>
      <c r="X22" s="1238">
        <v>72308</v>
      </c>
      <c r="Y22" s="1255">
        <v>39329</v>
      </c>
      <c r="Z22" s="1256">
        <v>32979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27232</v>
      </c>
      <c r="C24" s="884" t="s">
        <v>668</v>
      </c>
      <c r="D24" s="892"/>
      <c r="E24" s="1205">
        <v>11821</v>
      </c>
      <c r="F24" s="1206">
        <v>5963</v>
      </c>
      <c r="G24" s="1207">
        <v>5858</v>
      </c>
      <c r="H24" s="1205">
        <v>11881</v>
      </c>
      <c r="I24" s="1206">
        <v>6053</v>
      </c>
      <c r="J24" s="1246">
        <v>5828</v>
      </c>
      <c r="K24" s="1205">
        <v>11928</v>
      </c>
      <c r="L24" s="1205">
        <v>6079</v>
      </c>
      <c r="M24" s="1206">
        <v>5849</v>
      </c>
      <c r="N24" s="1207"/>
      <c r="O24" s="1207">
        <v>47</v>
      </c>
      <c r="P24" s="1205">
        <v>26</v>
      </c>
      <c r="Q24" s="1205">
        <v>21</v>
      </c>
      <c r="R24" s="1205">
        <v>-60</v>
      </c>
      <c r="S24" s="1206">
        <v>-90</v>
      </c>
      <c r="T24" s="1246">
        <v>30</v>
      </c>
      <c r="U24" s="1207">
        <v>6842</v>
      </c>
      <c r="V24" s="1205">
        <v>3512</v>
      </c>
      <c r="W24" s="1205">
        <v>3330</v>
      </c>
      <c r="X24" s="1205">
        <v>6902</v>
      </c>
      <c r="Y24" s="1205">
        <v>3602</v>
      </c>
      <c r="Z24" s="1205">
        <v>3300</v>
      </c>
    </row>
    <row r="25" spans="1:26" ht="21" customHeight="1">
      <c r="A25" s="869" t="s">
        <v>309</v>
      </c>
      <c r="B25" s="1258">
        <v>142576</v>
      </c>
      <c r="C25" s="1085" t="s">
        <v>312</v>
      </c>
      <c r="D25" s="892" t="s">
        <v>309</v>
      </c>
      <c r="E25" s="1205">
        <v>1037</v>
      </c>
      <c r="F25" s="1206">
        <v>534</v>
      </c>
      <c r="G25" s="1207">
        <v>503</v>
      </c>
      <c r="H25" s="1205">
        <v>-25</v>
      </c>
      <c r="I25" s="1206">
        <v>-15</v>
      </c>
      <c r="J25" s="1246">
        <v>-10</v>
      </c>
      <c r="K25" s="1205" t="s">
        <v>188</v>
      </c>
      <c r="L25" s="1206" t="s">
        <v>188</v>
      </c>
      <c r="M25" s="1246" t="s">
        <v>188</v>
      </c>
      <c r="N25" s="1207"/>
      <c r="O25" s="1207">
        <v>25</v>
      </c>
      <c r="P25" s="1205">
        <v>15</v>
      </c>
      <c r="Q25" s="1205">
        <v>10</v>
      </c>
      <c r="R25" s="1205">
        <v>1062</v>
      </c>
      <c r="S25" s="1206">
        <v>549</v>
      </c>
      <c r="T25" s="1246">
        <v>513</v>
      </c>
      <c r="U25" s="1207">
        <v>4295</v>
      </c>
      <c r="V25" s="1205">
        <v>2216</v>
      </c>
      <c r="W25" s="1205">
        <v>2079</v>
      </c>
      <c r="X25" s="1205">
        <v>3233</v>
      </c>
      <c r="Y25" s="1205">
        <v>1667</v>
      </c>
      <c r="Z25" s="1205">
        <v>1566</v>
      </c>
    </row>
    <row r="26" spans="1:26" ht="21" customHeight="1">
      <c r="A26" s="869" t="s">
        <v>311</v>
      </c>
      <c r="B26" s="1258">
        <v>170294</v>
      </c>
      <c r="C26" s="1085" t="s">
        <v>313</v>
      </c>
      <c r="D26" s="892" t="s">
        <v>311</v>
      </c>
      <c r="E26" s="1205">
        <v>903</v>
      </c>
      <c r="F26" s="1206">
        <v>741</v>
      </c>
      <c r="G26" s="1207">
        <v>162</v>
      </c>
      <c r="H26" s="1205">
        <v>-56</v>
      </c>
      <c r="I26" s="1206">
        <v>-42</v>
      </c>
      <c r="J26" s="1246">
        <v>-14</v>
      </c>
      <c r="K26" s="1205" t="s">
        <v>188</v>
      </c>
      <c r="L26" s="1206" t="s">
        <v>188</v>
      </c>
      <c r="M26" s="1246" t="s">
        <v>188</v>
      </c>
      <c r="N26" s="1207"/>
      <c r="O26" s="1207">
        <v>56</v>
      </c>
      <c r="P26" s="1205">
        <v>42</v>
      </c>
      <c r="Q26" s="1205">
        <v>14</v>
      </c>
      <c r="R26" s="1205">
        <v>959</v>
      </c>
      <c r="S26" s="1206">
        <v>783</v>
      </c>
      <c r="T26" s="1246">
        <v>176</v>
      </c>
      <c r="U26" s="1207">
        <v>25794</v>
      </c>
      <c r="V26" s="1205">
        <v>13856</v>
      </c>
      <c r="W26" s="1205">
        <v>11938</v>
      </c>
      <c r="X26" s="1205">
        <v>24835</v>
      </c>
      <c r="Y26" s="1205">
        <v>13073</v>
      </c>
      <c r="Z26" s="1205">
        <v>11762</v>
      </c>
    </row>
    <row r="27" spans="1:26" ht="21" customHeight="1">
      <c r="A27" s="875">
        <v>29</v>
      </c>
      <c r="B27" s="1258">
        <v>195420</v>
      </c>
      <c r="C27" s="1085" t="s">
        <v>314</v>
      </c>
      <c r="D27" s="875">
        <v>28</v>
      </c>
      <c r="E27" s="1205">
        <v>-584</v>
      </c>
      <c r="F27" s="1206">
        <v>-238</v>
      </c>
      <c r="G27" s="1207">
        <v>-346</v>
      </c>
      <c r="H27" s="1205">
        <v>-117</v>
      </c>
      <c r="I27" s="1206">
        <v>-66</v>
      </c>
      <c r="J27" s="1246">
        <v>-51</v>
      </c>
      <c r="K27" s="1205" t="s">
        <v>188</v>
      </c>
      <c r="L27" s="1206" t="s">
        <v>188</v>
      </c>
      <c r="M27" s="1246" t="s">
        <v>188</v>
      </c>
      <c r="N27" s="1207"/>
      <c r="O27" s="1207">
        <v>117</v>
      </c>
      <c r="P27" s="1205">
        <v>66</v>
      </c>
      <c r="Q27" s="1205">
        <v>51</v>
      </c>
      <c r="R27" s="1205">
        <v>-467</v>
      </c>
      <c r="S27" s="1206">
        <v>-172</v>
      </c>
      <c r="T27" s="1246">
        <v>-295</v>
      </c>
      <c r="U27" s="1207">
        <v>17849</v>
      </c>
      <c r="V27" s="1205">
        <v>10087</v>
      </c>
      <c r="W27" s="1205">
        <v>7762</v>
      </c>
      <c r="X27" s="1205">
        <v>18316</v>
      </c>
      <c r="Y27" s="1205">
        <v>10259</v>
      </c>
      <c r="Z27" s="1205">
        <v>8057</v>
      </c>
    </row>
    <row r="28" spans="1:26" ht="21" customHeight="1">
      <c r="A28" s="869" t="s">
        <v>172</v>
      </c>
      <c r="B28" s="1259">
        <v>259623</v>
      </c>
      <c r="C28" s="1088" t="s">
        <v>315</v>
      </c>
      <c r="D28" s="892" t="s">
        <v>172</v>
      </c>
      <c r="E28" s="1211">
        <v>-492</v>
      </c>
      <c r="F28" s="1212">
        <v>-319</v>
      </c>
      <c r="G28" s="1213">
        <v>-173</v>
      </c>
      <c r="H28" s="1211">
        <v>-340</v>
      </c>
      <c r="I28" s="1212">
        <v>-213</v>
      </c>
      <c r="J28" s="1245">
        <v>-127</v>
      </c>
      <c r="K28" s="1211" t="s">
        <v>188</v>
      </c>
      <c r="L28" s="1212" t="s">
        <v>188</v>
      </c>
      <c r="M28" s="1245" t="s">
        <v>188</v>
      </c>
      <c r="N28" s="1213"/>
      <c r="O28" s="1213">
        <v>340</v>
      </c>
      <c r="P28" s="1211">
        <v>213</v>
      </c>
      <c r="Q28" s="1211">
        <v>127</v>
      </c>
      <c r="R28" s="1211">
        <v>-152</v>
      </c>
      <c r="S28" s="1212">
        <v>-106</v>
      </c>
      <c r="T28" s="1245">
        <v>-46</v>
      </c>
      <c r="U28" s="1213">
        <v>9075</v>
      </c>
      <c r="V28" s="1211">
        <v>5387</v>
      </c>
      <c r="W28" s="1211">
        <v>3688</v>
      </c>
      <c r="X28" s="1211">
        <v>9227</v>
      </c>
      <c r="Y28" s="1211">
        <v>5493</v>
      </c>
      <c r="Z28" s="1211">
        <v>3734</v>
      </c>
    </row>
    <row r="29" spans="1:26" ht="21" customHeight="1">
      <c r="A29" s="876" t="s">
        <v>531</v>
      </c>
      <c r="B29" s="1258">
        <v>188669</v>
      </c>
      <c r="C29" s="1085" t="s">
        <v>317</v>
      </c>
      <c r="D29" s="892" t="s">
        <v>530</v>
      </c>
      <c r="E29" s="1205">
        <v>-469</v>
      </c>
      <c r="F29" s="1206">
        <v>-275</v>
      </c>
      <c r="G29" s="1207">
        <v>-194</v>
      </c>
      <c r="H29" s="1205">
        <v>-587</v>
      </c>
      <c r="I29" s="1206">
        <v>-383</v>
      </c>
      <c r="J29" s="1246">
        <v>-204</v>
      </c>
      <c r="K29" s="1205" t="s">
        <v>188</v>
      </c>
      <c r="L29" s="1206" t="s">
        <v>188</v>
      </c>
      <c r="M29" s="1246" t="s">
        <v>188</v>
      </c>
      <c r="N29" s="1207"/>
      <c r="O29" s="1207">
        <v>587</v>
      </c>
      <c r="P29" s="1205">
        <v>383</v>
      </c>
      <c r="Q29" s="1205">
        <v>204</v>
      </c>
      <c r="R29" s="1205">
        <v>118</v>
      </c>
      <c r="S29" s="1206">
        <v>108</v>
      </c>
      <c r="T29" s="1246">
        <v>10</v>
      </c>
      <c r="U29" s="1207">
        <v>4358</v>
      </c>
      <c r="V29" s="1205">
        <v>2584</v>
      </c>
      <c r="W29" s="1205">
        <v>1774</v>
      </c>
      <c r="X29" s="1205">
        <v>4240</v>
      </c>
      <c r="Y29" s="1205">
        <v>2476</v>
      </c>
      <c r="Z29" s="1205">
        <v>1764</v>
      </c>
    </row>
    <row r="30" spans="1:26" ht="21" customHeight="1">
      <c r="A30" s="869" t="s">
        <v>316</v>
      </c>
      <c r="B30" s="1258">
        <v>209936</v>
      </c>
      <c r="C30" s="1085" t="s">
        <v>318</v>
      </c>
      <c r="D30" s="892"/>
      <c r="E30" s="1205">
        <v>-1769</v>
      </c>
      <c r="F30" s="1206">
        <v>-1154</v>
      </c>
      <c r="G30" s="1207">
        <v>-615</v>
      </c>
      <c r="H30" s="1205">
        <v>-1606</v>
      </c>
      <c r="I30" s="1206">
        <v>-1057</v>
      </c>
      <c r="J30" s="1246">
        <v>-549</v>
      </c>
      <c r="K30" s="1205" t="s">
        <v>188</v>
      </c>
      <c r="L30" s="1206" t="s">
        <v>188</v>
      </c>
      <c r="M30" s="1246" t="s">
        <v>188</v>
      </c>
      <c r="N30" s="1207"/>
      <c r="O30" s="1207">
        <v>1606</v>
      </c>
      <c r="P30" s="1205">
        <v>1057</v>
      </c>
      <c r="Q30" s="1205">
        <v>549</v>
      </c>
      <c r="R30" s="1205">
        <v>-163</v>
      </c>
      <c r="S30" s="1206">
        <v>-97</v>
      </c>
      <c r="T30" s="1246">
        <v>-66</v>
      </c>
      <c r="U30" s="1207">
        <v>2826</v>
      </c>
      <c r="V30" s="1205">
        <v>1629</v>
      </c>
      <c r="W30" s="1205">
        <v>1197</v>
      </c>
      <c r="X30" s="1205">
        <v>2989</v>
      </c>
      <c r="Y30" s="1205">
        <v>1726</v>
      </c>
      <c r="Z30" s="1205">
        <v>1263</v>
      </c>
    </row>
    <row r="31" spans="1:26" ht="21" customHeight="1">
      <c r="A31" s="876" t="s">
        <v>531</v>
      </c>
      <c r="B31" s="1258">
        <v>172958</v>
      </c>
      <c r="C31" s="1085" t="s">
        <v>320</v>
      </c>
      <c r="D31" s="892"/>
      <c r="E31" s="1205">
        <v>-2832</v>
      </c>
      <c r="F31" s="1206">
        <v>-1982</v>
      </c>
      <c r="G31" s="1207">
        <v>-850</v>
      </c>
      <c r="H31" s="1205">
        <v>-3039</v>
      </c>
      <c r="I31" s="1206">
        <v>-2071</v>
      </c>
      <c r="J31" s="1246">
        <v>-968</v>
      </c>
      <c r="K31" s="1205" t="s">
        <v>188</v>
      </c>
      <c r="L31" s="1206" t="s">
        <v>188</v>
      </c>
      <c r="M31" s="1246" t="s">
        <v>188</v>
      </c>
      <c r="N31" s="1207"/>
      <c r="O31" s="1207">
        <v>3039</v>
      </c>
      <c r="P31" s="1205">
        <v>2071</v>
      </c>
      <c r="Q31" s="1205">
        <v>968</v>
      </c>
      <c r="R31" s="1205">
        <v>207</v>
      </c>
      <c r="S31" s="1206">
        <v>89</v>
      </c>
      <c r="T31" s="1246">
        <v>118</v>
      </c>
      <c r="U31" s="1207">
        <v>1654</v>
      </c>
      <c r="V31" s="1205">
        <v>768</v>
      </c>
      <c r="W31" s="1205">
        <v>886</v>
      </c>
      <c r="X31" s="1205">
        <v>1447</v>
      </c>
      <c r="Y31" s="1205">
        <v>679</v>
      </c>
      <c r="Z31" s="1205">
        <v>768</v>
      </c>
    </row>
    <row r="32" spans="1:26" ht="21" customHeight="1">
      <c r="A32" s="869" t="s">
        <v>319</v>
      </c>
      <c r="B32" s="1258">
        <v>75425</v>
      </c>
      <c r="C32" s="1085" t="s">
        <v>322</v>
      </c>
      <c r="D32" s="892"/>
      <c r="E32" s="1205">
        <v>-3775</v>
      </c>
      <c r="F32" s="1206">
        <v>-2091</v>
      </c>
      <c r="G32" s="1207">
        <v>-1684</v>
      </c>
      <c r="H32" s="1205">
        <v>-4134</v>
      </c>
      <c r="I32" s="1206">
        <v>-2214</v>
      </c>
      <c r="J32" s="1246">
        <v>-1920</v>
      </c>
      <c r="K32" s="1205" t="s">
        <v>188</v>
      </c>
      <c r="L32" s="1206" t="s">
        <v>188</v>
      </c>
      <c r="M32" s="1246" t="s">
        <v>188</v>
      </c>
      <c r="N32" s="1207"/>
      <c r="O32" s="1207">
        <v>4134</v>
      </c>
      <c r="P32" s="1205">
        <v>2214</v>
      </c>
      <c r="Q32" s="1205">
        <v>1920</v>
      </c>
      <c r="R32" s="1205">
        <v>359</v>
      </c>
      <c r="S32" s="1206">
        <v>123</v>
      </c>
      <c r="T32" s="1246">
        <v>236</v>
      </c>
      <c r="U32" s="1207">
        <v>1262</v>
      </c>
      <c r="V32" s="1205">
        <v>428</v>
      </c>
      <c r="W32" s="1205">
        <v>834</v>
      </c>
      <c r="X32" s="1205">
        <v>903</v>
      </c>
      <c r="Y32" s="1205">
        <v>305</v>
      </c>
      <c r="Z32" s="1205">
        <v>598</v>
      </c>
    </row>
    <row r="33" spans="1:26" ht="21" customHeight="1">
      <c r="A33" s="869" t="s">
        <v>321</v>
      </c>
      <c r="B33" s="1259">
        <v>14184</v>
      </c>
      <c r="C33" s="1088" t="s">
        <v>324</v>
      </c>
      <c r="D33" s="1098"/>
      <c r="E33" s="1211">
        <v>-2101</v>
      </c>
      <c r="F33" s="1212">
        <v>-708</v>
      </c>
      <c r="G33" s="1213">
        <v>-1393</v>
      </c>
      <c r="H33" s="1211">
        <v>-2234</v>
      </c>
      <c r="I33" s="1212">
        <v>-732</v>
      </c>
      <c r="J33" s="1245">
        <v>-1502</v>
      </c>
      <c r="K33" s="1211" t="s">
        <v>188</v>
      </c>
      <c r="L33" s="1212" t="s">
        <v>188</v>
      </c>
      <c r="M33" s="1245" t="s">
        <v>188</v>
      </c>
      <c r="N33" s="1213"/>
      <c r="O33" s="1213">
        <v>2234</v>
      </c>
      <c r="P33" s="1211">
        <v>732</v>
      </c>
      <c r="Q33" s="1211">
        <v>1502</v>
      </c>
      <c r="R33" s="1211">
        <v>133</v>
      </c>
      <c r="S33" s="1212">
        <v>24</v>
      </c>
      <c r="T33" s="1245">
        <v>109</v>
      </c>
      <c r="U33" s="1213">
        <v>341</v>
      </c>
      <c r="V33" s="1211">
        <v>73</v>
      </c>
      <c r="W33" s="1211">
        <v>268</v>
      </c>
      <c r="X33" s="1211">
        <v>208</v>
      </c>
      <c r="Y33" s="1211">
        <v>49</v>
      </c>
      <c r="Z33" s="1211">
        <v>159</v>
      </c>
    </row>
    <row r="34" spans="1:26" ht="21" customHeight="1">
      <c r="A34" s="869" t="s">
        <v>323</v>
      </c>
      <c r="B34" s="1259">
        <v>545</v>
      </c>
      <c r="C34" s="1088" t="s">
        <v>534</v>
      </c>
      <c r="D34" s="1098"/>
      <c r="E34" s="1212">
        <v>-220</v>
      </c>
      <c r="F34" s="1212">
        <v>-38</v>
      </c>
      <c r="G34" s="1211">
        <v>-182</v>
      </c>
      <c r="H34" s="1211">
        <v>-224</v>
      </c>
      <c r="I34" s="1212">
        <v>-41</v>
      </c>
      <c r="J34" s="1245">
        <v>-183</v>
      </c>
      <c r="K34" s="1211" t="s">
        <v>188</v>
      </c>
      <c r="L34" s="1212" t="s">
        <v>188</v>
      </c>
      <c r="M34" s="1212" t="s">
        <v>188</v>
      </c>
      <c r="N34" s="1213"/>
      <c r="O34" s="1213">
        <v>224</v>
      </c>
      <c r="P34" s="1211">
        <v>41</v>
      </c>
      <c r="Q34" s="1211">
        <v>183</v>
      </c>
      <c r="R34" s="1211">
        <v>4</v>
      </c>
      <c r="S34" s="1212">
        <v>3</v>
      </c>
      <c r="T34" s="1212">
        <v>1</v>
      </c>
      <c r="U34" s="1213">
        <v>12</v>
      </c>
      <c r="V34" s="1211">
        <v>3</v>
      </c>
      <c r="W34" s="1211">
        <v>9</v>
      </c>
      <c r="X34" s="1211">
        <v>8</v>
      </c>
      <c r="Y34" s="1211">
        <v>0</v>
      </c>
      <c r="Z34" s="1211">
        <v>8</v>
      </c>
    </row>
    <row r="35" spans="1:26" ht="21" customHeight="1" thickBot="1">
      <c r="A35" s="866"/>
      <c r="B35" s="1258">
        <v>11677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3608</v>
      </c>
      <c r="C36" s="1101" t="s">
        <v>238</v>
      </c>
      <c r="D36" s="1102"/>
      <c r="E36" s="1252">
        <v>2089</v>
      </c>
      <c r="F36" s="1252">
        <v>1365</v>
      </c>
      <c r="G36" s="1252">
        <v>724</v>
      </c>
      <c r="H36" s="1252">
        <v>-1188</v>
      </c>
      <c r="I36" s="1252">
        <v>-709</v>
      </c>
      <c r="J36" s="1252">
        <v>-479</v>
      </c>
      <c r="K36" s="1252">
        <v>-407</v>
      </c>
      <c r="L36" s="1252">
        <v>-203</v>
      </c>
      <c r="M36" s="1250">
        <v>-204</v>
      </c>
      <c r="N36" s="1248"/>
      <c r="O36" s="1251">
        <v>781</v>
      </c>
      <c r="P36" s="1250">
        <v>506</v>
      </c>
      <c r="Q36" s="1250">
        <v>275</v>
      </c>
      <c r="R36" s="1250">
        <v>3277</v>
      </c>
      <c r="S36" s="1250">
        <v>2074</v>
      </c>
      <c r="T36" s="1250">
        <v>1203</v>
      </c>
      <c r="U36" s="1250">
        <v>3549</v>
      </c>
      <c r="V36" s="1250">
        <v>1918</v>
      </c>
      <c r="W36" s="1250">
        <v>1631</v>
      </c>
      <c r="X36" s="1250">
        <v>272</v>
      </c>
      <c r="Y36" s="1250">
        <v>-156</v>
      </c>
      <c r="Z36" s="1248">
        <v>428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731</v>
      </c>
      <c r="C38" s="884" t="s">
        <v>668</v>
      </c>
      <c r="D38" s="892" t="s">
        <v>671</v>
      </c>
      <c r="E38" s="1205">
        <v>-147</v>
      </c>
      <c r="F38" s="1205">
        <v>59</v>
      </c>
      <c r="G38" s="1205">
        <v>-206</v>
      </c>
      <c r="H38" s="1205">
        <v>-410</v>
      </c>
      <c r="I38" s="1205">
        <v>-204</v>
      </c>
      <c r="J38" s="1205">
        <v>-206</v>
      </c>
      <c r="K38" s="1205">
        <v>-407</v>
      </c>
      <c r="L38" s="1205">
        <v>-203</v>
      </c>
      <c r="M38" s="1206">
        <v>-204</v>
      </c>
      <c r="N38" s="1207"/>
      <c r="O38" s="1246">
        <v>3</v>
      </c>
      <c r="P38" s="1206">
        <v>1</v>
      </c>
      <c r="Q38" s="1206">
        <v>2</v>
      </c>
      <c r="R38" s="1206">
        <v>263</v>
      </c>
      <c r="S38" s="1206">
        <v>263</v>
      </c>
      <c r="T38" s="1206">
        <v>0</v>
      </c>
      <c r="U38" s="1206">
        <v>16</v>
      </c>
      <c r="V38" s="1206">
        <v>29</v>
      </c>
      <c r="W38" s="1206">
        <v>-13</v>
      </c>
      <c r="X38" s="1206">
        <v>-247</v>
      </c>
      <c r="Y38" s="1206">
        <v>-234</v>
      </c>
      <c r="Z38" s="1207">
        <v>-13</v>
      </c>
    </row>
    <row r="39" spans="1:26" ht="21" customHeight="1">
      <c r="A39" s="869" t="s">
        <v>669</v>
      </c>
      <c r="B39" s="1207">
        <v>-1319</v>
      </c>
      <c r="C39" s="1085" t="s">
        <v>312</v>
      </c>
      <c r="D39" s="892" t="s">
        <v>669</v>
      </c>
      <c r="E39" s="1205">
        <v>297</v>
      </c>
      <c r="F39" s="1205">
        <v>189</v>
      </c>
      <c r="G39" s="1205">
        <v>108</v>
      </c>
      <c r="H39" s="1205">
        <v>10</v>
      </c>
      <c r="I39" s="1205">
        <v>3</v>
      </c>
      <c r="J39" s="1205">
        <v>7</v>
      </c>
      <c r="K39" s="1205" t="s">
        <v>188</v>
      </c>
      <c r="L39" s="1205" t="s">
        <v>188</v>
      </c>
      <c r="M39" s="1206" t="s">
        <v>188</v>
      </c>
      <c r="N39" s="1207"/>
      <c r="O39" s="1246">
        <v>-10</v>
      </c>
      <c r="P39" s="1206">
        <v>-3</v>
      </c>
      <c r="Q39" s="1206">
        <v>-7</v>
      </c>
      <c r="R39" s="1206">
        <v>287</v>
      </c>
      <c r="S39" s="1206">
        <v>186</v>
      </c>
      <c r="T39" s="1206">
        <v>101</v>
      </c>
      <c r="U39" s="1206">
        <v>355</v>
      </c>
      <c r="V39" s="1206">
        <v>213</v>
      </c>
      <c r="W39" s="1206">
        <v>142</v>
      </c>
      <c r="X39" s="1206">
        <v>68</v>
      </c>
      <c r="Y39" s="1206">
        <v>27</v>
      </c>
      <c r="Z39" s="1207">
        <v>41</v>
      </c>
    </row>
    <row r="40" spans="1:26" ht="21" customHeight="1">
      <c r="A40" s="876"/>
      <c r="B40" s="1207">
        <v>1585</v>
      </c>
      <c r="C40" s="1085" t="s">
        <v>313</v>
      </c>
      <c r="D40" s="875"/>
      <c r="E40" s="1205">
        <v>1156</v>
      </c>
      <c r="F40" s="1205">
        <v>845</v>
      </c>
      <c r="G40" s="1205">
        <v>311</v>
      </c>
      <c r="H40" s="1205">
        <v>-10</v>
      </c>
      <c r="I40" s="1205">
        <v>1</v>
      </c>
      <c r="J40" s="1205">
        <v>-11</v>
      </c>
      <c r="K40" s="1205" t="s">
        <v>188</v>
      </c>
      <c r="L40" s="1205" t="s">
        <v>188</v>
      </c>
      <c r="M40" s="1206" t="s">
        <v>188</v>
      </c>
      <c r="N40" s="1207"/>
      <c r="O40" s="1246">
        <v>10</v>
      </c>
      <c r="P40" s="1206">
        <v>-1</v>
      </c>
      <c r="Q40" s="1206">
        <v>11</v>
      </c>
      <c r="R40" s="1206">
        <v>1166</v>
      </c>
      <c r="S40" s="1206">
        <v>844</v>
      </c>
      <c r="T40" s="1206">
        <v>322</v>
      </c>
      <c r="U40" s="1206">
        <v>1932</v>
      </c>
      <c r="V40" s="1206">
        <v>999</v>
      </c>
      <c r="W40" s="1206">
        <v>933</v>
      </c>
      <c r="X40" s="1206">
        <v>766</v>
      </c>
      <c r="Y40" s="1206">
        <v>155</v>
      </c>
      <c r="Z40" s="1207">
        <v>611</v>
      </c>
    </row>
    <row r="41" spans="1:26" ht="21" customHeight="1">
      <c r="A41" s="869" t="s">
        <v>309</v>
      </c>
      <c r="B41" s="1207">
        <v>-5541</v>
      </c>
      <c r="C41" s="1085" t="s">
        <v>314</v>
      </c>
      <c r="D41" s="892" t="s">
        <v>309</v>
      </c>
      <c r="E41" s="1205">
        <v>940</v>
      </c>
      <c r="F41" s="1205">
        <v>562</v>
      </c>
      <c r="G41" s="1205">
        <v>378</v>
      </c>
      <c r="H41" s="1205">
        <v>12</v>
      </c>
      <c r="I41" s="1205">
        <v>-6</v>
      </c>
      <c r="J41" s="1205">
        <v>18</v>
      </c>
      <c r="K41" s="1205" t="s">
        <v>188</v>
      </c>
      <c r="L41" s="1205" t="s">
        <v>188</v>
      </c>
      <c r="M41" s="1206" t="s">
        <v>188</v>
      </c>
      <c r="N41" s="1207"/>
      <c r="O41" s="1246">
        <v>-12</v>
      </c>
      <c r="P41" s="1206">
        <v>6</v>
      </c>
      <c r="Q41" s="1206">
        <v>-18</v>
      </c>
      <c r="R41" s="1206">
        <v>928</v>
      </c>
      <c r="S41" s="1206">
        <v>568</v>
      </c>
      <c r="T41" s="1206">
        <v>360</v>
      </c>
      <c r="U41" s="1206">
        <v>302</v>
      </c>
      <c r="V41" s="1206">
        <v>306</v>
      </c>
      <c r="W41" s="1206">
        <v>-4</v>
      </c>
      <c r="X41" s="1206">
        <v>-626</v>
      </c>
      <c r="Y41" s="1206">
        <v>-262</v>
      </c>
      <c r="Z41" s="1207">
        <v>-364</v>
      </c>
    </row>
    <row r="42" spans="1:26" ht="21" customHeight="1">
      <c r="A42" s="869" t="s">
        <v>311</v>
      </c>
      <c r="B42" s="1211">
        <v>-3479</v>
      </c>
      <c r="C42" s="1088" t="s">
        <v>315</v>
      </c>
      <c r="D42" s="892" t="s">
        <v>311</v>
      </c>
      <c r="E42" s="1211">
        <v>518</v>
      </c>
      <c r="F42" s="1211">
        <v>284</v>
      </c>
      <c r="G42" s="1211">
        <v>234</v>
      </c>
      <c r="H42" s="1211">
        <v>21</v>
      </c>
      <c r="I42" s="1211">
        <v>5</v>
      </c>
      <c r="J42" s="1212">
        <v>16</v>
      </c>
      <c r="K42" s="1205" t="s">
        <v>188</v>
      </c>
      <c r="L42" s="1205" t="s">
        <v>188</v>
      </c>
      <c r="M42" s="1206" t="s">
        <v>188</v>
      </c>
      <c r="N42" s="1207"/>
      <c r="O42" s="1245">
        <v>-21</v>
      </c>
      <c r="P42" s="1212">
        <v>-5</v>
      </c>
      <c r="Q42" s="1212">
        <v>-16</v>
      </c>
      <c r="R42" s="1212">
        <v>497</v>
      </c>
      <c r="S42" s="1212">
        <v>279</v>
      </c>
      <c r="T42" s="1212">
        <v>218</v>
      </c>
      <c r="U42" s="1212">
        <v>309</v>
      </c>
      <c r="V42" s="1212">
        <v>135</v>
      </c>
      <c r="W42" s="1212">
        <v>174</v>
      </c>
      <c r="X42" s="1212">
        <v>-188</v>
      </c>
      <c r="Y42" s="1212">
        <v>-144</v>
      </c>
      <c r="Z42" s="1213">
        <v>-44</v>
      </c>
    </row>
    <row r="43" spans="1:26" ht="21" customHeight="1">
      <c r="A43" s="876">
        <v>29</v>
      </c>
      <c r="B43" s="1207">
        <v>9603</v>
      </c>
      <c r="C43" s="1085" t="s">
        <v>317</v>
      </c>
      <c r="D43" s="875">
        <v>28</v>
      </c>
      <c r="E43" s="1205">
        <v>102</v>
      </c>
      <c r="F43" s="1205">
        <v>-77</v>
      </c>
      <c r="G43" s="1205">
        <v>179</v>
      </c>
      <c r="H43" s="1205">
        <v>-22</v>
      </c>
      <c r="I43" s="1205">
        <v>-26</v>
      </c>
      <c r="J43" s="1205">
        <v>4</v>
      </c>
      <c r="K43" s="1253" t="s">
        <v>188</v>
      </c>
      <c r="L43" s="1253" t="s">
        <v>188</v>
      </c>
      <c r="M43" s="1247" t="s">
        <v>188</v>
      </c>
      <c r="N43" s="1207"/>
      <c r="O43" s="1246">
        <v>22</v>
      </c>
      <c r="P43" s="1206">
        <v>26</v>
      </c>
      <c r="Q43" s="1206">
        <v>-4</v>
      </c>
      <c r="R43" s="1206">
        <v>124</v>
      </c>
      <c r="S43" s="1206">
        <v>-51</v>
      </c>
      <c r="T43" s="1206">
        <v>175</v>
      </c>
      <c r="U43" s="1206">
        <v>400</v>
      </c>
      <c r="V43" s="1206">
        <v>206</v>
      </c>
      <c r="W43" s="1206">
        <v>194</v>
      </c>
      <c r="X43" s="1206">
        <v>276</v>
      </c>
      <c r="Y43" s="1206">
        <v>257</v>
      </c>
      <c r="Z43" s="1207">
        <v>19</v>
      </c>
    </row>
    <row r="44" spans="1:26" ht="21" customHeight="1">
      <c r="A44" s="883" t="s">
        <v>672</v>
      </c>
      <c r="B44" s="1207">
        <v>-10944</v>
      </c>
      <c r="C44" s="1085" t="s">
        <v>318</v>
      </c>
      <c r="D44" s="1109" t="s">
        <v>672</v>
      </c>
      <c r="E44" s="1205">
        <v>103</v>
      </c>
      <c r="F44" s="1205">
        <v>8</v>
      </c>
      <c r="G44" s="1205">
        <v>95</v>
      </c>
      <c r="H44" s="1205">
        <v>67</v>
      </c>
      <c r="I44" s="1205">
        <v>-8</v>
      </c>
      <c r="J44" s="1205">
        <v>75</v>
      </c>
      <c r="K44" s="1205" t="s">
        <v>188</v>
      </c>
      <c r="L44" s="1205" t="s">
        <v>188</v>
      </c>
      <c r="M44" s="1206" t="s">
        <v>188</v>
      </c>
      <c r="N44" s="1207"/>
      <c r="O44" s="1246">
        <v>-67</v>
      </c>
      <c r="P44" s="1206">
        <v>8</v>
      </c>
      <c r="Q44" s="1206">
        <v>-75</v>
      </c>
      <c r="R44" s="1206">
        <v>36</v>
      </c>
      <c r="S44" s="1206">
        <v>16</v>
      </c>
      <c r="T44" s="1206">
        <v>20</v>
      </c>
      <c r="U44" s="1206">
        <v>-20</v>
      </c>
      <c r="V44" s="1206">
        <v>-55</v>
      </c>
      <c r="W44" s="1206">
        <v>35</v>
      </c>
      <c r="X44" s="1206">
        <v>-56</v>
      </c>
      <c r="Y44" s="1206">
        <v>-71</v>
      </c>
      <c r="Z44" s="1207">
        <v>15</v>
      </c>
    </row>
    <row r="45" spans="1:26" ht="21" customHeight="1">
      <c r="A45" s="876">
        <v>30</v>
      </c>
      <c r="B45" s="1207">
        <v>8358</v>
      </c>
      <c r="C45" s="1085" t="s">
        <v>320</v>
      </c>
      <c r="D45" s="875">
        <v>29</v>
      </c>
      <c r="E45" s="1205">
        <v>-375</v>
      </c>
      <c r="F45" s="1205">
        <v>-156</v>
      </c>
      <c r="G45" s="1205">
        <v>-219</v>
      </c>
      <c r="H45" s="1205">
        <v>-305</v>
      </c>
      <c r="I45" s="1205">
        <v>-117</v>
      </c>
      <c r="J45" s="1205">
        <v>-188</v>
      </c>
      <c r="K45" s="1205" t="s">
        <v>188</v>
      </c>
      <c r="L45" s="1205" t="s">
        <v>188</v>
      </c>
      <c r="M45" s="1206" t="s">
        <v>188</v>
      </c>
      <c r="N45" s="1207"/>
      <c r="O45" s="1246">
        <v>305</v>
      </c>
      <c r="P45" s="1206">
        <v>117</v>
      </c>
      <c r="Q45" s="1206">
        <v>188</v>
      </c>
      <c r="R45" s="1206">
        <v>-70</v>
      </c>
      <c r="S45" s="1206">
        <v>-39</v>
      </c>
      <c r="T45" s="1206">
        <v>-31</v>
      </c>
      <c r="U45" s="1206">
        <v>99</v>
      </c>
      <c r="V45" s="1206">
        <v>53</v>
      </c>
      <c r="W45" s="1206">
        <v>46</v>
      </c>
      <c r="X45" s="1206">
        <v>169</v>
      </c>
      <c r="Y45" s="1206">
        <v>92</v>
      </c>
      <c r="Z45" s="1207">
        <v>77</v>
      </c>
    </row>
    <row r="46" spans="1:26" ht="21" customHeight="1">
      <c r="A46" s="869" t="s">
        <v>172</v>
      </c>
      <c r="B46" s="1207">
        <v>5864</v>
      </c>
      <c r="C46" s="1085" t="s">
        <v>322</v>
      </c>
      <c r="D46" s="892" t="s">
        <v>172</v>
      </c>
      <c r="E46" s="1205">
        <v>-249</v>
      </c>
      <c r="F46" s="1205">
        <v>-269</v>
      </c>
      <c r="G46" s="1205">
        <v>20</v>
      </c>
      <c r="H46" s="1205">
        <v>-298</v>
      </c>
      <c r="I46" s="1205">
        <v>-265</v>
      </c>
      <c r="J46" s="1205">
        <v>-33</v>
      </c>
      <c r="K46" s="1205" t="s">
        <v>188</v>
      </c>
      <c r="L46" s="1205" t="s">
        <v>188</v>
      </c>
      <c r="M46" s="1206" t="s">
        <v>188</v>
      </c>
      <c r="N46" s="1207"/>
      <c r="O46" s="1246">
        <v>298</v>
      </c>
      <c r="P46" s="1206">
        <v>265</v>
      </c>
      <c r="Q46" s="1206">
        <v>33</v>
      </c>
      <c r="R46" s="1206">
        <v>49</v>
      </c>
      <c r="S46" s="1206">
        <v>-4</v>
      </c>
      <c r="T46" s="1206">
        <v>53</v>
      </c>
      <c r="U46" s="1206">
        <v>90</v>
      </c>
      <c r="V46" s="1206">
        <v>6</v>
      </c>
      <c r="W46" s="1206">
        <v>84</v>
      </c>
      <c r="X46" s="1206">
        <v>41</v>
      </c>
      <c r="Y46" s="1206">
        <v>10</v>
      </c>
      <c r="Z46" s="1207">
        <v>31</v>
      </c>
    </row>
    <row r="47" spans="1:26" ht="21" customHeight="1">
      <c r="A47" s="869" t="s">
        <v>673</v>
      </c>
      <c r="B47" s="1211">
        <v>1119</v>
      </c>
      <c r="C47" s="1088" t="s">
        <v>324</v>
      </c>
      <c r="D47" s="892" t="s">
        <v>530</v>
      </c>
      <c r="E47" s="1211">
        <v>-256</v>
      </c>
      <c r="F47" s="1211">
        <v>-79</v>
      </c>
      <c r="G47" s="1211">
        <v>-177</v>
      </c>
      <c r="H47" s="1211">
        <v>-257</v>
      </c>
      <c r="I47" s="1211">
        <v>-94</v>
      </c>
      <c r="J47" s="1212">
        <v>-163</v>
      </c>
      <c r="K47" s="1211" t="s">
        <v>188</v>
      </c>
      <c r="L47" s="1211" t="s">
        <v>188</v>
      </c>
      <c r="M47" s="1212" t="s">
        <v>188</v>
      </c>
      <c r="N47" s="1213"/>
      <c r="O47" s="1245">
        <v>257</v>
      </c>
      <c r="P47" s="1212">
        <v>94</v>
      </c>
      <c r="Q47" s="1212">
        <v>163</v>
      </c>
      <c r="R47" s="1212">
        <v>1</v>
      </c>
      <c r="S47" s="1212">
        <v>15</v>
      </c>
      <c r="T47" s="1212">
        <v>-14</v>
      </c>
      <c r="U47" s="1212">
        <v>73</v>
      </c>
      <c r="V47" s="1212">
        <v>29</v>
      </c>
      <c r="W47" s="1212">
        <v>44</v>
      </c>
      <c r="X47" s="1212">
        <v>72</v>
      </c>
      <c r="Y47" s="1212">
        <v>14</v>
      </c>
      <c r="Z47" s="1213">
        <v>58</v>
      </c>
    </row>
    <row r="48" spans="1:26" ht="21" customHeight="1">
      <c r="A48" s="869" t="s">
        <v>674</v>
      </c>
      <c r="B48" s="1211">
        <v>93</v>
      </c>
      <c r="C48" s="1088" t="s">
        <v>534</v>
      </c>
      <c r="D48" s="892" t="s">
        <v>673</v>
      </c>
      <c r="E48" s="1231">
        <v>0</v>
      </c>
      <c r="F48" s="1231">
        <v>-1</v>
      </c>
      <c r="G48" s="1231">
        <v>1</v>
      </c>
      <c r="H48" s="1231">
        <v>4</v>
      </c>
      <c r="I48" s="1231">
        <v>2</v>
      </c>
      <c r="J48" s="1232">
        <v>2</v>
      </c>
      <c r="K48" s="1231" t="s">
        <v>188</v>
      </c>
      <c r="L48" s="1231" t="s">
        <v>188</v>
      </c>
      <c r="M48" s="1232" t="s">
        <v>188</v>
      </c>
      <c r="N48" s="1260"/>
      <c r="O48" s="1261">
        <v>-4</v>
      </c>
      <c r="P48" s="1232">
        <v>-2</v>
      </c>
      <c r="Q48" s="1232">
        <v>-2</v>
      </c>
      <c r="R48" s="1232">
        <v>-4</v>
      </c>
      <c r="S48" s="1232">
        <v>-3</v>
      </c>
      <c r="T48" s="1232">
        <v>-1</v>
      </c>
      <c r="U48" s="1232">
        <v>-7</v>
      </c>
      <c r="V48" s="1232">
        <v>-3</v>
      </c>
      <c r="W48" s="1232">
        <v>-4</v>
      </c>
      <c r="X48" s="1232">
        <v>-3</v>
      </c>
      <c r="Y48" s="1232">
        <v>0</v>
      </c>
      <c r="Z48" s="1260">
        <v>-3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2" t="s">
        <v>188</v>
      </c>
      <c r="S49" s="1242" t="s">
        <v>188</v>
      </c>
      <c r="T49" s="1242" t="s">
        <v>188</v>
      </c>
      <c r="U49" s="1242" t="s">
        <v>188</v>
      </c>
      <c r="V49" s="1242" t="s">
        <v>188</v>
      </c>
      <c r="W49" s="1242" t="s">
        <v>188</v>
      </c>
      <c r="X49" s="1243" t="s">
        <v>188</v>
      </c>
      <c r="Y49" s="1242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46" fitToWidth="0" orientation="portrait" blackAndWhite="1" useFirstPageNumber="1" r:id="rId1"/>
  <headerFooter>
    <oddFooter>&amp;C&amp;"ＭＳ ゴシック,太字"&amp;12-&amp;P--</oddFooter>
    <evenFooter>&amp;C－47－</evenFoot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75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695</v>
      </c>
      <c r="C1" s="358"/>
      <c r="D1" s="358"/>
      <c r="E1" s="358"/>
      <c r="F1" s="358"/>
      <c r="G1" s="358"/>
      <c r="T1" s="358" t="s">
        <v>695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6</v>
      </c>
      <c r="B3" s="861"/>
      <c r="C3" s="853"/>
      <c r="D3" s="809"/>
      <c r="E3" s="810" t="s">
        <v>697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84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79</v>
      </c>
      <c r="F5" s="814"/>
      <c r="G5" s="813"/>
      <c r="H5" s="815" t="s">
        <v>698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9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1304459</v>
      </c>
      <c r="C8" s="884" t="s">
        <v>238</v>
      </c>
      <c r="D8" s="885"/>
      <c r="E8" s="1140">
        <v>2792</v>
      </c>
      <c r="F8" s="1141">
        <v>1003</v>
      </c>
      <c r="G8" s="1143">
        <v>1789</v>
      </c>
      <c r="H8" s="1140">
        <v>-2199</v>
      </c>
      <c r="I8" s="1141">
        <v>-1433</v>
      </c>
      <c r="J8" s="1142">
        <v>-766</v>
      </c>
      <c r="K8" s="1140">
        <v>9391</v>
      </c>
      <c r="L8" s="1141">
        <v>4753</v>
      </c>
      <c r="M8" s="1142">
        <v>4638</v>
      </c>
      <c r="N8" s="1143"/>
      <c r="O8" s="1143">
        <v>11590</v>
      </c>
      <c r="P8" s="1141">
        <v>6186</v>
      </c>
      <c r="Q8" s="1143">
        <v>5404</v>
      </c>
      <c r="R8" s="1140">
        <v>4991</v>
      </c>
      <c r="S8" s="1141">
        <v>2436</v>
      </c>
      <c r="T8" s="1142">
        <v>2555</v>
      </c>
      <c r="U8" s="1143">
        <v>53987</v>
      </c>
      <c r="V8" s="1141">
        <v>28843</v>
      </c>
      <c r="W8" s="1143">
        <v>25144</v>
      </c>
      <c r="X8" s="1140">
        <v>48996</v>
      </c>
      <c r="Y8" s="1141">
        <v>26407</v>
      </c>
      <c r="Z8" s="1143">
        <v>22589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106037</v>
      </c>
      <c r="C10" s="884" t="s">
        <v>668</v>
      </c>
      <c r="D10" s="892"/>
      <c r="E10" s="1203">
        <v>10429</v>
      </c>
      <c r="F10" s="1202">
        <v>5328</v>
      </c>
      <c r="G10" s="1201">
        <v>5101</v>
      </c>
      <c r="H10" s="1203">
        <v>9363</v>
      </c>
      <c r="I10" s="1202">
        <v>4741</v>
      </c>
      <c r="J10" s="1204">
        <v>4622</v>
      </c>
      <c r="K10" s="1203">
        <v>9391</v>
      </c>
      <c r="L10" s="1202">
        <v>4753</v>
      </c>
      <c r="M10" s="1204">
        <v>4638</v>
      </c>
      <c r="N10" s="1201"/>
      <c r="O10" s="1201">
        <v>28</v>
      </c>
      <c r="P10" s="1202">
        <v>12</v>
      </c>
      <c r="Q10" s="1203">
        <v>16</v>
      </c>
      <c r="R10" s="1203">
        <v>1066</v>
      </c>
      <c r="S10" s="1202">
        <v>587</v>
      </c>
      <c r="T10" s="1204">
        <v>479</v>
      </c>
      <c r="U10" s="1201">
        <v>5347</v>
      </c>
      <c r="V10" s="1202">
        <v>2744</v>
      </c>
      <c r="W10" s="1203">
        <v>2603</v>
      </c>
      <c r="X10" s="1203">
        <v>4281</v>
      </c>
      <c r="Y10" s="1202">
        <v>2157</v>
      </c>
      <c r="Z10" s="1203">
        <v>2124</v>
      </c>
      <c r="AB10" s="178"/>
    </row>
    <row r="11" spans="1:28" ht="21" customHeight="1">
      <c r="A11" s="869" t="s">
        <v>309</v>
      </c>
      <c r="B11" s="1201">
        <v>120078</v>
      </c>
      <c r="C11" s="1085" t="s">
        <v>312</v>
      </c>
      <c r="D11" s="892" t="s">
        <v>309</v>
      </c>
      <c r="E11" s="1203">
        <v>877</v>
      </c>
      <c r="F11" s="1202">
        <v>528</v>
      </c>
      <c r="G11" s="1201">
        <v>349</v>
      </c>
      <c r="H11" s="1203">
        <v>-12</v>
      </c>
      <c r="I11" s="1202">
        <v>-7</v>
      </c>
      <c r="J11" s="1204">
        <v>-5</v>
      </c>
      <c r="K11" s="1205" t="s">
        <v>188</v>
      </c>
      <c r="L11" s="1206" t="s">
        <v>188</v>
      </c>
      <c r="M11" s="1246" t="s">
        <v>188</v>
      </c>
      <c r="N11" s="1207"/>
      <c r="O11" s="1201">
        <v>12</v>
      </c>
      <c r="P11" s="1202">
        <v>7</v>
      </c>
      <c r="Q11" s="1203">
        <v>5</v>
      </c>
      <c r="R11" s="1203">
        <v>889</v>
      </c>
      <c r="S11" s="1202">
        <v>535</v>
      </c>
      <c r="T11" s="1204">
        <v>354</v>
      </c>
      <c r="U11" s="1201">
        <v>3343</v>
      </c>
      <c r="V11" s="1202">
        <v>1846</v>
      </c>
      <c r="W11" s="1203">
        <v>1497</v>
      </c>
      <c r="X11" s="1203">
        <v>2454</v>
      </c>
      <c r="Y11" s="1202">
        <v>1311</v>
      </c>
      <c r="Z11" s="1203">
        <v>1143</v>
      </c>
    </row>
    <row r="12" spans="1:28" ht="21" customHeight="1">
      <c r="A12" s="869" t="s">
        <v>311</v>
      </c>
      <c r="B12" s="1201">
        <v>131383</v>
      </c>
      <c r="C12" s="1085" t="s">
        <v>313</v>
      </c>
      <c r="D12" s="892" t="s">
        <v>311</v>
      </c>
      <c r="E12" s="1203">
        <v>-361</v>
      </c>
      <c r="F12" s="1202">
        <v>-230</v>
      </c>
      <c r="G12" s="1201">
        <v>-131</v>
      </c>
      <c r="H12" s="1203">
        <v>-33</v>
      </c>
      <c r="I12" s="1202">
        <v>-23</v>
      </c>
      <c r="J12" s="1204">
        <v>-10</v>
      </c>
      <c r="K12" s="1205" t="s">
        <v>188</v>
      </c>
      <c r="L12" s="1206" t="s">
        <v>188</v>
      </c>
      <c r="M12" s="1246" t="s">
        <v>188</v>
      </c>
      <c r="N12" s="1207"/>
      <c r="O12" s="1201">
        <v>33</v>
      </c>
      <c r="P12" s="1202">
        <v>23</v>
      </c>
      <c r="Q12" s="1203">
        <v>10</v>
      </c>
      <c r="R12" s="1203">
        <v>-328</v>
      </c>
      <c r="S12" s="1202">
        <v>-207</v>
      </c>
      <c r="T12" s="1204">
        <v>-121</v>
      </c>
      <c r="U12" s="1201">
        <v>16891</v>
      </c>
      <c r="V12" s="1202">
        <v>9091</v>
      </c>
      <c r="W12" s="1203">
        <v>7800</v>
      </c>
      <c r="X12" s="1203">
        <v>17219</v>
      </c>
      <c r="Y12" s="1202">
        <v>9298</v>
      </c>
      <c r="Z12" s="1203">
        <v>7921</v>
      </c>
    </row>
    <row r="13" spans="1:28" ht="21" customHeight="1">
      <c r="A13" s="875">
        <v>30</v>
      </c>
      <c r="B13" s="1201">
        <v>151852</v>
      </c>
      <c r="C13" s="1085" t="s">
        <v>314</v>
      </c>
      <c r="D13" s="875">
        <v>29</v>
      </c>
      <c r="E13" s="1203">
        <v>1233</v>
      </c>
      <c r="F13" s="1202">
        <v>562</v>
      </c>
      <c r="G13" s="1201">
        <v>671</v>
      </c>
      <c r="H13" s="1203">
        <v>-65</v>
      </c>
      <c r="I13" s="1202">
        <v>-34</v>
      </c>
      <c r="J13" s="1204">
        <v>-31</v>
      </c>
      <c r="K13" s="1205" t="s">
        <v>188</v>
      </c>
      <c r="L13" s="1206" t="s">
        <v>188</v>
      </c>
      <c r="M13" s="1246" t="s">
        <v>188</v>
      </c>
      <c r="N13" s="1207"/>
      <c r="O13" s="1201">
        <v>65</v>
      </c>
      <c r="P13" s="1202">
        <v>34</v>
      </c>
      <c r="Q13" s="1203">
        <v>31</v>
      </c>
      <c r="R13" s="1203">
        <v>1298</v>
      </c>
      <c r="S13" s="1202">
        <v>596</v>
      </c>
      <c r="T13" s="1204">
        <v>702</v>
      </c>
      <c r="U13" s="1201">
        <v>13173</v>
      </c>
      <c r="V13" s="1202">
        <v>7122</v>
      </c>
      <c r="W13" s="1203">
        <v>6051</v>
      </c>
      <c r="X13" s="1203">
        <v>11875</v>
      </c>
      <c r="Y13" s="1202">
        <v>6526</v>
      </c>
      <c r="Z13" s="1203">
        <v>5349</v>
      </c>
    </row>
    <row r="14" spans="1:28" ht="21" customHeight="1">
      <c r="A14" s="869" t="s">
        <v>172</v>
      </c>
      <c r="B14" s="1210">
        <v>209373</v>
      </c>
      <c r="C14" s="1088" t="s">
        <v>315</v>
      </c>
      <c r="D14" s="892" t="s">
        <v>172</v>
      </c>
      <c r="E14" s="1210">
        <v>524</v>
      </c>
      <c r="F14" s="1209">
        <v>198</v>
      </c>
      <c r="G14" s="1208">
        <v>326</v>
      </c>
      <c r="H14" s="1210">
        <v>-242</v>
      </c>
      <c r="I14" s="1209">
        <v>-162</v>
      </c>
      <c r="J14" s="1214">
        <v>-80</v>
      </c>
      <c r="K14" s="1211" t="s">
        <v>188</v>
      </c>
      <c r="L14" s="1212" t="s">
        <v>188</v>
      </c>
      <c r="M14" s="1245" t="s">
        <v>188</v>
      </c>
      <c r="N14" s="1213"/>
      <c r="O14" s="1208">
        <v>242</v>
      </c>
      <c r="P14" s="1209">
        <v>162</v>
      </c>
      <c r="Q14" s="1210">
        <v>80</v>
      </c>
      <c r="R14" s="1210">
        <v>766</v>
      </c>
      <c r="S14" s="1209">
        <v>360</v>
      </c>
      <c r="T14" s="1214">
        <v>406</v>
      </c>
      <c r="U14" s="1208">
        <v>6773</v>
      </c>
      <c r="V14" s="1209">
        <v>3814</v>
      </c>
      <c r="W14" s="1210">
        <v>2959</v>
      </c>
      <c r="X14" s="1210">
        <v>6007</v>
      </c>
      <c r="Y14" s="1209">
        <v>3454</v>
      </c>
      <c r="Z14" s="1210">
        <v>2553</v>
      </c>
    </row>
    <row r="15" spans="1:28" ht="21" customHeight="1">
      <c r="A15" s="876" t="s">
        <v>529</v>
      </c>
      <c r="B15" s="1201">
        <v>165781</v>
      </c>
      <c r="C15" s="1085" t="s">
        <v>317</v>
      </c>
      <c r="D15" s="892" t="s">
        <v>530</v>
      </c>
      <c r="E15" s="1203">
        <v>-142</v>
      </c>
      <c r="F15" s="1202">
        <v>-142</v>
      </c>
      <c r="G15" s="1201">
        <v>0</v>
      </c>
      <c r="H15" s="1203">
        <v>-446</v>
      </c>
      <c r="I15" s="1202">
        <v>-290</v>
      </c>
      <c r="J15" s="1204">
        <v>-156</v>
      </c>
      <c r="K15" s="1205" t="s">
        <v>188</v>
      </c>
      <c r="L15" s="1206" t="s">
        <v>188</v>
      </c>
      <c r="M15" s="1246" t="s">
        <v>188</v>
      </c>
      <c r="N15" s="1207"/>
      <c r="O15" s="1201">
        <v>446</v>
      </c>
      <c r="P15" s="1202">
        <v>290</v>
      </c>
      <c r="Q15" s="1203">
        <v>156</v>
      </c>
      <c r="R15" s="1203">
        <v>304</v>
      </c>
      <c r="S15" s="1202">
        <v>148</v>
      </c>
      <c r="T15" s="1204">
        <v>156</v>
      </c>
      <c r="U15" s="1201">
        <v>3349</v>
      </c>
      <c r="V15" s="1202">
        <v>1918</v>
      </c>
      <c r="W15" s="1203">
        <v>1431</v>
      </c>
      <c r="X15" s="1203">
        <v>3045</v>
      </c>
      <c r="Y15" s="1202">
        <v>1770</v>
      </c>
      <c r="Z15" s="1203">
        <v>1275</v>
      </c>
    </row>
    <row r="16" spans="1:28" ht="21" customHeight="1">
      <c r="A16" s="869" t="s">
        <v>316</v>
      </c>
      <c r="B16" s="1201">
        <v>168237</v>
      </c>
      <c r="C16" s="1085" t="s">
        <v>318</v>
      </c>
      <c r="D16" s="892"/>
      <c r="E16" s="1203">
        <v>-864</v>
      </c>
      <c r="F16" s="1202">
        <v>-648</v>
      </c>
      <c r="G16" s="1201">
        <v>-216</v>
      </c>
      <c r="H16" s="1203">
        <v>-1180</v>
      </c>
      <c r="I16" s="1202">
        <v>-807</v>
      </c>
      <c r="J16" s="1204">
        <v>-373</v>
      </c>
      <c r="K16" s="1205" t="s">
        <v>188</v>
      </c>
      <c r="L16" s="1206" t="s">
        <v>188</v>
      </c>
      <c r="M16" s="1246" t="s">
        <v>188</v>
      </c>
      <c r="N16" s="1207"/>
      <c r="O16" s="1201">
        <v>1180</v>
      </c>
      <c r="P16" s="1202">
        <v>807</v>
      </c>
      <c r="Q16" s="1203">
        <v>373</v>
      </c>
      <c r="R16" s="1203">
        <v>316</v>
      </c>
      <c r="S16" s="1202">
        <v>159</v>
      </c>
      <c r="T16" s="1204">
        <v>157</v>
      </c>
      <c r="U16" s="1201">
        <v>2210</v>
      </c>
      <c r="V16" s="1202">
        <v>1233</v>
      </c>
      <c r="W16" s="1203">
        <v>977</v>
      </c>
      <c r="X16" s="1203">
        <v>1894</v>
      </c>
      <c r="Y16" s="1202">
        <v>1074</v>
      </c>
      <c r="Z16" s="1203">
        <v>820</v>
      </c>
    </row>
    <row r="17" spans="1:26" ht="21" customHeight="1">
      <c r="A17" s="876" t="s">
        <v>531</v>
      </c>
      <c r="B17" s="1201">
        <v>151319</v>
      </c>
      <c r="C17" s="1085" t="s">
        <v>320</v>
      </c>
      <c r="D17" s="892"/>
      <c r="E17" s="1203">
        <v>-2307</v>
      </c>
      <c r="F17" s="1202">
        <v>-1592</v>
      </c>
      <c r="G17" s="1207">
        <v>-715</v>
      </c>
      <c r="H17" s="1203">
        <v>-2514</v>
      </c>
      <c r="I17" s="1202">
        <v>-1681</v>
      </c>
      <c r="J17" s="1204">
        <v>-833</v>
      </c>
      <c r="K17" s="1205" t="s">
        <v>188</v>
      </c>
      <c r="L17" s="1206" t="s">
        <v>188</v>
      </c>
      <c r="M17" s="1246" t="s">
        <v>188</v>
      </c>
      <c r="N17" s="1207"/>
      <c r="O17" s="1201">
        <v>2514</v>
      </c>
      <c r="P17" s="1202">
        <v>1681</v>
      </c>
      <c r="Q17" s="1203">
        <v>833</v>
      </c>
      <c r="R17" s="1203">
        <v>207</v>
      </c>
      <c r="S17" s="1202">
        <v>89</v>
      </c>
      <c r="T17" s="1204">
        <v>118</v>
      </c>
      <c r="U17" s="1201">
        <v>1372</v>
      </c>
      <c r="V17" s="1202">
        <v>592</v>
      </c>
      <c r="W17" s="1203">
        <v>780</v>
      </c>
      <c r="X17" s="1203">
        <v>1165</v>
      </c>
      <c r="Y17" s="1202">
        <v>503</v>
      </c>
      <c r="Z17" s="1203">
        <v>662</v>
      </c>
    </row>
    <row r="18" spans="1:26" ht="21" customHeight="1">
      <c r="A18" s="869" t="s">
        <v>319</v>
      </c>
      <c r="B18" s="1201">
        <v>77503</v>
      </c>
      <c r="C18" s="1085" t="s">
        <v>322</v>
      </c>
      <c r="D18" s="892"/>
      <c r="E18" s="1203">
        <v>-3819</v>
      </c>
      <c r="F18" s="1202">
        <v>-2106</v>
      </c>
      <c r="G18" s="1201">
        <v>-1713</v>
      </c>
      <c r="H18" s="1203">
        <v>-4148</v>
      </c>
      <c r="I18" s="1202">
        <v>-2224</v>
      </c>
      <c r="J18" s="1204">
        <v>-1924</v>
      </c>
      <c r="K18" s="1205" t="s">
        <v>188</v>
      </c>
      <c r="L18" s="1206" t="s">
        <v>188</v>
      </c>
      <c r="M18" s="1246" t="s">
        <v>188</v>
      </c>
      <c r="N18" s="1207"/>
      <c r="O18" s="1201">
        <v>4148</v>
      </c>
      <c r="P18" s="1202">
        <v>2224</v>
      </c>
      <c r="Q18" s="1203">
        <v>1924</v>
      </c>
      <c r="R18" s="1203">
        <v>329</v>
      </c>
      <c r="S18" s="1202">
        <v>118</v>
      </c>
      <c r="T18" s="1204">
        <v>211</v>
      </c>
      <c r="U18" s="1201">
        <v>1149</v>
      </c>
      <c r="V18" s="1202">
        <v>377</v>
      </c>
      <c r="W18" s="1203">
        <v>772</v>
      </c>
      <c r="X18" s="1203">
        <v>820</v>
      </c>
      <c r="Y18" s="1202">
        <v>259</v>
      </c>
      <c r="Z18" s="1203">
        <v>561</v>
      </c>
    </row>
    <row r="19" spans="1:26" ht="21" customHeight="1">
      <c r="A19" s="869" t="s">
        <v>321</v>
      </c>
      <c r="B19" s="1210">
        <v>16548</v>
      </c>
      <c r="C19" s="1088" t="s">
        <v>324</v>
      </c>
      <c r="D19" s="1098"/>
      <c r="E19" s="1210">
        <v>-2540</v>
      </c>
      <c r="F19" s="1209">
        <v>-859</v>
      </c>
      <c r="G19" s="1208">
        <v>-1681</v>
      </c>
      <c r="H19" s="1210">
        <v>-2678</v>
      </c>
      <c r="I19" s="1209">
        <v>-909</v>
      </c>
      <c r="J19" s="1214">
        <v>-1769</v>
      </c>
      <c r="K19" s="1211" t="s">
        <v>188</v>
      </c>
      <c r="L19" s="1212" t="s">
        <v>188</v>
      </c>
      <c r="M19" s="1245" t="s">
        <v>188</v>
      </c>
      <c r="N19" s="1213"/>
      <c r="O19" s="1208">
        <v>2678</v>
      </c>
      <c r="P19" s="1209">
        <v>909</v>
      </c>
      <c r="Q19" s="1210">
        <v>1769</v>
      </c>
      <c r="R19" s="1210">
        <v>138</v>
      </c>
      <c r="S19" s="1209">
        <v>50</v>
      </c>
      <c r="T19" s="1214">
        <v>88</v>
      </c>
      <c r="U19" s="1208">
        <v>371</v>
      </c>
      <c r="V19" s="1209">
        <v>104</v>
      </c>
      <c r="W19" s="1210">
        <v>267</v>
      </c>
      <c r="X19" s="1210">
        <v>233</v>
      </c>
      <c r="Y19" s="1209">
        <v>54</v>
      </c>
      <c r="Z19" s="1210">
        <v>179</v>
      </c>
    </row>
    <row r="20" spans="1:26" ht="21" customHeight="1">
      <c r="A20" s="869" t="s">
        <v>323</v>
      </c>
      <c r="B20" s="1229">
        <v>678</v>
      </c>
      <c r="C20" s="1088" t="s">
        <v>534</v>
      </c>
      <c r="D20" s="1098"/>
      <c r="E20" s="1209">
        <v>-238</v>
      </c>
      <c r="F20" s="1209">
        <v>-36</v>
      </c>
      <c r="G20" s="1210">
        <v>-202</v>
      </c>
      <c r="H20" s="1210">
        <v>-244</v>
      </c>
      <c r="I20" s="1209">
        <v>-37</v>
      </c>
      <c r="J20" s="1214">
        <v>-207</v>
      </c>
      <c r="K20" s="1211" t="s">
        <v>188</v>
      </c>
      <c r="L20" s="1212" t="s">
        <v>188</v>
      </c>
      <c r="M20" s="1212" t="s">
        <v>188</v>
      </c>
      <c r="N20" s="1213"/>
      <c r="O20" s="1208">
        <v>244</v>
      </c>
      <c r="P20" s="1209">
        <v>37</v>
      </c>
      <c r="Q20" s="1210">
        <v>207</v>
      </c>
      <c r="R20" s="1210">
        <v>6</v>
      </c>
      <c r="S20" s="1209">
        <v>1</v>
      </c>
      <c r="T20" s="1209">
        <v>5</v>
      </c>
      <c r="U20" s="1208">
        <v>9</v>
      </c>
      <c r="V20" s="1209">
        <v>2</v>
      </c>
      <c r="W20" s="1210">
        <v>7</v>
      </c>
      <c r="X20" s="1210">
        <v>3</v>
      </c>
      <c r="Y20" s="1209">
        <v>1</v>
      </c>
      <c r="Z20" s="1210">
        <v>2</v>
      </c>
    </row>
    <row r="21" spans="1:26" ht="21" customHeight="1" thickBot="1">
      <c r="A21" s="877"/>
      <c r="B21" s="1236">
        <v>5670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1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1301667</v>
      </c>
      <c r="C22" s="884" t="s">
        <v>238</v>
      </c>
      <c r="D22" s="892"/>
      <c r="E22" s="1238">
        <v>2642</v>
      </c>
      <c r="F22" s="1255">
        <v>1113</v>
      </c>
      <c r="G22" s="1256">
        <v>1529</v>
      </c>
      <c r="H22" s="1238">
        <v>-1564</v>
      </c>
      <c r="I22" s="1255">
        <v>-959</v>
      </c>
      <c r="J22" s="1257">
        <v>-605</v>
      </c>
      <c r="K22" s="1238">
        <v>9751</v>
      </c>
      <c r="L22" s="1255">
        <v>5039</v>
      </c>
      <c r="M22" s="1257">
        <v>4712</v>
      </c>
      <c r="N22" s="1256"/>
      <c r="O22" s="1256">
        <v>11315</v>
      </c>
      <c r="P22" s="1255">
        <v>5998</v>
      </c>
      <c r="Q22" s="1256">
        <v>5317</v>
      </c>
      <c r="R22" s="1238">
        <v>4206</v>
      </c>
      <c r="S22" s="1255">
        <v>2072</v>
      </c>
      <c r="T22" s="1257">
        <v>2134</v>
      </c>
      <c r="U22" s="1256">
        <v>52130</v>
      </c>
      <c r="V22" s="1255">
        <v>27953</v>
      </c>
      <c r="W22" s="1256">
        <v>24177</v>
      </c>
      <c r="X22" s="1238">
        <v>47924</v>
      </c>
      <c r="Y22" s="1255">
        <v>25881</v>
      </c>
      <c r="Z22" s="1256">
        <v>22043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107141</v>
      </c>
      <c r="C24" s="884" t="s">
        <v>668</v>
      </c>
      <c r="D24" s="892"/>
      <c r="E24" s="1205">
        <v>10603</v>
      </c>
      <c r="F24" s="1206">
        <v>5453</v>
      </c>
      <c r="G24" s="1207">
        <v>5150</v>
      </c>
      <c r="H24" s="1205">
        <v>9731</v>
      </c>
      <c r="I24" s="1206">
        <v>5029</v>
      </c>
      <c r="J24" s="1246">
        <v>4702</v>
      </c>
      <c r="K24" s="1205">
        <v>9751</v>
      </c>
      <c r="L24" s="1205">
        <v>5039</v>
      </c>
      <c r="M24" s="1206">
        <v>4712</v>
      </c>
      <c r="N24" s="1207"/>
      <c r="O24" s="1207">
        <v>20</v>
      </c>
      <c r="P24" s="1205">
        <v>10</v>
      </c>
      <c r="Q24" s="1205">
        <v>10</v>
      </c>
      <c r="R24" s="1205">
        <v>872</v>
      </c>
      <c r="S24" s="1206">
        <v>424</v>
      </c>
      <c r="T24" s="1246">
        <v>448</v>
      </c>
      <c r="U24" s="1207">
        <v>5290</v>
      </c>
      <c r="V24" s="1205">
        <v>2662</v>
      </c>
      <c r="W24" s="1205">
        <v>2628</v>
      </c>
      <c r="X24" s="1205">
        <v>4418</v>
      </c>
      <c r="Y24" s="1205">
        <v>2238</v>
      </c>
      <c r="Z24" s="1205">
        <v>2180</v>
      </c>
    </row>
    <row r="25" spans="1:26" ht="21" customHeight="1">
      <c r="A25" s="869" t="s">
        <v>309</v>
      </c>
      <c r="B25" s="1258">
        <v>121057</v>
      </c>
      <c r="C25" s="1085" t="s">
        <v>312</v>
      </c>
      <c r="D25" s="892" t="s">
        <v>309</v>
      </c>
      <c r="E25" s="1205">
        <v>908</v>
      </c>
      <c r="F25" s="1206">
        <v>624</v>
      </c>
      <c r="G25" s="1207">
        <v>284</v>
      </c>
      <c r="H25" s="1205">
        <v>-18</v>
      </c>
      <c r="I25" s="1206">
        <v>-14</v>
      </c>
      <c r="J25" s="1246">
        <v>-4</v>
      </c>
      <c r="K25" s="1205" t="s">
        <v>188</v>
      </c>
      <c r="L25" s="1206" t="s">
        <v>188</v>
      </c>
      <c r="M25" s="1246" t="s">
        <v>188</v>
      </c>
      <c r="N25" s="1207"/>
      <c r="O25" s="1207">
        <v>18</v>
      </c>
      <c r="P25" s="1205">
        <v>14</v>
      </c>
      <c r="Q25" s="1205">
        <v>4</v>
      </c>
      <c r="R25" s="1205">
        <v>926</v>
      </c>
      <c r="S25" s="1206">
        <v>638</v>
      </c>
      <c r="T25" s="1246">
        <v>288</v>
      </c>
      <c r="U25" s="1207">
        <v>3316</v>
      </c>
      <c r="V25" s="1205">
        <v>1878</v>
      </c>
      <c r="W25" s="1205">
        <v>1438</v>
      </c>
      <c r="X25" s="1205">
        <v>2390</v>
      </c>
      <c r="Y25" s="1205">
        <v>1240</v>
      </c>
      <c r="Z25" s="1205">
        <v>1150</v>
      </c>
    </row>
    <row r="26" spans="1:26" ht="21" customHeight="1">
      <c r="A26" s="869" t="s">
        <v>311</v>
      </c>
      <c r="B26" s="1258">
        <v>130968</v>
      </c>
      <c r="C26" s="1085" t="s">
        <v>313</v>
      </c>
      <c r="D26" s="892" t="s">
        <v>311</v>
      </c>
      <c r="E26" s="1205">
        <v>-224</v>
      </c>
      <c r="F26" s="1206">
        <v>-19</v>
      </c>
      <c r="G26" s="1207">
        <v>-205</v>
      </c>
      <c r="H26" s="1205">
        <v>-38</v>
      </c>
      <c r="I26" s="1206">
        <v>-29</v>
      </c>
      <c r="J26" s="1246">
        <v>-9</v>
      </c>
      <c r="K26" s="1205" t="s">
        <v>188</v>
      </c>
      <c r="L26" s="1206" t="s">
        <v>188</v>
      </c>
      <c r="M26" s="1246" t="s">
        <v>188</v>
      </c>
      <c r="N26" s="1207"/>
      <c r="O26" s="1207">
        <v>38</v>
      </c>
      <c r="P26" s="1205">
        <v>29</v>
      </c>
      <c r="Q26" s="1205">
        <v>9</v>
      </c>
      <c r="R26" s="1205">
        <v>-186</v>
      </c>
      <c r="S26" s="1206">
        <v>10</v>
      </c>
      <c r="T26" s="1246">
        <v>-196</v>
      </c>
      <c r="U26" s="1207">
        <v>16257</v>
      </c>
      <c r="V26" s="1205">
        <v>8858</v>
      </c>
      <c r="W26" s="1205">
        <v>7399</v>
      </c>
      <c r="X26" s="1205">
        <v>16443</v>
      </c>
      <c r="Y26" s="1205">
        <v>8848</v>
      </c>
      <c r="Z26" s="1205">
        <v>7595</v>
      </c>
    </row>
    <row r="27" spans="1:26" ht="21" customHeight="1">
      <c r="A27" s="875">
        <v>29</v>
      </c>
      <c r="B27" s="1258">
        <v>156456</v>
      </c>
      <c r="C27" s="1085" t="s">
        <v>314</v>
      </c>
      <c r="D27" s="875">
        <v>28</v>
      </c>
      <c r="E27" s="1205">
        <v>1076</v>
      </c>
      <c r="F27" s="1206">
        <v>392</v>
      </c>
      <c r="G27" s="1207">
        <v>684</v>
      </c>
      <c r="H27" s="1205">
        <v>-84</v>
      </c>
      <c r="I27" s="1206">
        <v>-52</v>
      </c>
      <c r="J27" s="1246">
        <v>-32</v>
      </c>
      <c r="K27" s="1205" t="s">
        <v>188</v>
      </c>
      <c r="L27" s="1206" t="s">
        <v>188</v>
      </c>
      <c r="M27" s="1246" t="s">
        <v>188</v>
      </c>
      <c r="N27" s="1207"/>
      <c r="O27" s="1207">
        <v>84</v>
      </c>
      <c r="P27" s="1205">
        <v>52</v>
      </c>
      <c r="Q27" s="1205">
        <v>32</v>
      </c>
      <c r="R27" s="1205">
        <v>1160</v>
      </c>
      <c r="S27" s="1206">
        <v>444</v>
      </c>
      <c r="T27" s="1246">
        <v>716</v>
      </c>
      <c r="U27" s="1207">
        <v>12959</v>
      </c>
      <c r="V27" s="1205">
        <v>6934</v>
      </c>
      <c r="W27" s="1205">
        <v>6025</v>
      </c>
      <c r="X27" s="1205">
        <v>11799</v>
      </c>
      <c r="Y27" s="1205">
        <v>6490</v>
      </c>
      <c r="Z27" s="1205">
        <v>5309</v>
      </c>
    </row>
    <row r="28" spans="1:26" ht="21" customHeight="1">
      <c r="A28" s="869" t="s">
        <v>172</v>
      </c>
      <c r="B28" s="1259">
        <v>211676</v>
      </c>
      <c r="C28" s="1088" t="s">
        <v>315</v>
      </c>
      <c r="D28" s="892" t="s">
        <v>172</v>
      </c>
      <c r="E28" s="1211">
        <v>481</v>
      </c>
      <c r="F28" s="1212">
        <v>159</v>
      </c>
      <c r="G28" s="1213">
        <v>322</v>
      </c>
      <c r="H28" s="1211">
        <v>-229</v>
      </c>
      <c r="I28" s="1212">
        <v>-149</v>
      </c>
      <c r="J28" s="1245">
        <v>-80</v>
      </c>
      <c r="K28" s="1211" t="s">
        <v>188</v>
      </c>
      <c r="L28" s="1212" t="s">
        <v>188</v>
      </c>
      <c r="M28" s="1245" t="s">
        <v>188</v>
      </c>
      <c r="N28" s="1213"/>
      <c r="O28" s="1213">
        <v>229</v>
      </c>
      <c r="P28" s="1211">
        <v>149</v>
      </c>
      <c r="Q28" s="1211">
        <v>80</v>
      </c>
      <c r="R28" s="1211">
        <v>710</v>
      </c>
      <c r="S28" s="1212">
        <v>308</v>
      </c>
      <c r="T28" s="1245">
        <v>402</v>
      </c>
      <c r="U28" s="1213">
        <v>6691</v>
      </c>
      <c r="V28" s="1211">
        <v>3780</v>
      </c>
      <c r="W28" s="1211">
        <v>2911</v>
      </c>
      <c r="X28" s="1211">
        <v>5981</v>
      </c>
      <c r="Y28" s="1211">
        <v>3472</v>
      </c>
      <c r="Z28" s="1211">
        <v>2509</v>
      </c>
    </row>
    <row r="29" spans="1:26" ht="21" customHeight="1">
      <c r="A29" s="876" t="s">
        <v>531</v>
      </c>
      <c r="B29" s="1258">
        <v>158098</v>
      </c>
      <c r="C29" s="1085" t="s">
        <v>317</v>
      </c>
      <c r="D29" s="892" t="s">
        <v>530</v>
      </c>
      <c r="E29" s="1205">
        <v>-395</v>
      </c>
      <c r="F29" s="1206">
        <v>-270</v>
      </c>
      <c r="G29" s="1207">
        <v>-125</v>
      </c>
      <c r="H29" s="1205">
        <v>-471</v>
      </c>
      <c r="I29" s="1206">
        <v>-298</v>
      </c>
      <c r="J29" s="1246">
        <v>-173</v>
      </c>
      <c r="K29" s="1205" t="s">
        <v>188</v>
      </c>
      <c r="L29" s="1206" t="s">
        <v>188</v>
      </c>
      <c r="M29" s="1246" t="s">
        <v>188</v>
      </c>
      <c r="N29" s="1207"/>
      <c r="O29" s="1207">
        <v>471</v>
      </c>
      <c r="P29" s="1205">
        <v>298</v>
      </c>
      <c r="Q29" s="1205">
        <v>173</v>
      </c>
      <c r="R29" s="1205">
        <v>76</v>
      </c>
      <c r="S29" s="1206">
        <v>28</v>
      </c>
      <c r="T29" s="1246">
        <v>48</v>
      </c>
      <c r="U29" s="1207">
        <v>3030</v>
      </c>
      <c r="V29" s="1205">
        <v>1769</v>
      </c>
      <c r="W29" s="1205">
        <v>1261</v>
      </c>
      <c r="X29" s="1205">
        <v>2954</v>
      </c>
      <c r="Y29" s="1205">
        <v>1741</v>
      </c>
      <c r="Z29" s="1205">
        <v>1213</v>
      </c>
    </row>
    <row r="30" spans="1:26" ht="21" customHeight="1">
      <c r="A30" s="869" t="s">
        <v>316</v>
      </c>
      <c r="B30" s="1258">
        <v>176852</v>
      </c>
      <c r="C30" s="1085" t="s">
        <v>318</v>
      </c>
      <c r="D30" s="892"/>
      <c r="E30" s="1205">
        <v>-1064</v>
      </c>
      <c r="F30" s="1206">
        <v>-760</v>
      </c>
      <c r="G30" s="1207">
        <v>-304</v>
      </c>
      <c r="H30" s="1205">
        <v>-1248</v>
      </c>
      <c r="I30" s="1206">
        <v>-832</v>
      </c>
      <c r="J30" s="1246">
        <v>-416</v>
      </c>
      <c r="K30" s="1205" t="s">
        <v>188</v>
      </c>
      <c r="L30" s="1206" t="s">
        <v>188</v>
      </c>
      <c r="M30" s="1246" t="s">
        <v>188</v>
      </c>
      <c r="N30" s="1207"/>
      <c r="O30" s="1207">
        <v>1248</v>
      </c>
      <c r="P30" s="1205">
        <v>832</v>
      </c>
      <c r="Q30" s="1205">
        <v>416</v>
      </c>
      <c r="R30" s="1205">
        <v>184</v>
      </c>
      <c r="S30" s="1206">
        <v>72</v>
      </c>
      <c r="T30" s="1246">
        <v>112</v>
      </c>
      <c r="U30" s="1207">
        <v>2095</v>
      </c>
      <c r="V30" s="1205">
        <v>1142</v>
      </c>
      <c r="W30" s="1205">
        <v>953</v>
      </c>
      <c r="X30" s="1205">
        <v>1911</v>
      </c>
      <c r="Y30" s="1205">
        <v>1070</v>
      </c>
      <c r="Z30" s="1205">
        <v>841</v>
      </c>
    </row>
    <row r="31" spans="1:26" ht="21" customHeight="1">
      <c r="A31" s="876" t="s">
        <v>531</v>
      </c>
      <c r="B31" s="1258">
        <v>144755</v>
      </c>
      <c r="C31" s="1085" t="s">
        <v>320</v>
      </c>
      <c r="D31" s="892"/>
      <c r="E31" s="1205">
        <v>-2346</v>
      </c>
      <c r="F31" s="1206">
        <v>-1560</v>
      </c>
      <c r="G31" s="1207">
        <v>-786</v>
      </c>
      <c r="H31" s="1205">
        <v>-2527</v>
      </c>
      <c r="I31" s="1206">
        <v>-1638</v>
      </c>
      <c r="J31" s="1246">
        <v>-889</v>
      </c>
      <c r="K31" s="1205" t="s">
        <v>188</v>
      </c>
      <c r="L31" s="1206" t="s">
        <v>188</v>
      </c>
      <c r="M31" s="1246" t="s">
        <v>188</v>
      </c>
      <c r="N31" s="1207"/>
      <c r="O31" s="1207">
        <v>2527</v>
      </c>
      <c r="P31" s="1205">
        <v>1638</v>
      </c>
      <c r="Q31" s="1205">
        <v>889</v>
      </c>
      <c r="R31" s="1205">
        <v>181</v>
      </c>
      <c r="S31" s="1206">
        <v>78</v>
      </c>
      <c r="T31" s="1246">
        <v>103</v>
      </c>
      <c r="U31" s="1207">
        <v>1244</v>
      </c>
      <c r="V31" s="1205">
        <v>553</v>
      </c>
      <c r="W31" s="1205">
        <v>691</v>
      </c>
      <c r="X31" s="1205">
        <v>1063</v>
      </c>
      <c r="Y31" s="1205">
        <v>475</v>
      </c>
      <c r="Z31" s="1205">
        <v>588</v>
      </c>
    </row>
    <row r="32" spans="1:26" ht="21" customHeight="1">
      <c r="A32" s="869" t="s">
        <v>319</v>
      </c>
      <c r="B32" s="1258">
        <v>73026</v>
      </c>
      <c r="C32" s="1085" t="s">
        <v>322</v>
      </c>
      <c r="D32" s="892"/>
      <c r="E32" s="1205">
        <v>-3766</v>
      </c>
      <c r="F32" s="1206">
        <v>-2109</v>
      </c>
      <c r="G32" s="1207">
        <v>-1657</v>
      </c>
      <c r="H32" s="1205">
        <v>-3987</v>
      </c>
      <c r="I32" s="1206">
        <v>-2164</v>
      </c>
      <c r="J32" s="1246">
        <v>-1823</v>
      </c>
      <c r="K32" s="1205" t="s">
        <v>188</v>
      </c>
      <c r="L32" s="1206" t="s">
        <v>188</v>
      </c>
      <c r="M32" s="1246" t="s">
        <v>188</v>
      </c>
      <c r="N32" s="1207"/>
      <c r="O32" s="1207">
        <v>3987</v>
      </c>
      <c r="P32" s="1205">
        <v>2164</v>
      </c>
      <c r="Q32" s="1205">
        <v>1823</v>
      </c>
      <c r="R32" s="1205">
        <v>221</v>
      </c>
      <c r="S32" s="1206">
        <v>55</v>
      </c>
      <c r="T32" s="1246">
        <v>166</v>
      </c>
      <c r="U32" s="1207">
        <v>973</v>
      </c>
      <c r="V32" s="1205">
        <v>310</v>
      </c>
      <c r="W32" s="1205">
        <v>663</v>
      </c>
      <c r="X32" s="1205">
        <v>752</v>
      </c>
      <c r="Y32" s="1205">
        <v>255</v>
      </c>
      <c r="Z32" s="1205">
        <v>497</v>
      </c>
    </row>
    <row r="33" spans="1:26" ht="21" customHeight="1">
      <c r="A33" s="869" t="s">
        <v>321</v>
      </c>
      <c r="B33" s="1259">
        <v>15402</v>
      </c>
      <c r="C33" s="1088" t="s">
        <v>324</v>
      </c>
      <c r="D33" s="1098"/>
      <c r="E33" s="1211">
        <v>-2396</v>
      </c>
      <c r="F33" s="1212">
        <v>-765</v>
      </c>
      <c r="G33" s="1213">
        <v>-1631</v>
      </c>
      <c r="H33" s="1211">
        <v>-2462</v>
      </c>
      <c r="I33" s="1212">
        <v>-782</v>
      </c>
      <c r="J33" s="1245">
        <v>-1680</v>
      </c>
      <c r="K33" s="1211" t="s">
        <v>188</v>
      </c>
      <c r="L33" s="1212" t="s">
        <v>188</v>
      </c>
      <c r="M33" s="1245" t="s">
        <v>188</v>
      </c>
      <c r="N33" s="1213"/>
      <c r="O33" s="1213">
        <v>2462</v>
      </c>
      <c r="P33" s="1211">
        <v>782</v>
      </c>
      <c r="Q33" s="1211">
        <v>1680</v>
      </c>
      <c r="R33" s="1211">
        <v>66</v>
      </c>
      <c r="S33" s="1212">
        <v>17</v>
      </c>
      <c r="T33" s="1245">
        <v>49</v>
      </c>
      <c r="U33" s="1213">
        <v>269</v>
      </c>
      <c r="V33" s="1211">
        <v>66</v>
      </c>
      <c r="W33" s="1211">
        <v>203</v>
      </c>
      <c r="X33" s="1211">
        <v>203</v>
      </c>
      <c r="Y33" s="1211">
        <v>49</v>
      </c>
      <c r="Z33" s="1211">
        <v>154</v>
      </c>
    </row>
    <row r="34" spans="1:26" ht="21" customHeight="1">
      <c r="A34" s="869" t="s">
        <v>323</v>
      </c>
      <c r="B34" s="1259">
        <v>566</v>
      </c>
      <c r="C34" s="1088" t="s">
        <v>534</v>
      </c>
      <c r="D34" s="1098"/>
      <c r="E34" s="1212">
        <v>-235</v>
      </c>
      <c r="F34" s="1212">
        <v>-32</v>
      </c>
      <c r="G34" s="1211">
        <v>-203</v>
      </c>
      <c r="H34" s="1211">
        <v>-231</v>
      </c>
      <c r="I34" s="1212">
        <v>-30</v>
      </c>
      <c r="J34" s="1245">
        <v>-201</v>
      </c>
      <c r="K34" s="1211" t="s">
        <v>188</v>
      </c>
      <c r="L34" s="1212" t="s">
        <v>188</v>
      </c>
      <c r="M34" s="1212" t="s">
        <v>188</v>
      </c>
      <c r="N34" s="1213"/>
      <c r="O34" s="1213">
        <v>231</v>
      </c>
      <c r="P34" s="1211">
        <v>30</v>
      </c>
      <c r="Q34" s="1211">
        <v>201</v>
      </c>
      <c r="R34" s="1211">
        <v>-4</v>
      </c>
      <c r="S34" s="1212">
        <v>-2</v>
      </c>
      <c r="T34" s="1212">
        <v>-2</v>
      </c>
      <c r="U34" s="1213">
        <v>6</v>
      </c>
      <c r="V34" s="1211">
        <v>1</v>
      </c>
      <c r="W34" s="1211">
        <v>5</v>
      </c>
      <c r="X34" s="1211">
        <v>10</v>
      </c>
      <c r="Y34" s="1211">
        <v>3</v>
      </c>
      <c r="Z34" s="1211">
        <v>7</v>
      </c>
    </row>
    <row r="35" spans="1:26" ht="21" customHeight="1" thickBot="1">
      <c r="A35" s="866"/>
      <c r="B35" s="1258">
        <v>5670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2792</v>
      </c>
      <c r="C36" s="1101" t="s">
        <v>238</v>
      </c>
      <c r="D36" s="1249"/>
      <c r="E36" s="1252">
        <v>150</v>
      </c>
      <c r="F36" s="1252">
        <v>-110</v>
      </c>
      <c r="G36" s="1252">
        <v>260</v>
      </c>
      <c r="H36" s="1252">
        <v>-635</v>
      </c>
      <c r="I36" s="1252">
        <v>-474</v>
      </c>
      <c r="J36" s="1252">
        <v>-161</v>
      </c>
      <c r="K36" s="1252">
        <v>-360</v>
      </c>
      <c r="L36" s="1252">
        <v>-286</v>
      </c>
      <c r="M36" s="1250">
        <v>-74</v>
      </c>
      <c r="N36" s="1248"/>
      <c r="O36" s="1251">
        <v>275</v>
      </c>
      <c r="P36" s="1250">
        <v>188</v>
      </c>
      <c r="Q36" s="1250">
        <v>87</v>
      </c>
      <c r="R36" s="1250">
        <v>785</v>
      </c>
      <c r="S36" s="1250">
        <v>364</v>
      </c>
      <c r="T36" s="1250">
        <v>421</v>
      </c>
      <c r="U36" s="1250">
        <v>1857</v>
      </c>
      <c r="V36" s="1250">
        <v>890</v>
      </c>
      <c r="W36" s="1250">
        <v>967</v>
      </c>
      <c r="X36" s="1250">
        <v>1072</v>
      </c>
      <c r="Y36" s="1250">
        <v>526</v>
      </c>
      <c r="Z36" s="1248">
        <v>546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1104</v>
      </c>
      <c r="C38" s="884" t="s">
        <v>668</v>
      </c>
      <c r="D38" s="892" t="s">
        <v>671</v>
      </c>
      <c r="E38" s="1205">
        <v>-174</v>
      </c>
      <c r="F38" s="1205">
        <v>-125</v>
      </c>
      <c r="G38" s="1205">
        <v>-49</v>
      </c>
      <c r="H38" s="1205">
        <v>-368</v>
      </c>
      <c r="I38" s="1205">
        <v>-288</v>
      </c>
      <c r="J38" s="1205">
        <v>-80</v>
      </c>
      <c r="K38" s="1205">
        <v>-360</v>
      </c>
      <c r="L38" s="1205">
        <v>-286</v>
      </c>
      <c r="M38" s="1206">
        <v>-74</v>
      </c>
      <c r="N38" s="1207"/>
      <c r="O38" s="1246">
        <v>8</v>
      </c>
      <c r="P38" s="1206">
        <v>2</v>
      </c>
      <c r="Q38" s="1206">
        <v>6</v>
      </c>
      <c r="R38" s="1206">
        <v>194</v>
      </c>
      <c r="S38" s="1206">
        <v>163</v>
      </c>
      <c r="T38" s="1206">
        <v>31</v>
      </c>
      <c r="U38" s="1206">
        <v>57</v>
      </c>
      <c r="V38" s="1206">
        <v>82</v>
      </c>
      <c r="W38" s="1206">
        <v>-25</v>
      </c>
      <c r="X38" s="1206">
        <v>-137</v>
      </c>
      <c r="Y38" s="1206">
        <v>-81</v>
      </c>
      <c r="Z38" s="1207">
        <v>-56</v>
      </c>
    </row>
    <row r="39" spans="1:26" ht="21" customHeight="1">
      <c r="A39" s="869" t="s">
        <v>669</v>
      </c>
      <c r="B39" s="1207">
        <v>-979</v>
      </c>
      <c r="C39" s="1085" t="s">
        <v>312</v>
      </c>
      <c r="D39" s="892" t="s">
        <v>669</v>
      </c>
      <c r="E39" s="1205">
        <v>-31</v>
      </c>
      <c r="F39" s="1205">
        <v>-96</v>
      </c>
      <c r="G39" s="1205">
        <v>65</v>
      </c>
      <c r="H39" s="1205">
        <v>6</v>
      </c>
      <c r="I39" s="1205">
        <v>7</v>
      </c>
      <c r="J39" s="1205">
        <v>-1</v>
      </c>
      <c r="K39" s="1205" t="s">
        <v>188</v>
      </c>
      <c r="L39" s="1205" t="s">
        <v>188</v>
      </c>
      <c r="M39" s="1206" t="s">
        <v>188</v>
      </c>
      <c r="N39" s="1207"/>
      <c r="O39" s="1246">
        <v>-6</v>
      </c>
      <c r="P39" s="1206">
        <v>-7</v>
      </c>
      <c r="Q39" s="1206">
        <v>1</v>
      </c>
      <c r="R39" s="1206">
        <v>-37</v>
      </c>
      <c r="S39" s="1206">
        <v>-103</v>
      </c>
      <c r="T39" s="1206">
        <v>66</v>
      </c>
      <c r="U39" s="1206">
        <v>27</v>
      </c>
      <c r="V39" s="1206">
        <v>-32</v>
      </c>
      <c r="W39" s="1206">
        <v>59</v>
      </c>
      <c r="X39" s="1206">
        <v>64</v>
      </c>
      <c r="Y39" s="1206">
        <v>71</v>
      </c>
      <c r="Z39" s="1207">
        <v>-7</v>
      </c>
    </row>
    <row r="40" spans="1:26" ht="21" customHeight="1">
      <c r="A40" s="876"/>
      <c r="B40" s="1207">
        <v>415</v>
      </c>
      <c r="C40" s="1085" t="s">
        <v>313</v>
      </c>
      <c r="D40" s="875"/>
      <c r="E40" s="1205">
        <v>-137</v>
      </c>
      <c r="F40" s="1205">
        <v>-211</v>
      </c>
      <c r="G40" s="1205">
        <v>74</v>
      </c>
      <c r="H40" s="1205">
        <v>5</v>
      </c>
      <c r="I40" s="1205">
        <v>6</v>
      </c>
      <c r="J40" s="1205">
        <v>-1</v>
      </c>
      <c r="K40" s="1205" t="s">
        <v>188</v>
      </c>
      <c r="L40" s="1205" t="s">
        <v>188</v>
      </c>
      <c r="M40" s="1206" t="s">
        <v>188</v>
      </c>
      <c r="N40" s="1207"/>
      <c r="O40" s="1246">
        <v>-5</v>
      </c>
      <c r="P40" s="1206">
        <v>-6</v>
      </c>
      <c r="Q40" s="1206">
        <v>1</v>
      </c>
      <c r="R40" s="1206">
        <v>-142</v>
      </c>
      <c r="S40" s="1206">
        <v>-217</v>
      </c>
      <c r="T40" s="1206">
        <v>75</v>
      </c>
      <c r="U40" s="1206">
        <v>634</v>
      </c>
      <c r="V40" s="1206">
        <v>233</v>
      </c>
      <c r="W40" s="1206">
        <v>401</v>
      </c>
      <c r="X40" s="1206">
        <v>776</v>
      </c>
      <c r="Y40" s="1206">
        <v>450</v>
      </c>
      <c r="Z40" s="1207">
        <v>326</v>
      </c>
    </row>
    <row r="41" spans="1:26" ht="21" customHeight="1">
      <c r="A41" s="869" t="s">
        <v>309</v>
      </c>
      <c r="B41" s="1207">
        <v>-4604</v>
      </c>
      <c r="C41" s="1085" t="s">
        <v>314</v>
      </c>
      <c r="D41" s="892" t="s">
        <v>309</v>
      </c>
      <c r="E41" s="1205">
        <v>157</v>
      </c>
      <c r="F41" s="1205">
        <v>170</v>
      </c>
      <c r="G41" s="1205">
        <v>-13</v>
      </c>
      <c r="H41" s="1205">
        <v>19</v>
      </c>
      <c r="I41" s="1205">
        <v>18</v>
      </c>
      <c r="J41" s="1205">
        <v>1</v>
      </c>
      <c r="K41" s="1205" t="s">
        <v>188</v>
      </c>
      <c r="L41" s="1205" t="s">
        <v>188</v>
      </c>
      <c r="M41" s="1206" t="s">
        <v>188</v>
      </c>
      <c r="N41" s="1207"/>
      <c r="O41" s="1246">
        <v>-19</v>
      </c>
      <c r="P41" s="1206">
        <v>-18</v>
      </c>
      <c r="Q41" s="1206">
        <v>-1</v>
      </c>
      <c r="R41" s="1206">
        <v>138</v>
      </c>
      <c r="S41" s="1206">
        <v>152</v>
      </c>
      <c r="T41" s="1206">
        <v>-14</v>
      </c>
      <c r="U41" s="1206">
        <v>214</v>
      </c>
      <c r="V41" s="1206">
        <v>188</v>
      </c>
      <c r="W41" s="1206">
        <v>26</v>
      </c>
      <c r="X41" s="1206">
        <v>76</v>
      </c>
      <c r="Y41" s="1206">
        <v>36</v>
      </c>
      <c r="Z41" s="1207">
        <v>40</v>
      </c>
    </row>
    <row r="42" spans="1:26" ht="21" customHeight="1">
      <c r="A42" s="869" t="s">
        <v>311</v>
      </c>
      <c r="B42" s="1211">
        <v>-2303</v>
      </c>
      <c r="C42" s="1088" t="s">
        <v>315</v>
      </c>
      <c r="D42" s="892" t="s">
        <v>311</v>
      </c>
      <c r="E42" s="1211">
        <v>43</v>
      </c>
      <c r="F42" s="1211">
        <v>39</v>
      </c>
      <c r="G42" s="1211">
        <v>4</v>
      </c>
      <c r="H42" s="1211">
        <v>-13</v>
      </c>
      <c r="I42" s="1211">
        <v>-13</v>
      </c>
      <c r="J42" s="1212">
        <v>0</v>
      </c>
      <c r="K42" s="1205" t="s">
        <v>188</v>
      </c>
      <c r="L42" s="1205" t="s">
        <v>188</v>
      </c>
      <c r="M42" s="1206" t="s">
        <v>188</v>
      </c>
      <c r="N42" s="1207"/>
      <c r="O42" s="1245">
        <v>13</v>
      </c>
      <c r="P42" s="1212">
        <v>13</v>
      </c>
      <c r="Q42" s="1212">
        <v>0</v>
      </c>
      <c r="R42" s="1212">
        <v>56</v>
      </c>
      <c r="S42" s="1212">
        <v>52</v>
      </c>
      <c r="T42" s="1212">
        <v>4</v>
      </c>
      <c r="U42" s="1212">
        <v>82</v>
      </c>
      <c r="V42" s="1212">
        <v>34</v>
      </c>
      <c r="W42" s="1212">
        <v>48</v>
      </c>
      <c r="X42" s="1212">
        <v>26</v>
      </c>
      <c r="Y42" s="1212">
        <v>-18</v>
      </c>
      <c r="Z42" s="1213">
        <v>44</v>
      </c>
    </row>
    <row r="43" spans="1:26" ht="21" customHeight="1">
      <c r="A43" s="876">
        <v>29</v>
      </c>
      <c r="B43" s="1207">
        <v>7683</v>
      </c>
      <c r="C43" s="1085" t="s">
        <v>317</v>
      </c>
      <c r="D43" s="875">
        <v>28</v>
      </c>
      <c r="E43" s="1205">
        <v>253</v>
      </c>
      <c r="F43" s="1205">
        <v>128</v>
      </c>
      <c r="G43" s="1205">
        <v>125</v>
      </c>
      <c r="H43" s="1205">
        <v>25</v>
      </c>
      <c r="I43" s="1205">
        <v>8</v>
      </c>
      <c r="J43" s="1205">
        <v>17</v>
      </c>
      <c r="K43" s="1253" t="s">
        <v>188</v>
      </c>
      <c r="L43" s="1253" t="s">
        <v>188</v>
      </c>
      <c r="M43" s="1247" t="s">
        <v>188</v>
      </c>
      <c r="N43" s="1207"/>
      <c r="O43" s="1246">
        <v>-25</v>
      </c>
      <c r="P43" s="1206">
        <v>-8</v>
      </c>
      <c r="Q43" s="1206">
        <v>-17</v>
      </c>
      <c r="R43" s="1206">
        <v>228</v>
      </c>
      <c r="S43" s="1206">
        <v>120</v>
      </c>
      <c r="T43" s="1206">
        <v>108</v>
      </c>
      <c r="U43" s="1206">
        <v>319</v>
      </c>
      <c r="V43" s="1206">
        <v>149</v>
      </c>
      <c r="W43" s="1206">
        <v>170</v>
      </c>
      <c r="X43" s="1206">
        <v>91</v>
      </c>
      <c r="Y43" s="1206">
        <v>29</v>
      </c>
      <c r="Z43" s="1207">
        <v>62</v>
      </c>
    </row>
    <row r="44" spans="1:26" ht="21" customHeight="1">
      <c r="A44" s="883" t="s">
        <v>672</v>
      </c>
      <c r="B44" s="1207">
        <v>-8615</v>
      </c>
      <c r="C44" s="1085" t="s">
        <v>318</v>
      </c>
      <c r="D44" s="1109" t="s">
        <v>672</v>
      </c>
      <c r="E44" s="1205">
        <v>200</v>
      </c>
      <c r="F44" s="1205">
        <v>112</v>
      </c>
      <c r="G44" s="1205">
        <v>88</v>
      </c>
      <c r="H44" s="1205">
        <v>68</v>
      </c>
      <c r="I44" s="1205">
        <v>25</v>
      </c>
      <c r="J44" s="1205">
        <v>43</v>
      </c>
      <c r="K44" s="1205" t="s">
        <v>188</v>
      </c>
      <c r="L44" s="1205" t="s">
        <v>188</v>
      </c>
      <c r="M44" s="1206" t="s">
        <v>188</v>
      </c>
      <c r="N44" s="1207"/>
      <c r="O44" s="1246">
        <v>-68</v>
      </c>
      <c r="P44" s="1206">
        <v>-25</v>
      </c>
      <c r="Q44" s="1206">
        <v>-43</v>
      </c>
      <c r="R44" s="1206">
        <v>132</v>
      </c>
      <c r="S44" s="1206">
        <v>87</v>
      </c>
      <c r="T44" s="1206">
        <v>45</v>
      </c>
      <c r="U44" s="1206">
        <v>115</v>
      </c>
      <c r="V44" s="1206">
        <v>91</v>
      </c>
      <c r="W44" s="1206">
        <v>24</v>
      </c>
      <c r="X44" s="1206">
        <v>-17</v>
      </c>
      <c r="Y44" s="1206">
        <v>4</v>
      </c>
      <c r="Z44" s="1207">
        <v>-21</v>
      </c>
    </row>
    <row r="45" spans="1:26" ht="21" customHeight="1">
      <c r="A45" s="876">
        <v>30</v>
      </c>
      <c r="B45" s="1207">
        <v>6564</v>
      </c>
      <c r="C45" s="1085" t="s">
        <v>320</v>
      </c>
      <c r="D45" s="875">
        <v>29</v>
      </c>
      <c r="E45" s="1205">
        <v>39</v>
      </c>
      <c r="F45" s="1205">
        <v>-32</v>
      </c>
      <c r="G45" s="1205">
        <v>71</v>
      </c>
      <c r="H45" s="1205">
        <v>13</v>
      </c>
      <c r="I45" s="1205">
        <v>-43</v>
      </c>
      <c r="J45" s="1205">
        <v>56</v>
      </c>
      <c r="K45" s="1205" t="s">
        <v>188</v>
      </c>
      <c r="L45" s="1205" t="s">
        <v>188</v>
      </c>
      <c r="M45" s="1206" t="s">
        <v>188</v>
      </c>
      <c r="N45" s="1207"/>
      <c r="O45" s="1246">
        <v>-13</v>
      </c>
      <c r="P45" s="1206">
        <v>43</v>
      </c>
      <c r="Q45" s="1206">
        <v>-56</v>
      </c>
      <c r="R45" s="1206">
        <v>26</v>
      </c>
      <c r="S45" s="1206">
        <v>11</v>
      </c>
      <c r="T45" s="1206">
        <v>15</v>
      </c>
      <c r="U45" s="1206">
        <v>128</v>
      </c>
      <c r="V45" s="1206">
        <v>39</v>
      </c>
      <c r="W45" s="1206">
        <v>89</v>
      </c>
      <c r="X45" s="1206">
        <v>102</v>
      </c>
      <c r="Y45" s="1206">
        <v>28</v>
      </c>
      <c r="Z45" s="1207">
        <v>74</v>
      </c>
    </row>
    <row r="46" spans="1:26" ht="21" customHeight="1">
      <c r="A46" s="869" t="s">
        <v>172</v>
      </c>
      <c r="B46" s="1207">
        <v>4477</v>
      </c>
      <c r="C46" s="1085" t="s">
        <v>322</v>
      </c>
      <c r="D46" s="892" t="s">
        <v>172</v>
      </c>
      <c r="E46" s="1205">
        <v>-53</v>
      </c>
      <c r="F46" s="1205">
        <v>3</v>
      </c>
      <c r="G46" s="1205">
        <v>-56</v>
      </c>
      <c r="H46" s="1205">
        <v>-161</v>
      </c>
      <c r="I46" s="1205">
        <v>-60</v>
      </c>
      <c r="J46" s="1205">
        <v>-101</v>
      </c>
      <c r="K46" s="1205" t="s">
        <v>188</v>
      </c>
      <c r="L46" s="1205" t="s">
        <v>188</v>
      </c>
      <c r="M46" s="1206" t="s">
        <v>188</v>
      </c>
      <c r="N46" s="1207"/>
      <c r="O46" s="1246">
        <v>161</v>
      </c>
      <c r="P46" s="1206">
        <v>60</v>
      </c>
      <c r="Q46" s="1206">
        <v>101</v>
      </c>
      <c r="R46" s="1206">
        <v>108</v>
      </c>
      <c r="S46" s="1206">
        <v>63</v>
      </c>
      <c r="T46" s="1206">
        <v>45</v>
      </c>
      <c r="U46" s="1206">
        <v>176</v>
      </c>
      <c r="V46" s="1206">
        <v>67</v>
      </c>
      <c r="W46" s="1206">
        <v>109</v>
      </c>
      <c r="X46" s="1206">
        <v>68</v>
      </c>
      <c r="Y46" s="1206">
        <v>4</v>
      </c>
      <c r="Z46" s="1207">
        <v>64</v>
      </c>
    </row>
    <row r="47" spans="1:26" ht="21" customHeight="1">
      <c r="A47" s="869" t="s">
        <v>673</v>
      </c>
      <c r="B47" s="1211">
        <v>1146</v>
      </c>
      <c r="C47" s="1088" t="s">
        <v>324</v>
      </c>
      <c r="D47" s="892" t="s">
        <v>530</v>
      </c>
      <c r="E47" s="1211">
        <v>-144</v>
      </c>
      <c r="F47" s="1211">
        <v>-94</v>
      </c>
      <c r="G47" s="1211">
        <v>-50</v>
      </c>
      <c r="H47" s="1211">
        <v>-216</v>
      </c>
      <c r="I47" s="1211">
        <v>-127</v>
      </c>
      <c r="J47" s="1212">
        <v>-89</v>
      </c>
      <c r="K47" s="1211" t="s">
        <v>188</v>
      </c>
      <c r="L47" s="1211" t="s">
        <v>188</v>
      </c>
      <c r="M47" s="1212" t="s">
        <v>188</v>
      </c>
      <c r="N47" s="1213"/>
      <c r="O47" s="1245">
        <v>216</v>
      </c>
      <c r="P47" s="1212">
        <v>127</v>
      </c>
      <c r="Q47" s="1212">
        <v>89</v>
      </c>
      <c r="R47" s="1212">
        <v>72</v>
      </c>
      <c r="S47" s="1212">
        <v>33</v>
      </c>
      <c r="T47" s="1212">
        <v>39</v>
      </c>
      <c r="U47" s="1212">
        <v>102</v>
      </c>
      <c r="V47" s="1212">
        <v>38</v>
      </c>
      <c r="W47" s="1212">
        <v>64</v>
      </c>
      <c r="X47" s="1212">
        <v>30</v>
      </c>
      <c r="Y47" s="1212">
        <v>5</v>
      </c>
      <c r="Z47" s="1213">
        <v>25</v>
      </c>
    </row>
    <row r="48" spans="1:26" ht="21" customHeight="1">
      <c r="A48" s="869" t="s">
        <v>674</v>
      </c>
      <c r="B48" s="1211">
        <v>112</v>
      </c>
      <c r="C48" s="1088" t="s">
        <v>534</v>
      </c>
      <c r="D48" s="892" t="s">
        <v>673</v>
      </c>
      <c r="E48" s="1231">
        <v>-3</v>
      </c>
      <c r="F48" s="1231">
        <v>-4</v>
      </c>
      <c r="G48" s="1231">
        <v>1</v>
      </c>
      <c r="H48" s="1231">
        <v>-13</v>
      </c>
      <c r="I48" s="1231">
        <v>-7</v>
      </c>
      <c r="J48" s="1232">
        <v>-6</v>
      </c>
      <c r="K48" s="1231" t="s">
        <v>188</v>
      </c>
      <c r="L48" s="1231" t="s">
        <v>188</v>
      </c>
      <c r="M48" s="1212" t="s">
        <v>188</v>
      </c>
      <c r="N48" s="1213"/>
      <c r="O48" s="1261">
        <v>13</v>
      </c>
      <c r="P48" s="1232">
        <v>7</v>
      </c>
      <c r="Q48" s="1232">
        <v>6</v>
      </c>
      <c r="R48" s="1232">
        <v>10</v>
      </c>
      <c r="S48" s="1232">
        <v>3</v>
      </c>
      <c r="T48" s="1232">
        <v>7</v>
      </c>
      <c r="U48" s="1232">
        <v>3</v>
      </c>
      <c r="V48" s="1232">
        <v>1</v>
      </c>
      <c r="W48" s="1232">
        <v>2</v>
      </c>
      <c r="X48" s="1232">
        <v>-7</v>
      </c>
      <c r="Y48" s="1232">
        <v>-2</v>
      </c>
      <c r="Z48" s="1260">
        <v>-5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2" t="s">
        <v>188</v>
      </c>
      <c r="S49" s="1242" t="s">
        <v>188</v>
      </c>
      <c r="T49" s="1242" t="s">
        <v>188</v>
      </c>
      <c r="U49" s="1243" t="s">
        <v>188</v>
      </c>
      <c r="V49" s="1242" t="s">
        <v>188</v>
      </c>
      <c r="W49" s="1243" t="s">
        <v>188</v>
      </c>
      <c r="X49" s="1241" t="s">
        <v>188</v>
      </c>
      <c r="Y49" s="1242" t="s">
        <v>188</v>
      </c>
      <c r="Z49" s="1241" t="s">
        <v>188</v>
      </c>
    </row>
    <row r="50" spans="1:26" ht="15" thickTop="1">
      <c r="A50" s="175" t="s">
        <v>700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701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48" fitToWidth="0" orientation="portrait" blackAndWhite="1" useFirstPageNumber="1" r:id="rId1"/>
  <headerFooter>
    <oddFooter>&amp;C&amp;"ＭＳ ゴシック,太字"&amp;12-&amp;P--</oddFooter>
    <evenFooter>&amp;C－49－</evenFoot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52"/>
  <sheetViews>
    <sheetView zoomScale="75" zoomScaleNormal="75" zoomScaleSheetLayoutView="80" workbookViewId="0"/>
  </sheetViews>
  <sheetFormatPr defaultRowHeight="13.5"/>
  <cols>
    <col min="1" max="1" width="6.375" style="132" customWidth="1"/>
    <col min="2" max="3" width="12.75" style="132" customWidth="1"/>
    <col min="4" max="4" width="6.25" style="132" customWidth="1"/>
    <col min="5" max="10" width="9.75" style="132" customWidth="1"/>
    <col min="11" max="13" width="8.875" style="132" customWidth="1"/>
    <col min="14" max="14" width="2.375" style="132" customWidth="1"/>
    <col min="15" max="17" width="9.5" style="132" customWidth="1"/>
    <col min="18" max="24" width="10.125" style="132" customWidth="1"/>
    <col min="25" max="26" width="10.25" style="132" customWidth="1"/>
    <col min="27" max="257" width="9" style="132"/>
    <col min="258" max="258" width="6.375" style="132" customWidth="1"/>
    <col min="259" max="260" width="12.75" style="132" customWidth="1"/>
    <col min="261" max="261" width="6.25" style="132" customWidth="1"/>
    <col min="262" max="270" width="9.75" style="132" customWidth="1"/>
    <col min="271" max="271" width="44.625" style="132" customWidth="1"/>
    <col min="272" max="280" width="10.125" style="132" customWidth="1"/>
    <col min="281" max="282" width="10.25" style="132" customWidth="1"/>
    <col min="283" max="513" width="9" style="132"/>
    <col min="514" max="514" width="6.375" style="132" customWidth="1"/>
    <col min="515" max="516" width="12.75" style="132" customWidth="1"/>
    <col min="517" max="517" width="6.25" style="132" customWidth="1"/>
    <col min="518" max="526" width="9.75" style="132" customWidth="1"/>
    <col min="527" max="527" width="44.625" style="132" customWidth="1"/>
    <col min="528" max="536" width="10.125" style="132" customWidth="1"/>
    <col min="537" max="538" width="10.25" style="132" customWidth="1"/>
    <col min="539" max="769" width="9" style="132"/>
    <col min="770" max="770" width="6.375" style="132" customWidth="1"/>
    <col min="771" max="772" width="12.75" style="132" customWidth="1"/>
    <col min="773" max="773" width="6.25" style="132" customWidth="1"/>
    <col min="774" max="782" width="9.75" style="132" customWidth="1"/>
    <col min="783" max="783" width="44.625" style="132" customWidth="1"/>
    <col min="784" max="792" width="10.125" style="132" customWidth="1"/>
    <col min="793" max="794" width="10.25" style="132" customWidth="1"/>
    <col min="795" max="1025" width="9" style="132"/>
    <col min="1026" max="1026" width="6.375" style="132" customWidth="1"/>
    <col min="1027" max="1028" width="12.75" style="132" customWidth="1"/>
    <col min="1029" max="1029" width="6.25" style="132" customWidth="1"/>
    <col min="1030" max="1038" width="9.75" style="132" customWidth="1"/>
    <col min="1039" max="1039" width="44.625" style="132" customWidth="1"/>
    <col min="1040" max="1048" width="10.125" style="132" customWidth="1"/>
    <col min="1049" max="1050" width="10.25" style="132" customWidth="1"/>
    <col min="1051" max="1281" width="9" style="132"/>
    <col min="1282" max="1282" width="6.375" style="132" customWidth="1"/>
    <col min="1283" max="1284" width="12.75" style="132" customWidth="1"/>
    <col min="1285" max="1285" width="6.25" style="132" customWidth="1"/>
    <col min="1286" max="1294" width="9.75" style="132" customWidth="1"/>
    <col min="1295" max="1295" width="44.625" style="132" customWidth="1"/>
    <col min="1296" max="1304" width="10.125" style="132" customWidth="1"/>
    <col min="1305" max="1306" width="10.25" style="132" customWidth="1"/>
    <col min="1307" max="1537" width="9" style="132"/>
    <col min="1538" max="1538" width="6.375" style="132" customWidth="1"/>
    <col min="1539" max="1540" width="12.75" style="132" customWidth="1"/>
    <col min="1541" max="1541" width="6.25" style="132" customWidth="1"/>
    <col min="1542" max="1550" width="9.75" style="132" customWidth="1"/>
    <col min="1551" max="1551" width="44.625" style="132" customWidth="1"/>
    <col min="1552" max="1560" width="10.125" style="132" customWidth="1"/>
    <col min="1561" max="1562" width="10.25" style="132" customWidth="1"/>
    <col min="1563" max="1793" width="9" style="132"/>
    <col min="1794" max="1794" width="6.375" style="132" customWidth="1"/>
    <col min="1795" max="1796" width="12.75" style="132" customWidth="1"/>
    <col min="1797" max="1797" width="6.25" style="132" customWidth="1"/>
    <col min="1798" max="1806" width="9.75" style="132" customWidth="1"/>
    <col min="1807" max="1807" width="44.625" style="132" customWidth="1"/>
    <col min="1808" max="1816" width="10.125" style="132" customWidth="1"/>
    <col min="1817" max="1818" width="10.25" style="132" customWidth="1"/>
    <col min="1819" max="2049" width="9" style="132"/>
    <col min="2050" max="2050" width="6.375" style="132" customWidth="1"/>
    <col min="2051" max="2052" width="12.75" style="132" customWidth="1"/>
    <col min="2053" max="2053" width="6.25" style="132" customWidth="1"/>
    <col min="2054" max="2062" width="9.75" style="132" customWidth="1"/>
    <col min="2063" max="2063" width="44.625" style="132" customWidth="1"/>
    <col min="2064" max="2072" width="10.125" style="132" customWidth="1"/>
    <col min="2073" max="2074" width="10.25" style="132" customWidth="1"/>
    <col min="2075" max="2305" width="9" style="132"/>
    <col min="2306" max="2306" width="6.375" style="132" customWidth="1"/>
    <col min="2307" max="2308" width="12.75" style="132" customWidth="1"/>
    <col min="2309" max="2309" width="6.25" style="132" customWidth="1"/>
    <col min="2310" max="2318" width="9.75" style="132" customWidth="1"/>
    <col min="2319" max="2319" width="44.625" style="132" customWidth="1"/>
    <col min="2320" max="2328" width="10.125" style="132" customWidth="1"/>
    <col min="2329" max="2330" width="10.25" style="132" customWidth="1"/>
    <col min="2331" max="2561" width="9" style="132"/>
    <col min="2562" max="2562" width="6.375" style="132" customWidth="1"/>
    <col min="2563" max="2564" width="12.75" style="132" customWidth="1"/>
    <col min="2565" max="2565" width="6.25" style="132" customWidth="1"/>
    <col min="2566" max="2574" width="9.75" style="132" customWidth="1"/>
    <col min="2575" max="2575" width="44.625" style="132" customWidth="1"/>
    <col min="2576" max="2584" width="10.125" style="132" customWidth="1"/>
    <col min="2585" max="2586" width="10.25" style="132" customWidth="1"/>
    <col min="2587" max="2817" width="9" style="132"/>
    <col min="2818" max="2818" width="6.375" style="132" customWidth="1"/>
    <col min="2819" max="2820" width="12.75" style="132" customWidth="1"/>
    <col min="2821" max="2821" width="6.25" style="132" customWidth="1"/>
    <col min="2822" max="2830" width="9.75" style="132" customWidth="1"/>
    <col min="2831" max="2831" width="44.625" style="132" customWidth="1"/>
    <col min="2832" max="2840" width="10.125" style="132" customWidth="1"/>
    <col min="2841" max="2842" width="10.25" style="132" customWidth="1"/>
    <col min="2843" max="3073" width="9" style="132"/>
    <col min="3074" max="3074" width="6.375" style="132" customWidth="1"/>
    <col min="3075" max="3076" width="12.75" style="132" customWidth="1"/>
    <col min="3077" max="3077" width="6.25" style="132" customWidth="1"/>
    <col min="3078" max="3086" width="9.75" style="132" customWidth="1"/>
    <col min="3087" max="3087" width="44.625" style="132" customWidth="1"/>
    <col min="3088" max="3096" width="10.125" style="132" customWidth="1"/>
    <col min="3097" max="3098" width="10.25" style="132" customWidth="1"/>
    <col min="3099" max="3329" width="9" style="132"/>
    <col min="3330" max="3330" width="6.375" style="132" customWidth="1"/>
    <col min="3331" max="3332" width="12.75" style="132" customWidth="1"/>
    <col min="3333" max="3333" width="6.25" style="132" customWidth="1"/>
    <col min="3334" max="3342" width="9.75" style="132" customWidth="1"/>
    <col min="3343" max="3343" width="44.625" style="132" customWidth="1"/>
    <col min="3344" max="3352" width="10.125" style="132" customWidth="1"/>
    <col min="3353" max="3354" width="10.25" style="132" customWidth="1"/>
    <col min="3355" max="3585" width="9" style="132"/>
    <col min="3586" max="3586" width="6.375" style="132" customWidth="1"/>
    <col min="3587" max="3588" width="12.75" style="132" customWidth="1"/>
    <col min="3589" max="3589" width="6.25" style="132" customWidth="1"/>
    <col min="3590" max="3598" width="9.75" style="132" customWidth="1"/>
    <col min="3599" max="3599" width="44.625" style="132" customWidth="1"/>
    <col min="3600" max="3608" width="10.125" style="132" customWidth="1"/>
    <col min="3609" max="3610" width="10.25" style="132" customWidth="1"/>
    <col min="3611" max="3841" width="9" style="132"/>
    <col min="3842" max="3842" width="6.375" style="132" customWidth="1"/>
    <col min="3843" max="3844" width="12.75" style="132" customWidth="1"/>
    <col min="3845" max="3845" width="6.25" style="132" customWidth="1"/>
    <col min="3846" max="3854" width="9.75" style="132" customWidth="1"/>
    <col min="3855" max="3855" width="44.625" style="132" customWidth="1"/>
    <col min="3856" max="3864" width="10.125" style="132" customWidth="1"/>
    <col min="3865" max="3866" width="10.25" style="132" customWidth="1"/>
    <col min="3867" max="4097" width="9" style="132"/>
    <col min="4098" max="4098" width="6.375" style="132" customWidth="1"/>
    <col min="4099" max="4100" width="12.75" style="132" customWidth="1"/>
    <col min="4101" max="4101" width="6.25" style="132" customWidth="1"/>
    <col min="4102" max="4110" width="9.75" style="132" customWidth="1"/>
    <col min="4111" max="4111" width="44.625" style="132" customWidth="1"/>
    <col min="4112" max="4120" width="10.125" style="132" customWidth="1"/>
    <col min="4121" max="4122" width="10.25" style="132" customWidth="1"/>
    <col min="4123" max="4353" width="9" style="132"/>
    <col min="4354" max="4354" width="6.375" style="132" customWidth="1"/>
    <col min="4355" max="4356" width="12.75" style="132" customWidth="1"/>
    <col min="4357" max="4357" width="6.25" style="132" customWidth="1"/>
    <col min="4358" max="4366" width="9.75" style="132" customWidth="1"/>
    <col min="4367" max="4367" width="44.625" style="132" customWidth="1"/>
    <col min="4368" max="4376" width="10.125" style="132" customWidth="1"/>
    <col min="4377" max="4378" width="10.25" style="132" customWidth="1"/>
    <col min="4379" max="4609" width="9" style="132"/>
    <col min="4610" max="4610" width="6.375" style="132" customWidth="1"/>
    <col min="4611" max="4612" width="12.75" style="132" customWidth="1"/>
    <col min="4613" max="4613" width="6.25" style="132" customWidth="1"/>
    <col min="4614" max="4622" width="9.75" style="132" customWidth="1"/>
    <col min="4623" max="4623" width="44.625" style="132" customWidth="1"/>
    <col min="4624" max="4632" width="10.125" style="132" customWidth="1"/>
    <col min="4633" max="4634" width="10.25" style="132" customWidth="1"/>
    <col min="4635" max="4865" width="9" style="132"/>
    <col min="4866" max="4866" width="6.375" style="132" customWidth="1"/>
    <col min="4867" max="4868" width="12.75" style="132" customWidth="1"/>
    <col min="4869" max="4869" width="6.25" style="132" customWidth="1"/>
    <col min="4870" max="4878" width="9.75" style="132" customWidth="1"/>
    <col min="4879" max="4879" width="44.625" style="132" customWidth="1"/>
    <col min="4880" max="4888" width="10.125" style="132" customWidth="1"/>
    <col min="4889" max="4890" width="10.25" style="132" customWidth="1"/>
    <col min="4891" max="5121" width="9" style="132"/>
    <col min="5122" max="5122" width="6.375" style="132" customWidth="1"/>
    <col min="5123" max="5124" width="12.75" style="132" customWidth="1"/>
    <col min="5125" max="5125" width="6.25" style="132" customWidth="1"/>
    <col min="5126" max="5134" width="9.75" style="132" customWidth="1"/>
    <col min="5135" max="5135" width="44.625" style="132" customWidth="1"/>
    <col min="5136" max="5144" width="10.125" style="132" customWidth="1"/>
    <col min="5145" max="5146" width="10.25" style="132" customWidth="1"/>
    <col min="5147" max="5377" width="9" style="132"/>
    <col min="5378" max="5378" width="6.375" style="132" customWidth="1"/>
    <col min="5379" max="5380" width="12.75" style="132" customWidth="1"/>
    <col min="5381" max="5381" width="6.25" style="132" customWidth="1"/>
    <col min="5382" max="5390" width="9.75" style="132" customWidth="1"/>
    <col min="5391" max="5391" width="44.625" style="132" customWidth="1"/>
    <col min="5392" max="5400" width="10.125" style="132" customWidth="1"/>
    <col min="5401" max="5402" width="10.25" style="132" customWidth="1"/>
    <col min="5403" max="5633" width="9" style="132"/>
    <col min="5634" max="5634" width="6.375" style="132" customWidth="1"/>
    <col min="5635" max="5636" width="12.75" style="132" customWidth="1"/>
    <col min="5637" max="5637" width="6.25" style="132" customWidth="1"/>
    <col min="5638" max="5646" width="9.75" style="132" customWidth="1"/>
    <col min="5647" max="5647" width="44.625" style="132" customWidth="1"/>
    <col min="5648" max="5656" width="10.125" style="132" customWidth="1"/>
    <col min="5657" max="5658" width="10.25" style="132" customWidth="1"/>
    <col min="5659" max="5889" width="9" style="132"/>
    <col min="5890" max="5890" width="6.375" style="132" customWidth="1"/>
    <col min="5891" max="5892" width="12.75" style="132" customWidth="1"/>
    <col min="5893" max="5893" width="6.25" style="132" customWidth="1"/>
    <col min="5894" max="5902" width="9.75" style="132" customWidth="1"/>
    <col min="5903" max="5903" width="44.625" style="132" customWidth="1"/>
    <col min="5904" max="5912" width="10.125" style="132" customWidth="1"/>
    <col min="5913" max="5914" width="10.25" style="132" customWidth="1"/>
    <col min="5915" max="6145" width="9" style="132"/>
    <col min="6146" max="6146" width="6.375" style="132" customWidth="1"/>
    <col min="6147" max="6148" width="12.75" style="132" customWidth="1"/>
    <col min="6149" max="6149" width="6.25" style="132" customWidth="1"/>
    <col min="6150" max="6158" width="9.75" style="132" customWidth="1"/>
    <col min="6159" max="6159" width="44.625" style="132" customWidth="1"/>
    <col min="6160" max="6168" width="10.125" style="132" customWidth="1"/>
    <col min="6169" max="6170" width="10.25" style="132" customWidth="1"/>
    <col min="6171" max="6401" width="9" style="132"/>
    <col min="6402" max="6402" width="6.375" style="132" customWidth="1"/>
    <col min="6403" max="6404" width="12.75" style="132" customWidth="1"/>
    <col min="6405" max="6405" width="6.25" style="132" customWidth="1"/>
    <col min="6406" max="6414" width="9.75" style="132" customWidth="1"/>
    <col min="6415" max="6415" width="44.625" style="132" customWidth="1"/>
    <col min="6416" max="6424" width="10.125" style="132" customWidth="1"/>
    <col min="6425" max="6426" width="10.25" style="132" customWidth="1"/>
    <col min="6427" max="6657" width="9" style="132"/>
    <col min="6658" max="6658" width="6.375" style="132" customWidth="1"/>
    <col min="6659" max="6660" width="12.75" style="132" customWidth="1"/>
    <col min="6661" max="6661" width="6.25" style="132" customWidth="1"/>
    <col min="6662" max="6670" width="9.75" style="132" customWidth="1"/>
    <col min="6671" max="6671" width="44.625" style="132" customWidth="1"/>
    <col min="6672" max="6680" width="10.125" style="132" customWidth="1"/>
    <col min="6681" max="6682" width="10.25" style="132" customWidth="1"/>
    <col min="6683" max="6913" width="9" style="132"/>
    <col min="6914" max="6914" width="6.375" style="132" customWidth="1"/>
    <col min="6915" max="6916" width="12.75" style="132" customWidth="1"/>
    <col min="6917" max="6917" width="6.25" style="132" customWidth="1"/>
    <col min="6918" max="6926" width="9.75" style="132" customWidth="1"/>
    <col min="6927" max="6927" width="44.625" style="132" customWidth="1"/>
    <col min="6928" max="6936" width="10.125" style="132" customWidth="1"/>
    <col min="6937" max="6938" width="10.25" style="132" customWidth="1"/>
    <col min="6939" max="7169" width="9" style="132"/>
    <col min="7170" max="7170" width="6.375" style="132" customWidth="1"/>
    <col min="7171" max="7172" width="12.75" style="132" customWidth="1"/>
    <col min="7173" max="7173" width="6.25" style="132" customWidth="1"/>
    <col min="7174" max="7182" width="9.75" style="132" customWidth="1"/>
    <col min="7183" max="7183" width="44.625" style="132" customWidth="1"/>
    <col min="7184" max="7192" width="10.125" style="132" customWidth="1"/>
    <col min="7193" max="7194" width="10.25" style="132" customWidth="1"/>
    <col min="7195" max="7425" width="9" style="132"/>
    <col min="7426" max="7426" width="6.375" style="132" customWidth="1"/>
    <col min="7427" max="7428" width="12.75" style="132" customWidth="1"/>
    <col min="7429" max="7429" width="6.25" style="132" customWidth="1"/>
    <col min="7430" max="7438" width="9.75" style="132" customWidth="1"/>
    <col min="7439" max="7439" width="44.625" style="132" customWidth="1"/>
    <col min="7440" max="7448" width="10.125" style="132" customWidth="1"/>
    <col min="7449" max="7450" width="10.25" style="132" customWidth="1"/>
    <col min="7451" max="7681" width="9" style="132"/>
    <col min="7682" max="7682" width="6.375" style="132" customWidth="1"/>
    <col min="7683" max="7684" width="12.75" style="132" customWidth="1"/>
    <col min="7685" max="7685" width="6.25" style="132" customWidth="1"/>
    <col min="7686" max="7694" width="9.75" style="132" customWidth="1"/>
    <col min="7695" max="7695" width="44.625" style="132" customWidth="1"/>
    <col min="7696" max="7704" width="10.125" style="132" customWidth="1"/>
    <col min="7705" max="7706" width="10.25" style="132" customWidth="1"/>
    <col min="7707" max="7937" width="9" style="132"/>
    <col min="7938" max="7938" width="6.375" style="132" customWidth="1"/>
    <col min="7939" max="7940" width="12.75" style="132" customWidth="1"/>
    <col min="7941" max="7941" width="6.25" style="132" customWidth="1"/>
    <col min="7942" max="7950" width="9.75" style="132" customWidth="1"/>
    <col min="7951" max="7951" width="44.625" style="132" customWidth="1"/>
    <col min="7952" max="7960" width="10.125" style="132" customWidth="1"/>
    <col min="7961" max="7962" width="10.25" style="132" customWidth="1"/>
    <col min="7963" max="8193" width="9" style="132"/>
    <col min="8194" max="8194" width="6.375" style="132" customWidth="1"/>
    <col min="8195" max="8196" width="12.75" style="132" customWidth="1"/>
    <col min="8197" max="8197" width="6.25" style="132" customWidth="1"/>
    <col min="8198" max="8206" width="9.75" style="132" customWidth="1"/>
    <col min="8207" max="8207" width="44.625" style="132" customWidth="1"/>
    <col min="8208" max="8216" width="10.125" style="132" customWidth="1"/>
    <col min="8217" max="8218" width="10.25" style="132" customWidth="1"/>
    <col min="8219" max="8449" width="9" style="132"/>
    <col min="8450" max="8450" width="6.375" style="132" customWidth="1"/>
    <col min="8451" max="8452" width="12.75" style="132" customWidth="1"/>
    <col min="8453" max="8453" width="6.25" style="132" customWidth="1"/>
    <col min="8454" max="8462" width="9.75" style="132" customWidth="1"/>
    <col min="8463" max="8463" width="44.625" style="132" customWidth="1"/>
    <col min="8464" max="8472" width="10.125" style="132" customWidth="1"/>
    <col min="8473" max="8474" width="10.25" style="132" customWidth="1"/>
    <col min="8475" max="8705" width="9" style="132"/>
    <col min="8706" max="8706" width="6.375" style="132" customWidth="1"/>
    <col min="8707" max="8708" width="12.75" style="132" customWidth="1"/>
    <col min="8709" max="8709" width="6.25" style="132" customWidth="1"/>
    <col min="8710" max="8718" width="9.75" style="132" customWidth="1"/>
    <col min="8719" max="8719" width="44.625" style="132" customWidth="1"/>
    <col min="8720" max="8728" width="10.125" style="132" customWidth="1"/>
    <col min="8729" max="8730" width="10.25" style="132" customWidth="1"/>
    <col min="8731" max="8961" width="9" style="132"/>
    <col min="8962" max="8962" width="6.375" style="132" customWidth="1"/>
    <col min="8963" max="8964" width="12.75" style="132" customWidth="1"/>
    <col min="8965" max="8965" width="6.25" style="132" customWidth="1"/>
    <col min="8966" max="8974" width="9.75" style="132" customWidth="1"/>
    <col min="8975" max="8975" width="44.625" style="132" customWidth="1"/>
    <col min="8976" max="8984" width="10.125" style="132" customWidth="1"/>
    <col min="8985" max="8986" width="10.25" style="132" customWidth="1"/>
    <col min="8987" max="9217" width="9" style="132"/>
    <col min="9218" max="9218" width="6.375" style="132" customWidth="1"/>
    <col min="9219" max="9220" width="12.75" style="132" customWidth="1"/>
    <col min="9221" max="9221" width="6.25" style="132" customWidth="1"/>
    <col min="9222" max="9230" width="9.75" style="132" customWidth="1"/>
    <col min="9231" max="9231" width="44.625" style="132" customWidth="1"/>
    <col min="9232" max="9240" width="10.125" style="132" customWidth="1"/>
    <col min="9241" max="9242" width="10.25" style="132" customWidth="1"/>
    <col min="9243" max="9473" width="9" style="132"/>
    <col min="9474" max="9474" width="6.375" style="132" customWidth="1"/>
    <col min="9475" max="9476" width="12.75" style="132" customWidth="1"/>
    <col min="9477" max="9477" width="6.25" style="132" customWidth="1"/>
    <col min="9478" max="9486" width="9.75" style="132" customWidth="1"/>
    <col min="9487" max="9487" width="44.625" style="132" customWidth="1"/>
    <col min="9488" max="9496" width="10.125" style="132" customWidth="1"/>
    <col min="9497" max="9498" width="10.25" style="132" customWidth="1"/>
    <col min="9499" max="9729" width="9" style="132"/>
    <col min="9730" max="9730" width="6.375" style="132" customWidth="1"/>
    <col min="9731" max="9732" width="12.75" style="132" customWidth="1"/>
    <col min="9733" max="9733" width="6.25" style="132" customWidth="1"/>
    <col min="9734" max="9742" width="9.75" style="132" customWidth="1"/>
    <col min="9743" max="9743" width="44.625" style="132" customWidth="1"/>
    <col min="9744" max="9752" width="10.125" style="132" customWidth="1"/>
    <col min="9753" max="9754" width="10.25" style="132" customWidth="1"/>
    <col min="9755" max="9985" width="9" style="132"/>
    <col min="9986" max="9986" width="6.375" style="132" customWidth="1"/>
    <col min="9987" max="9988" width="12.75" style="132" customWidth="1"/>
    <col min="9989" max="9989" width="6.25" style="132" customWidth="1"/>
    <col min="9990" max="9998" width="9.75" style="132" customWidth="1"/>
    <col min="9999" max="9999" width="44.625" style="132" customWidth="1"/>
    <col min="10000" max="10008" width="10.125" style="132" customWidth="1"/>
    <col min="10009" max="10010" width="10.25" style="132" customWidth="1"/>
    <col min="10011" max="10241" width="9" style="132"/>
    <col min="10242" max="10242" width="6.375" style="132" customWidth="1"/>
    <col min="10243" max="10244" width="12.75" style="132" customWidth="1"/>
    <col min="10245" max="10245" width="6.25" style="132" customWidth="1"/>
    <col min="10246" max="10254" width="9.75" style="132" customWidth="1"/>
    <col min="10255" max="10255" width="44.625" style="132" customWidth="1"/>
    <col min="10256" max="10264" width="10.125" style="132" customWidth="1"/>
    <col min="10265" max="10266" width="10.25" style="132" customWidth="1"/>
    <col min="10267" max="10497" width="9" style="132"/>
    <col min="10498" max="10498" width="6.375" style="132" customWidth="1"/>
    <col min="10499" max="10500" width="12.75" style="132" customWidth="1"/>
    <col min="10501" max="10501" width="6.25" style="132" customWidth="1"/>
    <col min="10502" max="10510" width="9.75" style="132" customWidth="1"/>
    <col min="10511" max="10511" width="44.625" style="132" customWidth="1"/>
    <col min="10512" max="10520" width="10.125" style="132" customWidth="1"/>
    <col min="10521" max="10522" width="10.25" style="132" customWidth="1"/>
    <col min="10523" max="10753" width="9" style="132"/>
    <col min="10754" max="10754" width="6.375" style="132" customWidth="1"/>
    <col min="10755" max="10756" width="12.75" style="132" customWidth="1"/>
    <col min="10757" max="10757" width="6.25" style="132" customWidth="1"/>
    <col min="10758" max="10766" width="9.75" style="132" customWidth="1"/>
    <col min="10767" max="10767" width="44.625" style="132" customWidth="1"/>
    <col min="10768" max="10776" width="10.125" style="132" customWidth="1"/>
    <col min="10777" max="10778" width="10.25" style="132" customWidth="1"/>
    <col min="10779" max="11009" width="9" style="132"/>
    <col min="11010" max="11010" width="6.375" style="132" customWidth="1"/>
    <col min="11011" max="11012" width="12.75" style="132" customWidth="1"/>
    <col min="11013" max="11013" width="6.25" style="132" customWidth="1"/>
    <col min="11014" max="11022" width="9.75" style="132" customWidth="1"/>
    <col min="11023" max="11023" width="44.625" style="132" customWidth="1"/>
    <col min="11024" max="11032" width="10.125" style="132" customWidth="1"/>
    <col min="11033" max="11034" width="10.25" style="132" customWidth="1"/>
    <col min="11035" max="11265" width="9" style="132"/>
    <col min="11266" max="11266" width="6.375" style="132" customWidth="1"/>
    <col min="11267" max="11268" width="12.75" style="132" customWidth="1"/>
    <col min="11269" max="11269" width="6.25" style="132" customWidth="1"/>
    <col min="11270" max="11278" width="9.75" style="132" customWidth="1"/>
    <col min="11279" max="11279" width="44.625" style="132" customWidth="1"/>
    <col min="11280" max="11288" width="10.125" style="132" customWidth="1"/>
    <col min="11289" max="11290" width="10.25" style="132" customWidth="1"/>
    <col min="11291" max="11521" width="9" style="132"/>
    <col min="11522" max="11522" width="6.375" style="132" customWidth="1"/>
    <col min="11523" max="11524" width="12.75" style="132" customWidth="1"/>
    <col min="11525" max="11525" width="6.25" style="132" customWidth="1"/>
    <col min="11526" max="11534" width="9.75" style="132" customWidth="1"/>
    <col min="11535" max="11535" width="44.625" style="132" customWidth="1"/>
    <col min="11536" max="11544" width="10.125" style="132" customWidth="1"/>
    <col min="11545" max="11546" width="10.25" style="132" customWidth="1"/>
    <col min="11547" max="11777" width="9" style="132"/>
    <col min="11778" max="11778" width="6.375" style="132" customWidth="1"/>
    <col min="11779" max="11780" width="12.75" style="132" customWidth="1"/>
    <col min="11781" max="11781" width="6.25" style="132" customWidth="1"/>
    <col min="11782" max="11790" width="9.75" style="132" customWidth="1"/>
    <col min="11791" max="11791" width="44.625" style="132" customWidth="1"/>
    <col min="11792" max="11800" width="10.125" style="132" customWidth="1"/>
    <col min="11801" max="11802" width="10.25" style="132" customWidth="1"/>
    <col min="11803" max="12033" width="9" style="132"/>
    <col min="12034" max="12034" width="6.375" style="132" customWidth="1"/>
    <col min="12035" max="12036" width="12.75" style="132" customWidth="1"/>
    <col min="12037" max="12037" width="6.25" style="132" customWidth="1"/>
    <col min="12038" max="12046" width="9.75" style="132" customWidth="1"/>
    <col min="12047" max="12047" width="44.625" style="132" customWidth="1"/>
    <col min="12048" max="12056" width="10.125" style="132" customWidth="1"/>
    <col min="12057" max="12058" width="10.25" style="132" customWidth="1"/>
    <col min="12059" max="12289" width="9" style="132"/>
    <col min="12290" max="12290" width="6.375" style="132" customWidth="1"/>
    <col min="12291" max="12292" width="12.75" style="132" customWidth="1"/>
    <col min="12293" max="12293" width="6.25" style="132" customWidth="1"/>
    <col min="12294" max="12302" width="9.75" style="132" customWidth="1"/>
    <col min="12303" max="12303" width="44.625" style="132" customWidth="1"/>
    <col min="12304" max="12312" width="10.125" style="132" customWidth="1"/>
    <col min="12313" max="12314" width="10.25" style="132" customWidth="1"/>
    <col min="12315" max="12545" width="9" style="132"/>
    <col min="12546" max="12546" width="6.375" style="132" customWidth="1"/>
    <col min="12547" max="12548" width="12.75" style="132" customWidth="1"/>
    <col min="12549" max="12549" width="6.25" style="132" customWidth="1"/>
    <col min="12550" max="12558" width="9.75" style="132" customWidth="1"/>
    <col min="12559" max="12559" width="44.625" style="132" customWidth="1"/>
    <col min="12560" max="12568" width="10.125" style="132" customWidth="1"/>
    <col min="12569" max="12570" width="10.25" style="132" customWidth="1"/>
    <col min="12571" max="12801" width="9" style="132"/>
    <col min="12802" max="12802" width="6.375" style="132" customWidth="1"/>
    <col min="12803" max="12804" width="12.75" style="132" customWidth="1"/>
    <col min="12805" max="12805" width="6.25" style="132" customWidth="1"/>
    <col min="12806" max="12814" width="9.75" style="132" customWidth="1"/>
    <col min="12815" max="12815" width="44.625" style="132" customWidth="1"/>
    <col min="12816" max="12824" width="10.125" style="132" customWidth="1"/>
    <col min="12825" max="12826" width="10.25" style="132" customWidth="1"/>
    <col min="12827" max="13057" width="9" style="132"/>
    <col min="13058" max="13058" width="6.375" style="132" customWidth="1"/>
    <col min="13059" max="13060" width="12.75" style="132" customWidth="1"/>
    <col min="13061" max="13061" width="6.25" style="132" customWidth="1"/>
    <col min="13062" max="13070" width="9.75" style="132" customWidth="1"/>
    <col min="13071" max="13071" width="44.625" style="132" customWidth="1"/>
    <col min="13072" max="13080" width="10.125" style="132" customWidth="1"/>
    <col min="13081" max="13082" width="10.25" style="132" customWidth="1"/>
    <col min="13083" max="13313" width="9" style="132"/>
    <col min="13314" max="13314" width="6.375" style="132" customWidth="1"/>
    <col min="13315" max="13316" width="12.75" style="132" customWidth="1"/>
    <col min="13317" max="13317" width="6.25" style="132" customWidth="1"/>
    <col min="13318" max="13326" width="9.75" style="132" customWidth="1"/>
    <col min="13327" max="13327" width="44.625" style="132" customWidth="1"/>
    <col min="13328" max="13336" width="10.125" style="132" customWidth="1"/>
    <col min="13337" max="13338" width="10.25" style="132" customWidth="1"/>
    <col min="13339" max="13569" width="9" style="132"/>
    <col min="13570" max="13570" width="6.375" style="132" customWidth="1"/>
    <col min="13571" max="13572" width="12.75" style="132" customWidth="1"/>
    <col min="13573" max="13573" width="6.25" style="132" customWidth="1"/>
    <col min="13574" max="13582" width="9.75" style="132" customWidth="1"/>
    <col min="13583" max="13583" width="44.625" style="132" customWidth="1"/>
    <col min="13584" max="13592" width="10.125" style="132" customWidth="1"/>
    <col min="13593" max="13594" width="10.25" style="132" customWidth="1"/>
    <col min="13595" max="13825" width="9" style="132"/>
    <col min="13826" max="13826" width="6.375" style="132" customWidth="1"/>
    <col min="13827" max="13828" width="12.75" style="132" customWidth="1"/>
    <col min="13829" max="13829" width="6.25" style="132" customWidth="1"/>
    <col min="13830" max="13838" width="9.75" style="132" customWidth="1"/>
    <col min="13839" max="13839" width="44.625" style="132" customWidth="1"/>
    <col min="13840" max="13848" width="10.125" style="132" customWidth="1"/>
    <col min="13849" max="13850" width="10.25" style="132" customWidth="1"/>
    <col min="13851" max="14081" width="9" style="132"/>
    <col min="14082" max="14082" width="6.375" style="132" customWidth="1"/>
    <col min="14083" max="14084" width="12.75" style="132" customWidth="1"/>
    <col min="14085" max="14085" width="6.25" style="132" customWidth="1"/>
    <col min="14086" max="14094" width="9.75" style="132" customWidth="1"/>
    <col min="14095" max="14095" width="44.625" style="132" customWidth="1"/>
    <col min="14096" max="14104" width="10.125" style="132" customWidth="1"/>
    <col min="14105" max="14106" width="10.25" style="132" customWidth="1"/>
    <col min="14107" max="14337" width="9" style="132"/>
    <col min="14338" max="14338" width="6.375" style="132" customWidth="1"/>
    <col min="14339" max="14340" width="12.75" style="132" customWidth="1"/>
    <col min="14341" max="14341" width="6.25" style="132" customWidth="1"/>
    <col min="14342" max="14350" width="9.75" style="132" customWidth="1"/>
    <col min="14351" max="14351" width="44.625" style="132" customWidth="1"/>
    <col min="14352" max="14360" width="10.125" style="132" customWidth="1"/>
    <col min="14361" max="14362" width="10.25" style="132" customWidth="1"/>
    <col min="14363" max="14593" width="9" style="132"/>
    <col min="14594" max="14594" width="6.375" style="132" customWidth="1"/>
    <col min="14595" max="14596" width="12.75" style="132" customWidth="1"/>
    <col min="14597" max="14597" width="6.25" style="132" customWidth="1"/>
    <col min="14598" max="14606" width="9.75" style="132" customWidth="1"/>
    <col min="14607" max="14607" width="44.625" style="132" customWidth="1"/>
    <col min="14608" max="14616" width="10.125" style="132" customWidth="1"/>
    <col min="14617" max="14618" width="10.25" style="132" customWidth="1"/>
    <col min="14619" max="14849" width="9" style="132"/>
    <col min="14850" max="14850" width="6.375" style="132" customWidth="1"/>
    <col min="14851" max="14852" width="12.75" style="132" customWidth="1"/>
    <col min="14853" max="14853" width="6.25" style="132" customWidth="1"/>
    <col min="14854" max="14862" width="9.75" style="132" customWidth="1"/>
    <col min="14863" max="14863" width="44.625" style="132" customWidth="1"/>
    <col min="14864" max="14872" width="10.125" style="132" customWidth="1"/>
    <col min="14873" max="14874" width="10.25" style="132" customWidth="1"/>
    <col min="14875" max="15105" width="9" style="132"/>
    <col min="15106" max="15106" width="6.375" style="132" customWidth="1"/>
    <col min="15107" max="15108" width="12.75" style="132" customWidth="1"/>
    <col min="15109" max="15109" width="6.25" style="132" customWidth="1"/>
    <col min="15110" max="15118" width="9.75" style="132" customWidth="1"/>
    <col min="15119" max="15119" width="44.625" style="132" customWidth="1"/>
    <col min="15120" max="15128" width="10.125" style="132" customWidth="1"/>
    <col min="15129" max="15130" width="10.25" style="132" customWidth="1"/>
    <col min="15131" max="15361" width="9" style="132"/>
    <col min="15362" max="15362" width="6.375" style="132" customWidth="1"/>
    <col min="15363" max="15364" width="12.75" style="132" customWidth="1"/>
    <col min="15365" max="15365" width="6.25" style="132" customWidth="1"/>
    <col min="15366" max="15374" width="9.75" style="132" customWidth="1"/>
    <col min="15375" max="15375" width="44.625" style="132" customWidth="1"/>
    <col min="15376" max="15384" width="10.125" style="132" customWidth="1"/>
    <col min="15385" max="15386" width="10.25" style="132" customWidth="1"/>
    <col min="15387" max="15617" width="9" style="132"/>
    <col min="15618" max="15618" width="6.375" style="132" customWidth="1"/>
    <col min="15619" max="15620" width="12.75" style="132" customWidth="1"/>
    <col min="15621" max="15621" width="6.25" style="132" customWidth="1"/>
    <col min="15622" max="15630" width="9.75" style="132" customWidth="1"/>
    <col min="15631" max="15631" width="44.625" style="132" customWidth="1"/>
    <col min="15632" max="15640" width="10.125" style="132" customWidth="1"/>
    <col min="15641" max="15642" width="10.25" style="132" customWidth="1"/>
    <col min="15643" max="15873" width="9" style="132"/>
    <col min="15874" max="15874" width="6.375" style="132" customWidth="1"/>
    <col min="15875" max="15876" width="12.75" style="132" customWidth="1"/>
    <col min="15877" max="15877" width="6.25" style="132" customWidth="1"/>
    <col min="15878" max="15886" width="9.75" style="132" customWidth="1"/>
    <col min="15887" max="15887" width="44.625" style="132" customWidth="1"/>
    <col min="15888" max="15896" width="10.125" style="132" customWidth="1"/>
    <col min="15897" max="15898" width="10.25" style="132" customWidth="1"/>
    <col min="15899" max="16129" width="9" style="132"/>
    <col min="16130" max="16130" width="6.375" style="132" customWidth="1"/>
    <col min="16131" max="16132" width="12.75" style="132" customWidth="1"/>
    <col min="16133" max="16133" width="6.25" style="132" customWidth="1"/>
    <col min="16134" max="16142" width="9.75" style="132" customWidth="1"/>
    <col min="16143" max="16143" width="44.625" style="132" customWidth="1"/>
    <col min="16144" max="16152" width="10.125" style="132" customWidth="1"/>
    <col min="16153" max="16154" width="10.25" style="132" customWidth="1"/>
    <col min="16155" max="16384" width="9" style="132"/>
  </cols>
  <sheetData>
    <row r="1" spans="1:28" ht="21" customHeight="1" thickBot="1">
      <c r="A1" s="1068" t="s">
        <v>702</v>
      </c>
      <c r="C1" s="358"/>
      <c r="D1" s="358"/>
      <c r="E1" s="358"/>
      <c r="F1" s="358"/>
      <c r="G1" s="358"/>
      <c r="T1" s="358" t="s">
        <v>702</v>
      </c>
      <c r="Y1" s="798"/>
    </row>
    <row r="2" spans="1:28" ht="21" customHeight="1" thickTop="1">
      <c r="A2" s="195"/>
      <c r="B2" s="195"/>
      <c r="C2" s="799"/>
      <c r="D2" s="195"/>
      <c r="E2" s="195"/>
      <c r="F2" s="195"/>
      <c r="G2" s="195"/>
      <c r="H2" s="195"/>
      <c r="I2" s="195"/>
      <c r="J2" s="195"/>
      <c r="K2" s="195"/>
      <c r="L2" s="195"/>
      <c r="M2" s="195"/>
      <c r="N2" s="195"/>
      <c r="O2" s="195"/>
      <c r="P2" s="195"/>
      <c r="Q2" s="195"/>
      <c r="R2" s="195"/>
      <c r="S2" s="195"/>
      <c r="T2" s="195"/>
      <c r="U2" s="195"/>
      <c r="V2" s="195"/>
      <c r="W2" s="195"/>
      <c r="X2" s="195"/>
      <c r="Y2" s="195"/>
      <c r="Z2" s="195"/>
    </row>
    <row r="3" spans="1:28" ht="21" customHeight="1">
      <c r="A3" s="809" t="s">
        <v>691</v>
      </c>
      <c r="B3" s="861"/>
      <c r="C3" s="853"/>
      <c r="D3" s="809"/>
      <c r="E3" s="810" t="s">
        <v>697</v>
      </c>
      <c r="F3" s="178"/>
      <c r="G3" s="178"/>
      <c r="H3" s="362"/>
      <c r="I3" s="862"/>
      <c r="J3" s="363"/>
      <c r="K3" s="363"/>
      <c r="L3" s="363"/>
      <c r="M3" s="363"/>
      <c r="N3" s="363"/>
      <c r="O3" s="363"/>
      <c r="P3" s="863"/>
      <c r="Q3" s="864"/>
      <c r="R3" s="363"/>
      <c r="S3" s="862"/>
      <c r="T3" s="363"/>
      <c r="U3" s="863"/>
      <c r="V3" s="863"/>
      <c r="W3" s="863"/>
      <c r="X3" s="363"/>
      <c r="Y3" s="863"/>
      <c r="Z3" s="863"/>
    </row>
    <row r="4" spans="1:28" ht="21" customHeight="1">
      <c r="A4" s="865" t="s">
        <v>692</v>
      </c>
      <c r="B4" s="809"/>
      <c r="C4" s="1445" t="s">
        <v>296</v>
      </c>
      <c r="D4" s="809"/>
      <c r="E4" s="810"/>
      <c r="F4" s="808"/>
      <c r="G4" s="809"/>
      <c r="H4" s="811"/>
      <c r="I4" s="808" t="s">
        <v>477</v>
      </c>
      <c r="J4" s="866"/>
      <c r="K4" s="804"/>
      <c r="L4" s="806" t="s">
        <v>478</v>
      </c>
      <c r="M4" s="807"/>
      <c r="N4" s="806"/>
      <c r="O4" s="806"/>
      <c r="P4" s="810" t="s">
        <v>544</v>
      </c>
      <c r="Q4" s="809"/>
      <c r="R4" s="811"/>
      <c r="S4" s="808" t="s">
        <v>480</v>
      </c>
      <c r="T4" s="866"/>
      <c r="U4" s="809"/>
      <c r="V4" s="809" t="s">
        <v>481</v>
      </c>
      <c r="W4" s="809"/>
      <c r="X4" s="804"/>
      <c r="Y4" s="809" t="s">
        <v>482</v>
      </c>
      <c r="Z4" s="809"/>
    </row>
    <row r="5" spans="1:28" ht="21" customHeight="1">
      <c r="A5" s="809"/>
      <c r="B5" s="809"/>
      <c r="C5" s="1445"/>
      <c r="D5" s="809"/>
      <c r="E5" s="816" t="s">
        <v>693</v>
      </c>
      <c r="F5" s="814"/>
      <c r="G5" s="813"/>
      <c r="H5" s="815" t="s">
        <v>694</v>
      </c>
      <c r="I5" s="813"/>
      <c r="J5" s="817"/>
      <c r="K5" s="815"/>
      <c r="L5" s="814" t="s">
        <v>548</v>
      </c>
      <c r="M5" s="817"/>
      <c r="N5" s="813"/>
      <c r="O5" s="813"/>
      <c r="P5" s="816" t="s">
        <v>549</v>
      </c>
      <c r="Q5" s="813"/>
      <c r="R5" s="815" t="s">
        <v>689</v>
      </c>
      <c r="S5" s="813"/>
      <c r="T5" s="817"/>
      <c r="U5" s="813"/>
      <c r="V5" s="814" t="s">
        <v>551</v>
      </c>
      <c r="W5" s="813"/>
      <c r="X5" s="815"/>
      <c r="Y5" s="814" t="s">
        <v>552</v>
      </c>
      <c r="Z5" s="813"/>
    </row>
    <row r="6" spans="1:28" ht="21" customHeight="1">
      <c r="A6" s="809"/>
      <c r="B6" s="808"/>
      <c r="C6" s="827"/>
      <c r="D6" s="809"/>
      <c r="E6" s="867" t="s">
        <v>553</v>
      </c>
      <c r="F6" s="868" t="s">
        <v>554</v>
      </c>
      <c r="G6" s="808" t="s">
        <v>555</v>
      </c>
      <c r="H6" s="867" t="s">
        <v>553</v>
      </c>
      <c r="I6" s="868" t="s">
        <v>554</v>
      </c>
      <c r="J6" s="869" t="s">
        <v>555</v>
      </c>
      <c r="K6" s="867" t="s">
        <v>553</v>
      </c>
      <c r="L6" s="868" t="s">
        <v>554</v>
      </c>
      <c r="M6" s="870" t="s">
        <v>666</v>
      </c>
      <c r="N6" s="810"/>
      <c r="O6" s="808" t="s">
        <v>912</v>
      </c>
      <c r="P6" s="868" t="s">
        <v>554</v>
      </c>
      <c r="Q6" s="808" t="s">
        <v>555</v>
      </c>
      <c r="R6" s="867" t="s">
        <v>553</v>
      </c>
      <c r="S6" s="868" t="s">
        <v>554</v>
      </c>
      <c r="T6" s="869" t="s">
        <v>555</v>
      </c>
      <c r="U6" s="808" t="s">
        <v>553</v>
      </c>
      <c r="V6" s="868" t="s">
        <v>554</v>
      </c>
      <c r="W6" s="808" t="s">
        <v>555</v>
      </c>
      <c r="X6" s="867" t="s">
        <v>553</v>
      </c>
      <c r="Y6" s="868" t="s">
        <v>554</v>
      </c>
      <c r="Z6" s="808" t="s">
        <v>555</v>
      </c>
    </row>
    <row r="7" spans="1:28" ht="21" customHeight="1">
      <c r="A7" s="364"/>
      <c r="B7" s="160" t="s">
        <v>236</v>
      </c>
      <c r="C7" s="871"/>
      <c r="D7" s="364"/>
      <c r="E7" s="872" t="s">
        <v>236</v>
      </c>
      <c r="F7" s="181" t="s">
        <v>236</v>
      </c>
      <c r="G7" s="160" t="s">
        <v>236</v>
      </c>
      <c r="H7" s="872" t="s">
        <v>236</v>
      </c>
      <c r="I7" s="181" t="s">
        <v>236</v>
      </c>
      <c r="J7" s="873" t="s">
        <v>236</v>
      </c>
      <c r="K7" s="872" t="s">
        <v>236</v>
      </c>
      <c r="L7" s="181" t="s">
        <v>236</v>
      </c>
      <c r="M7" s="873" t="s">
        <v>236</v>
      </c>
      <c r="N7" s="160"/>
      <c r="O7" s="160" t="s">
        <v>236</v>
      </c>
      <c r="P7" s="181" t="s">
        <v>236</v>
      </c>
      <c r="Q7" s="160" t="s">
        <v>236</v>
      </c>
      <c r="R7" s="872" t="s">
        <v>236</v>
      </c>
      <c r="S7" s="181" t="s">
        <v>236</v>
      </c>
      <c r="T7" s="873" t="s">
        <v>236</v>
      </c>
      <c r="U7" s="160" t="s">
        <v>236</v>
      </c>
      <c r="V7" s="181" t="s">
        <v>236</v>
      </c>
      <c r="W7" s="160" t="s">
        <v>236</v>
      </c>
      <c r="X7" s="872" t="s">
        <v>236</v>
      </c>
      <c r="Y7" s="181" t="s">
        <v>236</v>
      </c>
      <c r="Z7" s="160" t="s">
        <v>236</v>
      </c>
    </row>
    <row r="8" spans="1:28" ht="21" customHeight="1">
      <c r="A8" s="874"/>
      <c r="B8" s="1140">
        <v>342868</v>
      </c>
      <c r="C8" s="884" t="s">
        <v>238</v>
      </c>
      <c r="D8" s="885"/>
      <c r="E8" s="1140">
        <v>-1894</v>
      </c>
      <c r="F8" s="1141">
        <v>-898</v>
      </c>
      <c r="G8" s="1143">
        <v>-996</v>
      </c>
      <c r="H8" s="1140">
        <v>-1960</v>
      </c>
      <c r="I8" s="1141">
        <v>-1000</v>
      </c>
      <c r="J8" s="1142">
        <v>-960</v>
      </c>
      <c r="K8" s="1140">
        <v>2053</v>
      </c>
      <c r="L8" s="1141">
        <v>1056</v>
      </c>
      <c r="M8" s="1142">
        <v>997</v>
      </c>
      <c r="N8" s="1143"/>
      <c r="O8" s="1143">
        <v>4013</v>
      </c>
      <c r="P8" s="1141">
        <v>2056</v>
      </c>
      <c r="Q8" s="1143">
        <v>1957</v>
      </c>
      <c r="R8" s="1140">
        <v>66</v>
      </c>
      <c r="S8" s="1141">
        <v>102</v>
      </c>
      <c r="T8" s="1142">
        <v>-36</v>
      </c>
      <c r="U8" s="1143">
        <v>13571</v>
      </c>
      <c r="V8" s="1141">
        <v>7011</v>
      </c>
      <c r="W8" s="1143">
        <v>6560</v>
      </c>
      <c r="X8" s="1140">
        <v>13505</v>
      </c>
      <c r="Y8" s="1141">
        <v>6909</v>
      </c>
      <c r="Z8" s="1143">
        <v>6596</v>
      </c>
    </row>
    <row r="9" spans="1:28" ht="21" customHeight="1">
      <c r="A9" s="869" t="s">
        <v>667</v>
      </c>
      <c r="B9" s="890"/>
      <c r="C9" s="891"/>
      <c r="D9" s="892" t="s">
        <v>667</v>
      </c>
      <c r="E9" s="893"/>
      <c r="F9" s="894"/>
      <c r="G9" s="895"/>
      <c r="H9" s="893"/>
      <c r="I9" s="894"/>
      <c r="J9" s="896"/>
      <c r="K9" s="893"/>
      <c r="L9" s="894"/>
      <c r="M9" s="896"/>
      <c r="N9" s="895"/>
      <c r="O9" s="895"/>
      <c r="P9" s="894"/>
      <c r="Q9" s="895"/>
      <c r="R9" s="893"/>
      <c r="S9" s="894"/>
      <c r="T9" s="896"/>
      <c r="U9" s="895"/>
      <c r="V9" s="894"/>
      <c r="W9" s="895"/>
      <c r="X9" s="893"/>
      <c r="Y9" s="894"/>
      <c r="Z9" s="895"/>
    </row>
    <row r="10" spans="1:28" ht="21" customHeight="1">
      <c r="A10" s="869"/>
      <c r="B10" s="1201">
        <v>23944</v>
      </c>
      <c r="C10" s="884" t="s">
        <v>668</v>
      </c>
      <c r="D10" s="892"/>
      <c r="E10" s="1203">
        <v>2127</v>
      </c>
      <c r="F10" s="1202">
        <v>1100</v>
      </c>
      <c r="G10" s="1201">
        <v>1027</v>
      </c>
      <c r="H10" s="1203">
        <v>2043</v>
      </c>
      <c r="I10" s="1202">
        <v>1051</v>
      </c>
      <c r="J10" s="1204">
        <v>992</v>
      </c>
      <c r="K10" s="1203">
        <v>2053</v>
      </c>
      <c r="L10" s="1202">
        <v>1056</v>
      </c>
      <c r="M10" s="1204">
        <v>997</v>
      </c>
      <c r="N10" s="1201"/>
      <c r="O10" s="1201">
        <v>10</v>
      </c>
      <c r="P10" s="1202">
        <v>5</v>
      </c>
      <c r="Q10" s="1203">
        <v>5</v>
      </c>
      <c r="R10" s="1203">
        <v>84</v>
      </c>
      <c r="S10" s="1202">
        <v>49</v>
      </c>
      <c r="T10" s="1204">
        <v>35</v>
      </c>
      <c r="U10" s="1201">
        <v>1189</v>
      </c>
      <c r="V10" s="1202">
        <v>611</v>
      </c>
      <c r="W10" s="1203">
        <v>578</v>
      </c>
      <c r="X10" s="1203">
        <v>1105</v>
      </c>
      <c r="Y10" s="1202">
        <v>562</v>
      </c>
      <c r="Z10" s="1203">
        <v>543</v>
      </c>
      <c r="AB10" s="178"/>
    </row>
    <row r="11" spans="1:28" ht="21" customHeight="1">
      <c r="A11" s="869" t="s">
        <v>309</v>
      </c>
      <c r="B11" s="1201">
        <v>30466</v>
      </c>
      <c r="C11" s="1085" t="s">
        <v>312</v>
      </c>
      <c r="D11" s="892" t="s">
        <v>309</v>
      </c>
      <c r="E11" s="1203">
        <v>6</v>
      </c>
      <c r="F11" s="1202">
        <v>-36</v>
      </c>
      <c r="G11" s="1201">
        <v>42</v>
      </c>
      <c r="H11" s="1203">
        <v>-3</v>
      </c>
      <c r="I11" s="1202">
        <v>-3</v>
      </c>
      <c r="J11" s="1204">
        <v>0</v>
      </c>
      <c r="K11" s="1205" t="s">
        <v>188</v>
      </c>
      <c r="L11" s="1206" t="s">
        <v>188</v>
      </c>
      <c r="M11" s="1246" t="s">
        <v>188</v>
      </c>
      <c r="N11" s="1207"/>
      <c r="O11" s="1201">
        <v>3</v>
      </c>
      <c r="P11" s="1202">
        <v>3</v>
      </c>
      <c r="Q11" s="1203">
        <v>0</v>
      </c>
      <c r="R11" s="1203">
        <v>9</v>
      </c>
      <c r="S11" s="1202">
        <v>-33</v>
      </c>
      <c r="T11" s="1204">
        <v>42</v>
      </c>
      <c r="U11" s="1201">
        <v>755</v>
      </c>
      <c r="V11" s="1202">
        <v>327</v>
      </c>
      <c r="W11" s="1203">
        <v>428</v>
      </c>
      <c r="X11" s="1203">
        <v>746</v>
      </c>
      <c r="Y11" s="1202">
        <v>360</v>
      </c>
      <c r="Z11" s="1203">
        <v>386</v>
      </c>
    </row>
    <row r="12" spans="1:28" ht="21" customHeight="1">
      <c r="A12" s="869" t="s">
        <v>311</v>
      </c>
      <c r="B12" s="1201">
        <v>30188</v>
      </c>
      <c r="C12" s="1085" t="s">
        <v>313</v>
      </c>
      <c r="D12" s="892" t="s">
        <v>311</v>
      </c>
      <c r="E12" s="1203">
        <v>-578</v>
      </c>
      <c r="F12" s="1202">
        <v>-232</v>
      </c>
      <c r="G12" s="1201">
        <v>-346</v>
      </c>
      <c r="H12" s="1203">
        <v>-14</v>
      </c>
      <c r="I12" s="1202">
        <v>-9</v>
      </c>
      <c r="J12" s="1204">
        <v>-5</v>
      </c>
      <c r="K12" s="1205" t="s">
        <v>188</v>
      </c>
      <c r="L12" s="1206" t="s">
        <v>188</v>
      </c>
      <c r="M12" s="1246" t="s">
        <v>188</v>
      </c>
      <c r="N12" s="1207"/>
      <c r="O12" s="1201">
        <v>14</v>
      </c>
      <c r="P12" s="1202">
        <v>9</v>
      </c>
      <c r="Q12" s="1203">
        <v>5</v>
      </c>
      <c r="R12" s="1203">
        <v>-564</v>
      </c>
      <c r="S12" s="1202">
        <v>-223</v>
      </c>
      <c r="T12" s="1204">
        <v>-341</v>
      </c>
      <c r="U12" s="1201">
        <v>4216</v>
      </c>
      <c r="V12" s="1202">
        <v>2129</v>
      </c>
      <c r="W12" s="1203">
        <v>2087</v>
      </c>
      <c r="X12" s="1203">
        <v>4780</v>
      </c>
      <c r="Y12" s="1202">
        <v>2352</v>
      </c>
      <c r="Z12" s="1203">
        <v>2428</v>
      </c>
    </row>
    <row r="13" spans="1:28" ht="21" customHeight="1">
      <c r="A13" s="875">
        <v>30</v>
      </c>
      <c r="B13" s="1201">
        <v>34962</v>
      </c>
      <c r="C13" s="1085" t="s">
        <v>314</v>
      </c>
      <c r="D13" s="875">
        <v>29</v>
      </c>
      <c r="E13" s="1203">
        <v>-9</v>
      </c>
      <c r="F13" s="1202">
        <v>5</v>
      </c>
      <c r="G13" s="1201">
        <v>-14</v>
      </c>
      <c r="H13" s="1203">
        <v>-28</v>
      </c>
      <c r="I13" s="1202">
        <v>-21</v>
      </c>
      <c r="J13" s="1204">
        <v>-7</v>
      </c>
      <c r="K13" s="1205" t="s">
        <v>188</v>
      </c>
      <c r="L13" s="1206" t="s">
        <v>188</v>
      </c>
      <c r="M13" s="1246" t="s">
        <v>188</v>
      </c>
      <c r="N13" s="1207"/>
      <c r="O13" s="1201">
        <v>28</v>
      </c>
      <c r="P13" s="1202">
        <v>21</v>
      </c>
      <c r="Q13" s="1203">
        <v>7</v>
      </c>
      <c r="R13" s="1203">
        <v>19</v>
      </c>
      <c r="S13" s="1202">
        <v>26</v>
      </c>
      <c r="T13" s="1204">
        <v>-7</v>
      </c>
      <c r="U13" s="1201">
        <v>2876</v>
      </c>
      <c r="V13" s="1202">
        <v>1536</v>
      </c>
      <c r="W13" s="1203">
        <v>1340</v>
      </c>
      <c r="X13" s="1203">
        <v>2857</v>
      </c>
      <c r="Y13" s="1202">
        <v>1510</v>
      </c>
      <c r="Z13" s="1203">
        <v>1347</v>
      </c>
    </row>
    <row r="14" spans="1:28" ht="21" customHeight="1">
      <c r="A14" s="869" t="s">
        <v>172</v>
      </c>
      <c r="B14" s="1210">
        <v>49599</v>
      </c>
      <c r="C14" s="1088" t="s">
        <v>315</v>
      </c>
      <c r="D14" s="892" t="s">
        <v>172</v>
      </c>
      <c r="E14" s="1210">
        <v>96</v>
      </c>
      <c r="F14" s="1209">
        <v>28</v>
      </c>
      <c r="G14" s="1208">
        <v>68</v>
      </c>
      <c r="H14" s="1210">
        <v>-66</v>
      </c>
      <c r="I14" s="1209">
        <v>-41</v>
      </c>
      <c r="J14" s="1214">
        <v>-25</v>
      </c>
      <c r="K14" s="1211" t="s">
        <v>188</v>
      </c>
      <c r="L14" s="1212" t="s">
        <v>188</v>
      </c>
      <c r="M14" s="1245" t="s">
        <v>188</v>
      </c>
      <c r="N14" s="1213"/>
      <c r="O14" s="1208">
        <v>66</v>
      </c>
      <c r="P14" s="1209">
        <v>41</v>
      </c>
      <c r="Q14" s="1210">
        <v>25</v>
      </c>
      <c r="R14" s="1210">
        <v>162</v>
      </c>
      <c r="S14" s="1209">
        <v>69</v>
      </c>
      <c r="T14" s="1214">
        <v>93</v>
      </c>
      <c r="U14" s="1208">
        <v>1780</v>
      </c>
      <c r="V14" s="1209">
        <v>1011</v>
      </c>
      <c r="W14" s="1210">
        <v>769</v>
      </c>
      <c r="X14" s="1210">
        <v>1618</v>
      </c>
      <c r="Y14" s="1209">
        <v>942</v>
      </c>
      <c r="Z14" s="1210">
        <v>676</v>
      </c>
    </row>
    <row r="15" spans="1:28" ht="21" customHeight="1">
      <c r="A15" s="876" t="s">
        <v>529</v>
      </c>
      <c r="B15" s="1201">
        <v>44382</v>
      </c>
      <c r="C15" s="1085" t="s">
        <v>317</v>
      </c>
      <c r="D15" s="892" t="s">
        <v>530</v>
      </c>
      <c r="E15" s="1203">
        <v>12</v>
      </c>
      <c r="F15" s="1202">
        <v>-10</v>
      </c>
      <c r="G15" s="1201">
        <v>22</v>
      </c>
      <c r="H15" s="1203">
        <v>-137</v>
      </c>
      <c r="I15" s="1202">
        <v>-93</v>
      </c>
      <c r="J15" s="1204">
        <v>-44</v>
      </c>
      <c r="K15" s="1205" t="s">
        <v>188</v>
      </c>
      <c r="L15" s="1206" t="s">
        <v>188</v>
      </c>
      <c r="M15" s="1246" t="s">
        <v>188</v>
      </c>
      <c r="N15" s="1207"/>
      <c r="O15" s="1201">
        <v>137</v>
      </c>
      <c r="P15" s="1202">
        <v>93</v>
      </c>
      <c r="Q15" s="1203">
        <v>44</v>
      </c>
      <c r="R15" s="1203">
        <v>149</v>
      </c>
      <c r="S15" s="1202">
        <v>83</v>
      </c>
      <c r="T15" s="1204">
        <v>66</v>
      </c>
      <c r="U15" s="1201">
        <v>1064</v>
      </c>
      <c r="V15" s="1202">
        <v>599</v>
      </c>
      <c r="W15" s="1203">
        <v>465</v>
      </c>
      <c r="X15" s="1203">
        <v>915</v>
      </c>
      <c r="Y15" s="1202">
        <v>516</v>
      </c>
      <c r="Z15" s="1203">
        <v>399</v>
      </c>
    </row>
    <row r="16" spans="1:28" ht="21" customHeight="1">
      <c r="A16" s="869" t="s">
        <v>316</v>
      </c>
      <c r="B16" s="1201">
        <v>50238</v>
      </c>
      <c r="C16" s="1085" t="s">
        <v>318</v>
      </c>
      <c r="D16" s="892"/>
      <c r="E16" s="1203">
        <v>-270</v>
      </c>
      <c r="F16" s="1202">
        <v>-184</v>
      </c>
      <c r="G16" s="1201">
        <v>-86</v>
      </c>
      <c r="H16" s="1203">
        <v>-398</v>
      </c>
      <c r="I16" s="1202">
        <v>-257</v>
      </c>
      <c r="J16" s="1204">
        <v>-141</v>
      </c>
      <c r="K16" s="1205" t="s">
        <v>188</v>
      </c>
      <c r="L16" s="1206" t="s">
        <v>188</v>
      </c>
      <c r="M16" s="1246" t="s">
        <v>188</v>
      </c>
      <c r="N16" s="1207"/>
      <c r="O16" s="1201">
        <v>398</v>
      </c>
      <c r="P16" s="1202">
        <v>257</v>
      </c>
      <c r="Q16" s="1203">
        <v>141</v>
      </c>
      <c r="R16" s="1203">
        <v>128</v>
      </c>
      <c r="S16" s="1202">
        <v>73</v>
      </c>
      <c r="T16" s="1204">
        <v>55</v>
      </c>
      <c r="U16" s="1201">
        <v>789</v>
      </c>
      <c r="V16" s="1202">
        <v>434</v>
      </c>
      <c r="W16" s="1203">
        <v>355</v>
      </c>
      <c r="X16" s="1203">
        <v>661</v>
      </c>
      <c r="Y16" s="1202">
        <v>361</v>
      </c>
      <c r="Z16" s="1203">
        <v>300</v>
      </c>
    </row>
    <row r="17" spans="1:26" ht="21" customHeight="1">
      <c r="A17" s="876" t="s">
        <v>531</v>
      </c>
      <c r="B17" s="1201">
        <v>45836</v>
      </c>
      <c r="C17" s="1085" t="s">
        <v>320</v>
      </c>
      <c r="D17" s="892"/>
      <c r="E17" s="1203">
        <v>-853</v>
      </c>
      <c r="F17" s="1202">
        <v>-566</v>
      </c>
      <c r="G17" s="1207">
        <v>-287</v>
      </c>
      <c r="H17" s="1203">
        <v>-884</v>
      </c>
      <c r="I17" s="1202">
        <v>-585</v>
      </c>
      <c r="J17" s="1204">
        <v>-299</v>
      </c>
      <c r="K17" s="1205" t="s">
        <v>188</v>
      </c>
      <c r="L17" s="1206" t="s">
        <v>188</v>
      </c>
      <c r="M17" s="1246" t="s">
        <v>188</v>
      </c>
      <c r="N17" s="1207"/>
      <c r="O17" s="1201">
        <v>884</v>
      </c>
      <c r="P17" s="1202">
        <v>585</v>
      </c>
      <c r="Q17" s="1203">
        <v>299</v>
      </c>
      <c r="R17" s="1203">
        <v>31</v>
      </c>
      <c r="S17" s="1202">
        <v>19</v>
      </c>
      <c r="T17" s="1204">
        <v>12</v>
      </c>
      <c r="U17" s="1201">
        <v>453</v>
      </c>
      <c r="V17" s="1202">
        <v>197</v>
      </c>
      <c r="W17" s="1203">
        <v>256</v>
      </c>
      <c r="X17" s="1203">
        <v>422</v>
      </c>
      <c r="Y17" s="1202">
        <v>178</v>
      </c>
      <c r="Z17" s="1203">
        <v>244</v>
      </c>
    </row>
    <row r="18" spans="1:26" ht="21" customHeight="1">
      <c r="A18" s="869" t="s">
        <v>319</v>
      </c>
      <c r="B18" s="1201">
        <v>25553</v>
      </c>
      <c r="C18" s="1085" t="s">
        <v>322</v>
      </c>
      <c r="D18" s="892"/>
      <c r="E18" s="1203">
        <v>-1385</v>
      </c>
      <c r="F18" s="1202">
        <v>-705</v>
      </c>
      <c r="G18" s="1201">
        <v>-680</v>
      </c>
      <c r="H18" s="1203">
        <v>-1420</v>
      </c>
      <c r="I18" s="1202">
        <v>-740</v>
      </c>
      <c r="J18" s="1204">
        <v>-680</v>
      </c>
      <c r="K18" s="1205" t="s">
        <v>188</v>
      </c>
      <c r="L18" s="1206" t="s">
        <v>188</v>
      </c>
      <c r="M18" s="1246" t="s">
        <v>188</v>
      </c>
      <c r="N18" s="1207"/>
      <c r="O18" s="1201">
        <v>1420</v>
      </c>
      <c r="P18" s="1202">
        <v>740</v>
      </c>
      <c r="Q18" s="1203">
        <v>680</v>
      </c>
      <c r="R18" s="1203">
        <v>35</v>
      </c>
      <c r="S18" s="1202">
        <v>35</v>
      </c>
      <c r="T18" s="1204">
        <v>0</v>
      </c>
      <c r="U18" s="1201">
        <v>353</v>
      </c>
      <c r="V18" s="1202">
        <v>141</v>
      </c>
      <c r="W18" s="1203">
        <v>212</v>
      </c>
      <c r="X18" s="1203">
        <v>318</v>
      </c>
      <c r="Y18" s="1202">
        <v>106</v>
      </c>
      <c r="Z18" s="1203">
        <v>212</v>
      </c>
    </row>
    <row r="19" spans="1:26" ht="21" customHeight="1">
      <c r="A19" s="869" t="s">
        <v>321</v>
      </c>
      <c r="B19" s="1210">
        <v>5733</v>
      </c>
      <c r="C19" s="1088" t="s">
        <v>324</v>
      </c>
      <c r="D19" s="1098"/>
      <c r="E19" s="1210">
        <v>-927</v>
      </c>
      <c r="F19" s="1209">
        <v>-284</v>
      </c>
      <c r="G19" s="1208">
        <v>-643</v>
      </c>
      <c r="H19" s="1210">
        <v>-940</v>
      </c>
      <c r="I19" s="1209">
        <v>-288</v>
      </c>
      <c r="J19" s="1214">
        <v>-652</v>
      </c>
      <c r="K19" s="1211" t="s">
        <v>188</v>
      </c>
      <c r="L19" s="1212" t="s">
        <v>188</v>
      </c>
      <c r="M19" s="1245" t="s">
        <v>188</v>
      </c>
      <c r="N19" s="1213"/>
      <c r="O19" s="1208">
        <v>940</v>
      </c>
      <c r="P19" s="1209">
        <v>288</v>
      </c>
      <c r="Q19" s="1210">
        <v>652</v>
      </c>
      <c r="R19" s="1210">
        <v>13</v>
      </c>
      <c r="S19" s="1209">
        <v>4</v>
      </c>
      <c r="T19" s="1214">
        <v>9</v>
      </c>
      <c r="U19" s="1208">
        <v>94</v>
      </c>
      <c r="V19" s="1209">
        <v>25</v>
      </c>
      <c r="W19" s="1210">
        <v>69</v>
      </c>
      <c r="X19" s="1210">
        <v>81</v>
      </c>
      <c r="Y19" s="1209">
        <v>21</v>
      </c>
      <c r="Z19" s="1210">
        <v>60</v>
      </c>
    </row>
    <row r="20" spans="1:26" ht="21" customHeight="1">
      <c r="A20" s="869" t="s">
        <v>323</v>
      </c>
      <c r="B20" s="1229">
        <v>215</v>
      </c>
      <c r="C20" s="1088" t="s">
        <v>534</v>
      </c>
      <c r="D20" s="1098"/>
      <c r="E20" s="1209">
        <v>-113</v>
      </c>
      <c r="F20" s="1209">
        <v>-14</v>
      </c>
      <c r="G20" s="1210">
        <v>-99</v>
      </c>
      <c r="H20" s="1210">
        <v>-113</v>
      </c>
      <c r="I20" s="1209">
        <v>-14</v>
      </c>
      <c r="J20" s="1214">
        <v>-99</v>
      </c>
      <c r="K20" s="1211" t="s">
        <v>188</v>
      </c>
      <c r="L20" s="1212" t="s">
        <v>188</v>
      </c>
      <c r="M20" s="1212" t="s">
        <v>188</v>
      </c>
      <c r="N20" s="1213"/>
      <c r="O20" s="1208">
        <v>113</v>
      </c>
      <c r="P20" s="1209">
        <v>14</v>
      </c>
      <c r="Q20" s="1210">
        <v>99</v>
      </c>
      <c r="R20" s="1210">
        <v>0</v>
      </c>
      <c r="S20" s="1209">
        <v>0</v>
      </c>
      <c r="T20" s="1209">
        <v>0</v>
      </c>
      <c r="U20" s="1208">
        <v>2</v>
      </c>
      <c r="V20" s="1209">
        <v>1</v>
      </c>
      <c r="W20" s="1210">
        <v>1</v>
      </c>
      <c r="X20" s="1210">
        <v>2</v>
      </c>
      <c r="Y20" s="1209">
        <v>1</v>
      </c>
      <c r="Z20" s="1210">
        <v>1</v>
      </c>
    </row>
    <row r="21" spans="1:26" ht="21" customHeight="1" thickBot="1">
      <c r="A21" s="877"/>
      <c r="B21" s="1236">
        <v>1752</v>
      </c>
      <c r="C21" s="1099" t="s">
        <v>154</v>
      </c>
      <c r="D21" s="1100"/>
      <c r="E21" s="1241" t="s">
        <v>188</v>
      </c>
      <c r="F21" s="1242" t="s">
        <v>188</v>
      </c>
      <c r="G21" s="1243" t="s">
        <v>188</v>
      </c>
      <c r="H21" s="1241" t="s">
        <v>188</v>
      </c>
      <c r="I21" s="1242" t="s">
        <v>188</v>
      </c>
      <c r="J21" s="1244" t="s">
        <v>188</v>
      </c>
      <c r="K21" s="1241" t="s">
        <v>188</v>
      </c>
      <c r="L21" s="1242" t="s">
        <v>188</v>
      </c>
      <c r="M21" s="1244" t="s">
        <v>188</v>
      </c>
      <c r="N21" s="1243"/>
      <c r="O21" s="1243" t="s">
        <v>188</v>
      </c>
      <c r="P21" s="1242" t="s">
        <v>188</v>
      </c>
      <c r="Q21" s="1241" t="s">
        <v>188</v>
      </c>
      <c r="R21" s="1241" t="s">
        <v>188</v>
      </c>
      <c r="S21" s="1242" t="s">
        <v>188</v>
      </c>
      <c r="T21" s="1244" t="s">
        <v>188</v>
      </c>
      <c r="U21" s="1243" t="s">
        <v>188</v>
      </c>
      <c r="V21" s="1242" t="s">
        <v>188</v>
      </c>
      <c r="W21" s="1241" t="s">
        <v>188</v>
      </c>
      <c r="X21" s="1241" t="s">
        <v>188</v>
      </c>
      <c r="Y21" s="1242" t="s">
        <v>188</v>
      </c>
      <c r="Z21" s="1241" t="s">
        <v>188</v>
      </c>
    </row>
    <row r="22" spans="1:26" ht="21" customHeight="1" thickTop="1">
      <c r="A22" s="869"/>
      <c r="B22" s="1238">
        <v>344762</v>
      </c>
      <c r="C22" s="884" t="s">
        <v>238</v>
      </c>
      <c r="D22" s="1239"/>
      <c r="E22" s="1238">
        <v>-1980</v>
      </c>
      <c r="F22" s="1255">
        <v>-985</v>
      </c>
      <c r="G22" s="1256">
        <v>-995</v>
      </c>
      <c r="H22" s="1238">
        <v>-1811</v>
      </c>
      <c r="I22" s="1255">
        <v>-957</v>
      </c>
      <c r="J22" s="1257">
        <v>-854</v>
      </c>
      <c r="K22" s="1238">
        <v>2111</v>
      </c>
      <c r="L22" s="1255">
        <v>1097</v>
      </c>
      <c r="M22" s="1257">
        <v>1014</v>
      </c>
      <c r="N22" s="1256"/>
      <c r="O22" s="1256">
        <v>3922</v>
      </c>
      <c r="P22" s="1255">
        <v>2054</v>
      </c>
      <c r="Q22" s="1256">
        <v>1868</v>
      </c>
      <c r="R22" s="1238">
        <v>-169</v>
      </c>
      <c r="S22" s="1255">
        <v>-28</v>
      </c>
      <c r="T22" s="1257">
        <v>-141</v>
      </c>
      <c r="U22" s="1256">
        <v>12509</v>
      </c>
      <c r="V22" s="1255">
        <v>6558</v>
      </c>
      <c r="W22" s="1256">
        <v>5951</v>
      </c>
      <c r="X22" s="1238">
        <v>12678</v>
      </c>
      <c r="Y22" s="1255">
        <v>6586</v>
      </c>
      <c r="Z22" s="1256">
        <v>6092</v>
      </c>
    </row>
    <row r="23" spans="1:26" ht="21" customHeight="1">
      <c r="A23" s="869" t="s">
        <v>669</v>
      </c>
      <c r="B23" s="754"/>
      <c r="C23" s="891"/>
      <c r="D23" s="892" t="s">
        <v>669</v>
      </c>
      <c r="E23" s="754"/>
      <c r="F23" s="878"/>
      <c r="G23" s="879"/>
      <c r="H23" s="754"/>
      <c r="I23" s="878"/>
      <c r="J23" s="880"/>
      <c r="K23" s="754"/>
      <c r="L23" s="878"/>
      <c r="M23" s="880"/>
      <c r="N23" s="879"/>
      <c r="O23" s="879"/>
      <c r="P23" s="878"/>
      <c r="Q23" s="879"/>
      <c r="R23" s="754"/>
      <c r="S23" s="878"/>
      <c r="T23" s="880"/>
      <c r="U23" s="879"/>
      <c r="V23" s="878"/>
      <c r="W23" s="879"/>
      <c r="X23" s="754"/>
      <c r="Y23" s="878"/>
      <c r="Z23" s="879"/>
    </row>
    <row r="24" spans="1:26" ht="21" customHeight="1">
      <c r="A24" s="869"/>
      <c r="B24" s="1258">
        <v>24488</v>
      </c>
      <c r="C24" s="884" t="s">
        <v>668</v>
      </c>
      <c r="D24" s="892"/>
      <c r="E24" s="1205">
        <v>2244</v>
      </c>
      <c r="F24" s="1206">
        <v>1172</v>
      </c>
      <c r="G24" s="1207">
        <v>1072</v>
      </c>
      <c r="H24" s="1205">
        <v>2102</v>
      </c>
      <c r="I24" s="1206">
        <v>1092</v>
      </c>
      <c r="J24" s="1246">
        <v>1010</v>
      </c>
      <c r="K24" s="1205">
        <v>2111</v>
      </c>
      <c r="L24" s="1205">
        <v>1097</v>
      </c>
      <c r="M24" s="1206">
        <v>1014</v>
      </c>
      <c r="N24" s="1207"/>
      <c r="O24" s="1207">
        <v>9</v>
      </c>
      <c r="P24" s="1205">
        <v>5</v>
      </c>
      <c r="Q24" s="1205">
        <v>4</v>
      </c>
      <c r="R24" s="1205">
        <v>142</v>
      </c>
      <c r="S24" s="1206">
        <v>80</v>
      </c>
      <c r="T24" s="1246">
        <v>62</v>
      </c>
      <c r="U24" s="1207">
        <v>1169</v>
      </c>
      <c r="V24" s="1205">
        <v>610</v>
      </c>
      <c r="W24" s="1205">
        <v>559</v>
      </c>
      <c r="X24" s="1205">
        <v>1027</v>
      </c>
      <c r="Y24" s="1205">
        <v>530</v>
      </c>
      <c r="Z24" s="1205">
        <v>497</v>
      </c>
    </row>
    <row r="25" spans="1:26" ht="21" customHeight="1">
      <c r="A25" s="869" t="s">
        <v>309</v>
      </c>
      <c r="B25" s="1258">
        <v>31187</v>
      </c>
      <c r="C25" s="1085" t="s">
        <v>312</v>
      </c>
      <c r="D25" s="892" t="s">
        <v>309</v>
      </c>
      <c r="E25" s="1205">
        <v>55</v>
      </c>
      <c r="F25" s="1206">
        <v>-29</v>
      </c>
      <c r="G25" s="1207">
        <v>84</v>
      </c>
      <c r="H25" s="1205">
        <v>-10</v>
      </c>
      <c r="I25" s="1206">
        <v>-4</v>
      </c>
      <c r="J25" s="1246">
        <v>-6</v>
      </c>
      <c r="K25" s="1205" t="s">
        <v>188</v>
      </c>
      <c r="L25" s="1206" t="s">
        <v>188</v>
      </c>
      <c r="M25" s="1246" t="s">
        <v>188</v>
      </c>
      <c r="N25" s="1207"/>
      <c r="O25" s="1207">
        <v>10</v>
      </c>
      <c r="P25" s="1205">
        <v>4</v>
      </c>
      <c r="Q25" s="1205">
        <v>6</v>
      </c>
      <c r="R25" s="1205">
        <v>65</v>
      </c>
      <c r="S25" s="1206">
        <v>-25</v>
      </c>
      <c r="T25" s="1246">
        <v>90</v>
      </c>
      <c r="U25" s="1207">
        <v>768</v>
      </c>
      <c r="V25" s="1205">
        <v>355</v>
      </c>
      <c r="W25" s="1205">
        <v>413</v>
      </c>
      <c r="X25" s="1205">
        <v>703</v>
      </c>
      <c r="Y25" s="1205">
        <v>380</v>
      </c>
      <c r="Z25" s="1205">
        <v>323</v>
      </c>
    </row>
    <row r="26" spans="1:26" ht="21" customHeight="1">
      <c r="A26" s="869" t="s">
        <v>311</v>
      </c>
      <c r="B26" s="1258">
        <v>30386</v>
      </c>
      <c r="C26" s="1085" t="s">
        <v>313</v>
      </c>
      <c r="D26" s="892" t="s">
        <v>311</v>
      </c>
      <c r="E26" s="1205">
        <v>-631</v>
      </c>
      <c r="F26" s="1206">
        <v>-285</v>
      </c>
      <c r="G26" s="1207">
        <v>-346</v>
      </c>
      <c r="H26" s="1205">
        <v>-16</v>
      </c>
      <c r="I26" s="1206">
        <v>-10</v>
      </c>
      <c r="J26" s="1246">
        <v>-6</v>
      </c>
      <c r="K26" s="1205" t="s">
        <v>188</v>
      </c>
      <c r="L26" s="1206" t="s">
        <v>188</v>
      </c>
      <c r="M26" s="1246" t="s">
        <v>188</v>
      </c>
      <c r="N26" s="1207"/>
      <c r="O26" s="1207">
        <v>16</v>
      </c>
      <c r="P26" s="1205">
        <v>10</v>
      </c>
      <c r="Q26" s="1205">
        <v>6</v>
      </c>
      <c r="R26" s="1205">
        <v>-615</v>
      </c>
      <c r="S26" s="1206">
        <v>-275</v>
      </c>
      <c r="T26" s="1246">
        <v>-340</v>
      </c>
      <c r="U26" s="1207">
        <v>3652</v>
      </c>
      <c r="V26" s="1205">
        <v>1831</v>
      </c>
      <c r="W26" s="1205">
        <v>1821</v>
      </c>
      <c r="X26" s="1205">
        <v>4267</v>
      </c>
      <c r="Y26" s="1205">
        <v>2106</v>
      </c>
      <c r="Z26" s="1205">
        <v>2161</v>
      </c>
    </row>
    <row r="27" spans="1:26" ht="21" customHeight="1">
      <c r="A27" s="875">
        <v>29</v>
      </c>
      <c r="B27" s="1258">
        <v>36118</v>
      </c>
      <c r="C27" s="1085" t="s">
        <v>314</v>
      </c>
      <c r="D27" s="875">
        <v>28</v>
      </c>
      <c r="E27" s="1205">
        <v>-62</v>
      </c>
      <c r="F27" s="1206">
        <v>-10</v>
      </c>
      <c r="G27" s="1207">
        <v>-52</v>
      </c>
      <c r="H27" s="1205">
        <v>-23</v>
      </c>
      <c r="I27" s="1206">
        <v>-14</v>
      </c>
      <c r="J27" s="1246">
        <v>-9</v>
      </c>
      <c r="K27" s="1205" t="s">
        <v>188</v>
      </c>
      <c r="L27" s="1206" t="s">
        <v>188</v>
      </c>
      <c r="M27" s="1246" t="s">
        <v>188</v>
      </c>
      <c r="N27" s="1207"/>
      <c r="O27" s="1207">
        <v>23</v>
      </c>
      <c r="P27" s="1205">
        <v>14</v>
      </c>
      <c r="Q27" s="1205">
        <v>9</v>
      </c>
      <c r="R27" s="1205">
        <v>-39</v>
      </c>
      <c r="S27" s="1206">
        <v>4</v>
      </c>
      <c r="T27" s="1246">
        <v>-43</v>
      </c>
      <c r="U27" s="1207">
        <v>2861</v>
      </c>
      <c r="V27" s="1205">
        <v>1545</v>
      </c>
      <c r="W27" s="1205">
        <v>1316</v>
      </c>
      <c r="X27" s="1205">
        <v>2900</v>
      </c>
      <c r="Y27" s="1205">
        <v>1541</v>
      </c>
      <c r="Z27" s="1205">
        <v>1359</v>
      </c>
    </row>
    <row r="28" spans="1:26" ht="21" customHeight="1">
      <c r="A28" s="869" t="s">
        <v>172</v>
      </c>
      <c r="B28" s="1259">
        <v>50637</v>
      </c>
      <c r="C28" s="1088" t="s">
        <v>315</v>
      </c>
      <c r="D28" s="892" t="s">
        <v>172</v>
      </c>
      <c r="E28" s="1211">
        <v>5</v>
      </c>
      <c r="F28" s="1212">
        <v>53</v>
      </c>
      <c r="G28" s="1213">
        <v>-48</v>
      </c>
      <c r="H28" s="1211">
        <v>-77</v>
      </c>
      <c r="I28" s="1212">
        <v>-55</v>
      </c>
      <c r="J28" s="1245">
        <v>-22</v>
      </c>
      <c r="K28" s="1211" t="s">
        <v>188</v>
      </c>
      <c r="L28" s="1212" t="s">
        <v>188</v>
      </c>
      <c r="M28" s="1245" t="s">
        <v>188</v>
      </c>
      <c r="N28" s="1213"/>
      <c r="O28" s="1213">
        <v>77</v>
      </c>
      <c r="P28" s="1211">
        <v>55</v>
      </c>
      <c r="Q28" s="1211">
        <v>22</v>
      </c>
      <c r="R28" s="1211">
        <v>82</v>
      </c>
      <c r="S28" s="1212">
        <v>108</v>
      </c>
      <c r="T28" s="1245">
        <v>-26</v>
      </c>
      <c r="U28" s="1213">
        <v>1723</v>
      </c>
      <c r="V28" s="1211">
        <v>1011</v>
      </c>
      <c r="W28" s="1211">
        <v>712</v>
      </c>
      <c r="X28" s="1211">
        <v>1641</v>
      </c>
      <c r="Y28" s="1211">
        <v>903</v>
      </c>
      <c r="Z28" s="1211">
        <v>738</v>
      </c>
    </row>
    <row r="29" spans="1:26" ht="21" customHeight="1">
      <c r="A29" s="876" t="s">
        <v>531</v>
      </c>
      <c r="B29" s="1258">
        <v>43104</v>
      </c>
      <c r="C29" s="1085" t="s">
        <v>317</v>
      </c>
      <c r="D29" s="892" t="s">
        <v>530</v>
      </c>
      <c r="E29" s="1205">
        <v>-52</v>
      </c>
      <c r="F29" s="1206">
        <v>-83</v>
      </c>
      <c r="G29" s="1207">
        <v>31</v>
      </c>
      <c r="H29" s="1205">
        <v>-133</v>
      </c>
      <c r="I29" s="1206">
        <v>-101</v>
      </c>
      <c r="J29" s="1246">
        <v>-32</v>
      </c>
      <c r="K29" s="1205" t="s">
        <v>188</v>
      </c>
      <c r="L29" s="1206" t="s">
        <v>188</v>
      </c>
      <c r="M29" s="1246" t="s">
        <v>188</v>
      </c>
      <c r="N29" s="1207"/>
      <c r="O29" s="1207">
        <v>133</v>
      </c>
      <c r="P29" s="1205">
        <v>101</v>
      </c>
      <c r="Q29" s="1205">
        <v>32</v>
      </c>
      <c r="R29" s="1205">
        <v>81</v>
      </c>
      <c r="S29" s="1206">
        <v>18</v>
      </c>
      <c r="T29" s="1246">
        <v>63</v>
      </c>
      <c r="U29" s="1207">
        <v>884</v>
      </c>
      <c r="V29" s="1205">
        <v>519</v>
      </c>
      <c r="W29" s="1205">
        <v>365</v>
      </c>
      <c r="X29" s="1205">
        <v>803</v>
      </c>
      <c r="Y29" s="1205">
        <v>501</v>
      </c>
      <c r="Z29" s="1205">
        <v>302</v>
      </c>
    </row>
    <row r="30" spans="1:26" ht="21" customHeight="1">
      <c r="A30" s="869" t="s">
        <v>316</v>
      </c>
      <c r="B30" s="1258">
        <v>52859</v>
      </c>
      <c r="C30" s="1085" t="s">
        <v>318</v>
      </c>
      <c r="D30" s="892"/>
      <c r="E30" s="1205">
        <v>-350</v>
      </c>
      <c r="F30" s="1206">
        <v>-258</v>
      </c>
      <c r="G30" s="1207">
        <v>-92</v>
      </c>
      <c r="H30" s="1205">
        <v>-424</v>
      </c>
      <c r="I30" s="1206">
        <v>-279</v>
      </c>
      <c r="J30" s="1246">
        <v>-145</v>
      </c>
      <c r="K30" s="1205" t="s">
        <v>188</v>
      </c>
      <c r="L30" s="1206" t="s">
        <v>188</v>
      </c>
      <c r="M30" s="1246" t="s">
        <v>188</v>
      </c>
      <c r="N30" s="1207"/>
      <c r="O30" s="1207">
        <v>424</v>
      </c>
      <c r="P30" s="1205">
        <v>279</v>
      </c>
      <c r="Q30" s="1205">
        <v>145</v>
      </c>
      <c r="R30" s="1205">
        <v>74</v>
      </c>
      <c r="S30" s="1206">
        <v>21</v>
      </c>
      <c r="T30" s="1246">
        <v>53</v>
      </c>
      <c r="U30" s="1207">
        <v>703</v>
      </c>
      <c r="V30" s="1205">
        <v>370</v>
      </c>
      <c r="W30" s="1205">
        <v>333</v>
      </c>
      <c r="X30" s="1205">
        <v>629</v>
      </c>
      <c r="Y30" s="1205">
        <v>349</v>
      </c>
      <c r="Z30" s="1205">
        <v>280</v>
      </c>
    </row>
    <row r="31" spans="1:26" ht="21" customHeight="1">
      <c r="A31" s="876" t="s">
        <v>531</v>
      </c>
      <c r="B31" s="1258">
        <v>44025</v>
      </c>
      <c r="C31" s="1085" t="s">
        <v>320</v>
      </c>
      <c r="D31" s="892"/>
      <c r="E31" s="1205">
        <v>-774</v>
      </c>
      <c r="F31" s="1206">
        <v>-478</v>
      </c>
      <c r="G31" s="1207">
        <v>-296</v>
      </c>
      <c r="H31" s="1205">
        <v>-813</v>
      </c>
      <c r="I31" s="1206">
        <v>-515</v>
      </c>
      <c r="J31" s="1246">
        <v>-298</v>
      </c>
      <c r="K31" s="1205" t="s">
        <v>188</v>
      </c>
      <c r="L31" s="1206" t="s">
        <v>188</v>
      </c>
      <c r="M31" s="1246" t="s">
        <v>188</v>
      </c>
      <c r="N31" s="1207"/>
      <c r="O31" s="1207">
        <v>813</v>
      </c>
      <c r="P31" s="1205">
        <v>515</v>
      </c>
      <c r="Q31" s="1205">
        <v>298</v>
      </c>
      <c r="R31" s="1205">
        <v>39</v>
      </c>
      <c r="S31" s="1206">
        <v>37</v>
      </c>
      <c r="T31" s="1246">
        <v>2</v>
      </c>
      <c r="U31" s="1207">
        <v>423</v>
      </c>
      <c r="V31" s="1205">
        <v>202</v>
      </c>
      <c r="W31" s="1205">
        <v>221</v>
      </c>
      <c r="X31" s="1205">
        <v>384</v>
      </c>
      <c r="Y31" s="1205">
        <v>165</v>
      </c>
      <c r="Z31" s="1205">
        <v>219</v>
      </c>
    </row>
    <row r="32" spans="1:26" ht="21" customHeight="1">
      <c r="A32" s="869" t="s">
        <v>319</v>
      </c>
      <c r="B32" s="1258">
        <v>24638</v>
      </c>
      <c r="C32" s="1085" t="s">
        <v>322</v>
      </c>
      <c r="D32" s="892"/>
      <c r="E32" s="1205">
        <v>-1428</v>
      </c>
      <c r="F32" s="1206">
        <v>-801</v>
      </c>
      <c r="G32" s="1207">
        <v>-627</v>
      </c>
      <c r="H32" s="1205">
        <v>-1417</v>
      </c>
      <c r="I32" s="1206">
        <v>-798</v>
      </c>
      <c r="J32" s="1246">
        <v>-619</v>
      </c>
      <c r="K32" s="1205" t="s">
        <v>188</v>
      </c>
      <c r="L32" s="1206" t="s">
        <v>188</v>
      </c>
      <c r="M32" s="1246" t="s">
        <v>188</v>
      </c>
      <c r="N32" s="1207"/>
      <c r="O32" s="1207">
        <v>1417</v>
      </c>
      <c r="P32" s="1205">
        <v>798</v>
      </c>
      <c r="Q32" s="1205">
        <v>619</v>
      </c>
      <c r="R32" s="1205">
        <v>-11</v>
      </c>
      <c r="S32" s="1206">
        <v>-3</v>
      </c>
      <c r="T32" s="1246">
        <v>-8</v>
      </c>
      <c r="U32" s="1207">
        <v>250</v>
      </c>
      <c r="V32" s="1205">
        <v>95</v>
      </c>
      <c r="W32" s="1205">
        <v>155</v>
      </c>
      <c r="X32" s="1205">
        <v>261</v>
      </c>
      <c r="Y32" s="1205">
        <v>98</v>
      </c>
      <c r="Z32" s="1205">
        <v>163</v>
      </c>
    </row>
    <row r="33" spans="1:26" ht="21" customHeight="1">
      <c r="A33" s="869" t="s">
        <v>321</v>
      </c>
      <c r="B33" s="1259">
        <v>5344</v>
      </c>
      <c r="C33" s="1088" t="s">
        <v>324</v>
      </c>
      <c r="D33" s="1098"/>
      <c r="E33" s="1211">
        <v>-908</v>
      </c>
      <c r="F33" s="1212">
        <v>-256</v>
      </c>
      <c r="G33" s="1213">
        <v>-652</v>
      </c>
      <c r="H33" s="1211">
        <v>-919</v>
      </c>
      <c r="I33" s="1212">
        <v>-262</v>
      </c>
      <c r="J33" s="1245">
        <v>-657</v>
      </c>
      <c r="K33" s="1211" t="s">
        <v>188</v>
      </c>
      <c r="L33" s="1212" t="s">
        <v>188</v>
      </c>
      <c r="M33" s="1245" t="s">
        <v>188</v>
      </c>
      <c r="N33" s="1213"/>
      <c r="O33" s="1213">
        <v>919</v>
      </c>
      <c r="P33" s="1211">
        <v>262</v>
      </c>
      <c r="Q33" s="1211">
        <v>657</v>
      </c>
      <c r="R33" s="1211">
        <v>11</v>
      </c>
      <c r="S33" s="1212">
        <v>6</v>
      </c>
      <c r="T33" s="1245">
        <v>5</v>
      </c>
      <c r="U33" s="1213">
        <v>73</v>
      </c>
      <c r="V33" s="1211">
        <v>19</v>
      </c>
      <c r="W33" s="1211">
        <v>54</v>
      </c>
      <c r="X33" s="1211">
        <v>62</v>
      </c>
      <c r="Y33" s="1211">
        <v>13</v>
      </c>
      <c r="Z33" s="1211">
        <v>49</v>
      </c>
    </row>
    <row r="34" spans="1:26" ht="21" customHeight="1">
      <c r="A34" s="869" t="s">
        <v>323</v>
      </c>
      <c r="B34" s="1259">
        <v>224</v>
      </c>
      <c r="C34" s="1088" t="s">
        <v>534</v>
      </c>
      <c r="D34" s="1098"/>
      <c r="E34" s="1212">
        <v>-79</v>
      </c>
      <c r="F34" s="1212">
        <v>-10</v>
      </c>
      <c r="G34" s="1211">
        <v>-69</v>
      </c>
      <c r="H34" s="1211">
        <v>-81</v>
      </c>
      <c r="I34" s="1212">
        <v>-11</v>
      </c>
      <c r="J34" s="1245">
        <v>-70</v>
      </c>
      <c r="K34" s="1211" t="s">
        <v>188</v>
      </c>
      <c r="L34" s="1212" t="s">
        <v>188</v>
      </c>
      <c r="M34" s="1212" t="s">
        <v>188</v>
      </c>
      <c r="N34" s="1213"/>
      <c r="O34" s="1213">
        <v>81</v>
      </c>
      <c r="P34" s="1211">
        <v>11</v>
      </c>
      <c r="Q34" s="1211">
        <v>70</v>
      </c>
      <c r="R34" s="1211">
        <v>2</v>
      </c>
      <c r="S34" s="1212">
        <v>1</v>
      </c>
      <c r="T34" s="1212">
        <v>1</v>
      </c>
      <c r="U34" s="1213">
        <v>3</v>
      </c>
      <c r="V34" s="1211">
        <v>1</v>
      </c>
      <c r="W34" s="1211">
        <v>2</v>
      </c>
      <c r="X34" s="1211">
        <v>1</v>
      </c>
      <c r="Y34" s="1211">
        <v>0</v>
      </c>
      <c r="Z34" s="1211">
        <v>1</v>
      </c>
    </row>
    <row r="35" spans="1:26" ht="21" customHeight="1" thickBot="1">
      <c r="A35" s="866"/>
      <c r="B35" s="1258">
        <v>1752</v>
      </c>
      <c r="C35" s="884" t="s">
        <v>154</v>
      </c>
      <c r="D35" s="1098"/>
      <c r="E35" s="1205" t="s">
        <v>188</v>
      </c>
      <c r="F35" s="1206" t="s">
        <v>188</v>
      </c>
      <c r="G35" s="1207" t="s">
        <v>188</v>
      </c>
      <c r="H35" s="1205" t="s">
        <v>188</v>
      </c>
      <c r="I35" s="1206" t="s">
        <v>188</v>
      </c>
      <c r="J35" s="1246" t="s">
        <v>188</v>
      </c>
      <c r="K35" s="1205" t="s">
        <v>188</v>
      </c>
      <c r="L35" s="1206" t="s">
        <v>188</v>
      </c>
      <c r="M35" s="1246" t="s">
        <v>188</v>
      </c>
      <c r="N35" s="1207"/>
      <c r="O35" s="1207" t="s">
        <v>188</v>
      </c>
      <c r="P35" s="1206" t="s">
        <v>188</v>
      </c>
      <c r="Q35" s="1207" t="s">
        <v>188</v>
      </c>
      <c r="R35" s="1205" t="s">
        <v>188</v>
      </c>
      <c r="S35" s="1206" t="s">
        <v>188</v>
      </c>
      <c r="T35" s="1246" t="s">
        <v>188</v>
      </c>
      <c r="U35" s="1207" t="s">
        <v>188</v>
      </c>
      <c r="V35" s="1206" t="s">
        <v>188</v>
      </c>
      <c r="W35" s="1207" t="s">
        <v>188</v>
      </c>
      <c r="X35" s="1205" t="s">
        <v>188</v>
      </c>
      <c r="Y35" s="1206" t="s">
        <v>188</v>
      </c>
      <c r="Z35" s="1205" t="s">
        <v>188</v>
      </c>
    </row>
    <row r="36" spans="1:26" ht="21" customHeight="1" thickTop="1">
      <c r="A36" s="882"/>
      <c r="B36" s="1248">
        <v>-1894</v>
      </c>
      <c r="C36" s="1101" t="s">
        <v>238</v>
      </c>
      <c r="D36" s="1249"/>
      <c r="E36" s="1252">
        <v>86</v>
      </c>
      <c r="F36" s="1252">
        <v>87</v>
      </c>
      <c r="G36" s="1252">
        <v>-1</v>
      </c>
      <c r="H36" s="1252">
        <v>-149</v>
      </c>
      <c r="I36" s="1252">
        <v>-43</v>
      </c>
      <c r="J36" s="1252">
        <v>-106</v>
      </c>
      <c r="K36" s="1252">
        <v>-58</v>
      </c>
      <c r="L36" s="1252">
        <v>-41</v>
      </c>
      <c r="M36" s="1250">
        <v>-17</v>
      </c>
      <c r="N36" s="1248"/>
      <c r="O36" s="1251">
        <v>91</v>
      </c>
      <c r="P36" s="1250">
        <v>2</v>
      </c>
      <c r="Q36" s="1250">
        <v>89</v>
      </c>
      <c r="R36" s="1250">
        <v>235</v>
      </c>
      <c r="S36" s="1250">
        <v>130</v>
      </c>
      <c r="T36" s="1250">
        <v>105</v>
      </c>
      <c r="U36" s="1250">
        <v>1062</v>
      </c>
      <c r="V36" s="1250">
        <v>453</v>
      </c>
      <c r="W36" s="1250">
        <v>609</v>
      </c>
      <c r="X36" s="1250">
        <v>827</v>
      </c>
      <c r="Y36" s="1250">
        <v>323</v>
      </c>
      <c r="Z36" s="1248">
        <v>504</v>
      </c>
    </row>
    <row r="37" spans="1:26" ht="21" customHeight="1">
      <c r="A37" s="869" t="s">
        <v>667</v>
      </c>
      <c r="B37" s="1106"/>
      <c r="C37" s="891"/>
      <c r="D37" s="892" t="s">
        <v>667</v>
      </c>
      <c r="E37" s="754"/>
      <c r="F37" s="878"/>
      <c r="G37" s="879"/>
      <c r="H37" s="754"/>
      <c r="I37" s="878"/>
      <c r="J37" s="880"/>
      <c r="K37" s="754"/>
      <c r="L37" s="878"/>
      <c r="M37" s="878"/>
      <c r="N37" s="879"/>
      <c r="O37" s="880"/>
      <c r="P37" s="878"/>
      <c r="Q37" s="878"/>
      <c r="R37" s="878"/>
      <c r="S37" s="878"/>
      <c r="T37" s="878"/>
      <c r="U37" s="878"/>
      <c r="V37" s="878"/>
      <c r="W37" s="878"/>
      <c r="X37" s="878"/>
      <c r="Y37" s="878"/>
      <c r="Z37" s="879"/>
    </row>
    <row r="38" spans="1:26" ht="21" customHeight="1">
      <c r="A38" s="869" t="s">
        <v>671</v>
      </c>
      <c r="B38" s="1207">
        <v>-544</v>
      </c>
      <c r="C38" s="884" t="s">
        <v>668</v>
      </c>
      <c r="D38" s="892" t="s">
        <v>671</v>
      </c>
      <c r="E38" s="1205">
        <v>-117</v>
      </c>
      <c r="F38" s="1205">
        <v>-72</v>
      </c>
      <c r="G38" s="1205">
        <v>-45</v>
      </c>
      <c r="H38" s="1205">
        <v>-59</v>
      </c>
      <c r="I38" s="1205">
        <v>-41</v>
      </c>
      <c r="J38" s="1205">
        <v>-18</v>
      </c>
      <c r="K38" s="1205">
        <v>-58</v>
      </c>
      <c r="L38" s="1205">
        <v>-41</v>
      </c>
      <c r="M38" s="1206">
        <v>-17</v>
      </c>
      <c r="N38" s="1207"/>
      <c r="O38" s="1246">
        <v>1</v>
      </c>
      <c r="P38" s="1206">
        <v>0</v>
      </c>
      <c r="Q38" s="1206">
        <v>1</v>
      </c>
      <c r="R38" s="1206">
        <v>-58</v>
      </c>
      <c r="S38" s="1206">
        <v>-31</v>
      </c>
      <c r="T38" s="1206">
        <v>-27</v>
      </c>
      <c r="U38" s="1206">
        <v>20</v>
      </c>
      <c r="V38" s="1206">
        <v>1</v>
      </c>
      <c r="W38" s="1206">
        <v>19</v>
      </c>
      <c r="X38" s="1206">
        <v>78</v>
      </c>
      <c r="Y38" s="1206">
        <v>32</v>
      </c>
      <c r="Z38" s="1207">
        <v>46</v>
      </c>
    </row>
    <row r="39" spans="1:26" ht="21" customHeight="1">
      <c r="A39" s="869" t="s">
        <v>669</v>
      </c>
      <c r="B39" s="1207">
        <v>-721</v>
      </c>
      <c r="C39" s="1085" t="s">
        <v>312</v>
      </c>
      <c r="D39" s="892" t="s">
        <v>669</v>
      </c>
      <c r="E39" s="1205">
        <v>-49</v>
      </c>
      <c r="F39" s="1205">
        <v>-7</v>
      </c>
      <c r="G39" s="1205">
        <v>-42</v>
      </c>
      <c r="H39" s="1205">
        <v>7</v>
      </c>
      <c r="I39" s="1205">
        <v>1</v>
      </c>
      <c r="J39" s="1205">
        <v>6</v>
      </c>
      <c r="K39" s="1205" t="s">
        <v>188</v>
      </c>
      <c r="L39" s="1205" t="s">
        <v>188</v>
      </c>
      <c r="M39" s="1206" t="s">
        <v>188</v>
      </c>
      <c r="N39" s="1207"/>
      <c r="O39" s="1246">
        <v>-7</v>
      </c>
      <c r="P39" s="1206">
        <v>-1</v>
      </c>
      <c r="Q39" s="1206">
        <v>-6</v>
      </c>
      <c r="R39" s="1206">
        <v>-56</v>
      </c>
      <c r="S39" s="1206">
        <v>-8</v>
      </c>
      <c r="T39" s="1206">
        <v>-48</v>
      </c>
      <c r="U39" s="1206">
        <v>-13</v>
      </c>
      <c r="V39" s="1206">
        <v>-28</v>
      </c>
      <c r="W39" s="1206">
        <v>15</v>
      </c>
      <c r="X39" s="1206">
        <v>43</v>
      </c>
      <c r="Y39" s="1206">
        <v>-20</v>
      </c>
      <c r="Z39" s="1207">
        <v>63</v>
      </c>
    </row>
    <row r="40" spans="1:26" ht="21" customHeight="1">
      <c r="A40" s="876"/>
      <c r="B40" s="1207">
        <v>-198</v>
      </c>
      <c r="C40" s="1085" t="s">
        <v>313</v>
      </c>
      <c r="D40" s="875"/>
      <c r="E40" s="1205">
        <v>53</v>
      </c>
      <c r="F40" s="1205">
        <v>53</v>
      </c>
      <c r="G40" s="1205">
        <v>0</v>
      </c>
      <c r="H40" s="1205">
        <v>2</v>
      </c>
      <c r="I40" s="1205">
        <v>1</v>
      </c>
      <c r="J40" s="1205">
        <v>1</v>
      </c>
      <c r="K40" s="1205" t="s">
        <v>188</v>
      </c>
      <c r="L40" s="1205" t="s">
        <v>188</v>
      </c>
      <c r="M40" s="1206" t="s">
        <v>188</v>
      </c>
      <c r="N40" s="1207"/>
      <c r="O40" s="1246">
        <v>-2</v>
      </c>
      <c r="P40" s="1206">
        <v>-1</v>
      </c>
      <c r="Q40" s="1206">
        <v>-1</v>
      </c>
      <c r="R40" s="1206">
        <v>51</v>
      </c>
      <c r="S40" s="1206">
        <v>52</v>
      </c>
      <c r="T40" s="1206">
        <v>-1</v>
      </c>
      <c r="U40" s="1206">
        <v>564</v>
      </c>
      <c r="V40" s="1206">
        <v>298</v>
      </c>
      <c r="W40" s="1206">
        <v>266</v>
      </c>
      <c r="X40" s="1206">
        <v>513</v>
      </c>
      <c r="Y40" s="1206">
        <v>246</v>
      </c>
      <c r="Z40" s="1207">
        <v>267</v>
      </c>
    </row>
    <row r="41" spans="1:26" ht="21" customHeight="1">
      <c r="A41" s="869" t="s">
        <v>309</v>
      </c>
      <c r="B41" s="1207">
        <v>-1156</v>
      </c>
      <c r="C41" s="1085" t="s">
        <v>314</v>
      </c>
      <c r="D41" s="892" t="s">
        <v>309</v>
      </c>
      <c r="E41" s="1205">
        <v>53</v>
      </c>
      <c r="F41" s="1205">
        <v>15</v>
      </c>
      <c r="G41" s="1205">
        <v>38</v>
      </c>
      <c r="H41" s="1205">
        <v>-5</v>
      </c>
      <c r="I41" s="1205">
        <v>-7</v>
      </c>
      <c r="J41" s="1205">
        <v>2</v>
      </c>
      <c r="K41" s="1205" t="s">
        <v>188</v>
      </c>
      <c r="L41" s="1205" t="s">
        <v>188</v>
      </c>
      <c r="M41" s="1206" t="s">
        <v>188</v>
      </c>
      <c r="N41" s="1207"/>
      <c r="O41" s="1246">
        <v>5</v>
      </c>
      <c r="P41" s="1206">
        <v>7</v>
      </c>
      <c r="Q41" s="1206">
        <v>-2</v>
      </c>
      <c r="R41" s="1206">
        <v>58</v>
      </c>
      <c r="S41" s="1206">
        <v>22</v>
      </c>
      <c r="T41" s="1206">
        <v>36</v>
      </c>
      <c r="U41" s="1206">
        <v>15</v>
      </c>
      <c r="V41" s="1206">
        <v>-9</v>
      </c>
      <c r="W41" s="1206">
        <v>24</v>
      </c>
      <c r="X41" s="1206">
        <v>-43</v>
      </c>
      <c r="Y41" s="1206">
        <v>-31</v>
      </c>
      <c r="Z41" s="1207">
        <v>-12</v>
      </c>
    </row>
    <row r="42" spans="1:26" ht="21" customHeight="1">
      <c r="A42" s="869" t="s">
        <v>311</v>
      </c>
      <c r="B42" s="1211">
        <v>-1038</v>
      </c>
      <c r="C42" s="1088" t="s">
        <v>315</v>
      </c>
      <c r="D42" s="892" t="s">
        <v>311</v>
      </c>
      <c r="E42" s="1211">
        <v>91</v>
      </c>
      <c r="F42" s="1211">
        <v>-25</v>
      </c>
      <c r="G42" s="1211">
        <v>116</v>
      </c>
      <c r="H42" s="1211">
        <v>11</v>
      </c>
      <c r="I42" s="1211">
        <v>14</v>
      </c>
      <c r="J42" s="1212">
        <v>-3</v>
      </c>
      <c r="K42" s="1205" t="s">
        <v>188</v>
      </c>
      <c r="L42" s="1205" t="s">
        <v>188</v>
      </c>
      <c r="M42" s="1206" t="s">
        <v>188</v>
      </c>
      <c r="N42" s="1207"/>
      <c r="O42" s="1245">
        <v>-11</v>
      </c>
      <c r="P42" s="1212">
        <v>-14</v>
      </c>
      <c r="Q42" s="1212">
        <v>3</v>
      </c>
      <c r="R42" s="1212">
        <v>80</v>
      </c>
      <c r="S42" s="1212">
        <v>-39</v>
      </c>
      <c r="T42" s="1212">
        <v>119</v>
      </c>
      <c r="U42" s="1212">
        <v>57</v>
      </c>
      <c r="V42" s="1212">
        <v>0</v>
      </c>
      <c r="W42" s="1212">
        <v>57</v>
      </c>
      <c r="X42" s="1212">
        <v>-23</v>
      </c>
      <c r="Y42" s="1212">
        <v>39</v>
      </c>
      <c r="Z42" s="1213">
        <v>-62</v>
      </c>
    </row>
    <row r="43" spans="1:26" ht="21" customHeight="1">
      <c r="A43" s="876">
        <v>29</v>
      </c>
      <c r="B43" s="1207">
        <v>1278</v>
      </c>
      <c r="C43" s="1085" t="s">
        <v>317</v>
      </c>
      <c r="D43" s="875">
        <v>28</v>
      </c>
      <c r="E43" s="1205">
        <v>64</v>
      </c>
      <c r="F43" s="1205">
        <v>73</v>
      </c>
      <c r="G43" s="1205">
        <v>-9</v>
      </c>
      <c r="H43" s="1205">
        <v>-4</v>
      </c>
      <c r="I43" s="1205">
        <v>8</v>
      </c>
      <c r="J43" s="1205">
        <v>-12</v>
      </c>
      <c r="K43" s="1253" t="s">
        <v>188</v>
      </c>
      <c r="L43" s="1253" t="s">
        <v>188</v>
      </c>
      <c r="M43" s="1247" t="s">
        <v>188</v>
      </c>
      <c r="N43" s="1207"/>
      <c r="O43" s="1246">
        <v>4</v>
      </c>
      <c r="P43" s="1206">
        <v>-8</v>
      </c>
      <c r="Q43" s="1206">
        <v>12</v>
      </c>
      <c r="R43" s="1206">
        <v>68</v>
      </c>
      <c r="S43" s="1206">
        <v>65</v>
      </c>
      <c r="T43" s="1206">
        <v>3</v>
      </c>
      <c r="U43" s="1206">
        <v>180</v>
      </c>
      <c r="V43" s="1206">
        <v>80</v>
      </c>
      <c r="W43" s="1206">
        <v>100</v>
      </c>
      <c r="X43" s="1206">
        <v>112</v>
      </c>
      <c r="Y43" s="1206">
        <v>15</v>
      </c>
      <c r="Z43" s="1207">
        <v>97</v>
      </c>
    </row>
    <row r="44" spans="1:26" ht="21" customHeight="1">
      <c r="A44" s="883" t="s">
        <v>672</v>
      </c>
      <c r="B44" s="1207">
        <v>-2621</v>
      </c>
      <c r="C44" s="1085" t="s">
        <v>318</v>
      </c>
      <c r="D44" s="1109" t="s">
        <v>672</v>
      </c>
      <c r="E44" s="1205">
        <v>80</v>
      </c>
      <c r="F44" s="1205">
        <v>74</v>
      </c>
      <c r="G44" s="1205">
        <v>6</v>
      </c>
      <c r="H44" s="1205">
        <v>26</v>
      </c>
      <c r="I44" s="1205">
        <v>22</v>
      </c>
      <c r="J44" s="1205">
        <v>4</v>
      </c>
      <c r="K44" s="1205" t="s">
        <v>188</v>
      </c>
      <c r="L44" s="1205" t="s">
        <v>188</v>
      </c>
      <c r="M44" s="1206" t="s">
        <v>188</v>
      </c>
      <c r="N44" s="1207"/>
      <c r="O44" s="1246">
        <v>-26</v>
      </c>
      <c r="P44" s="1206">
        <v>-22</v>
      </c>
      <c r="Q44" s="1206">
        <v>-4</v>
      </c>
      <c r="R44" s="1206">
        <v>54</v>
      </c>
      <c r="S44" s="1206">
        <v>52</v>
      </c>
      <c r="T44" s="1206">
        <v>2</v>
      </c>
      <c r="U44" s="1206">
        <v>86</v>
      </c>
      <c r="V44" s="1206">
        <v>64</v>
      </c>
      <c r="W44" s="1206">
        <v>22</v>
      </c>
      <c r="X44" s="1206">
        <v>32</v>
      </c>
      <c r="Y44" s="1206">
        <v>12</v>
      </c>
      <c r="Z44" s="1207">
        <v>20</v>
      </c>
    </row>
    <row r="45" spans="1:26" ht="21" customHeight="1">
      <c r="A45" s="876">
        <v>30</v>
      </c>
      <c r="B45" s="1207">
        <v>1811</v>
      </c>
      <c r="C45" s="1085" t="s">
        <v>320</v>
      </c>
      <c r="D45" s="875">
        <v>29</v>
      </c>
      <c r="E45" s="1205">
        <v>-79</v>
      </c>
      <c r="F45" s="1205">
        <v>-88</v>
      </c>
      <c r="G45" s="1205">
        <v>9</v>
      </c>
      <c r="H45" s="1205">
        <v>-71</v>
      </c>
      <c r="I45" s="1205">
        <v>-70</v>
      </c>
      <c r="J45" s="1205">
        <v>-1</v>
      </c>
      <c r="K45" s="1205" t="s">
        <v>188</v>
      </c>
      <c r="L45" s="1205" t="s">
        <v>188</v>
      </c>
      <c r="M45" s="1206" t="s">
        <v>188</v>
      </c>
      <c r="N45" s="1207"/>
      <c r="O45" s="1246">
        <v>71</v>
      </c>
      <c r="P45" s="1206">
        <v>70</v>
      </c>
      <c r="Q45" s="1206">
        <v>1</v>
      </c>
      <c r="R45" s="1206">
        <v>-8</v>
      </c>
      <c r="S45" s="1206">
        <v>-18</v>
      </c>
      <c r="T45" s="1206">
        <v>10</v>
      </c>
      <c r="U45" s="1206">
        <v>30</v>
      </c>
      <c r="V45" s="1206">
        <v>-5</v>
      </c>
      <c r="W45" s="1206">
        <v>35</v>
      </c>
      <c r="X45" s="1206">
        <v>38</v>
      </c>
      <c r="Y45" s="1206">
        <v>13</v>
      </c>
      <c r="Z45" s="1207">
        <v>25</v>
      </c>
    </row>
    <row r="46" spans="1:26" ht="21" customHeight="1">
      <c r="A46" s="869" t="s">
        <v>172</v>
      </c>
      <c r="B46" s="1207">
        <v>915</v>
      </c>
      <c r="C46" s="1085" t="s">
        <v>322</v>
      </c>
      <c r="D46" s="892" t="s">
        <v>172</v>
      </c>
      <c r="E46" s="1205">
        <v>43</v>
      </c>
      <c r="F46" s="1205">
        <v>96</v>
      </c>
      <c r="G46" s="1205">
        <v>-53</v>
      </c>
      <c r="H46" s="1205">
        <v>-3</v>
      </c>
      <c r="I46" s="1205">
        <v>58</v>
      </c>
      <c r="J46" s="1205">
        <v>-61</v>
      </c>
      <c r="K46" s="1205" t="s">
        <v>188</v>
      </c>
      <c r="L46" s="1205" t="s">
        <v>188</v>
      </c>
      <c r="M46" s="1206" t="s">
        <v>188</v>
      </c>
      <c r="N46" s="1207"/>
      <c r="O46" s="1246">
        <v>3</v>
      </c>
      <c r="P46" s="1206">
        <v>-58</v>
      </c>
      <c r="Q46" s="1206">
        <v>61</v>
      </c>
      <c r="R46" s="1206">
        <v>46</v>
      </c>
      <c r="S46" s="1206">
        <v>38</v>
      </c>
      <c r="T46" s="1206">
        <v>8</v>
      </c>
      <c r="U46" s="1206">
        <v>103</v>
      </c>
      <c r="V46" s="1206">
        <v>46</v>
      </c>
      <c r="W46" s="1206">
        <v>57</v>
      </c>
      <c r="X46" s="1206">
        <v>57</v>
      </c>
      <c r="Y46" s="1206">
        <v>8</v>
      </c>
      <c r="Z46" s="1207">
        <v>49</v>
      </c>
    </row>
    <row r="47" spans="1:26" ht="21" customHeight="1">
      <c r="A47" s="869" t="s">
        <v>673</v>
      </c>
      <c r="B47" s="1211">
        <v>389</v>
      </c>
      <c r="C47" s="1088" t="s">
        <v>324</v>
      </c>
      <c r="D47" s="892" t="s">
        <v>530</v>
      </c>
      <c r="E47" s="1211">
        <v>-19</v>
      </c>
      <c r="F47" s="1211">
        <v>-28</v>
      </c>
      <c r="G47" s="1211">
        <v>9</v>
      </c>
      <c r="H47" s="1211">
        <v>-21</v>
      </c>
      <c r="I47" s="1211">
        <v>-26</v>
      </c>
      <c r="J47" s="1212">
        <v>5</v>
      </c>
      <c r="K47" s="1211" t="s">
        <v>188</v>
      </c>
      <c r="L47" s="1211" t="s">
        <v>188</v>
      </c>
      <c r="M47" s="1212" t="s">
        <v>188</v>
      </c>
      <c r="N47" s="1213"/>
      <c r="O47" s="1245">
        <v>21</v>
      </c>
      <c r="P47" s="1212">
        <v>26</v>
      </c>
      <c r="Q47" s="1212">
        <v>-5</v>
      </c>
      <c r="R47" s="1212">
        <v>2</v>
      </c>
      <c r="S47" s="1212">
        <v>-2</v>
      </c>
      <c r="T47" s="1212">
        <v>4</v>
      </c>
      <c r="U47" s="1212">
        <v>21</v>
      </c>
      <c r="V47" s="1212">
        <v>6</v>
      </c>
      <c r="W47" s="1212">
        <v>15</v>
      </c>
      <c r="X47" s="1212">
        <v>19</v>
      </c>
      <c r="Y47" s="1212">
        <v>8</v>
      </c>
      <c r="Z47" s="1213">
        <v>11</v>
      </c>
    </row>
    <row r="48" spans="1:26" ht="21" customHeight="1">
      <c r="A48" s="869" t="s">
        <v>674</v>
      </c>
      <c r="B48" s="1211">
        <v>-9</v>
      </c>
      <c r="C48" s="1088" t="s">
        <v>534</v>
      </c>
      <c r="D48" s="892" t="s">
        <v>673</v>
      </c>
      <c r="E48" s="1231">
        <v>-34</v>
      </c>
      <c r="F48" s="1231">
        <v>-4</v>
      </c>
      <c r="G48" s="1231">
        <v>-30</v>
      </c>
      <c r="H48" s="1231">
        <v>-32</v>
      </c>
      <c r="I48" s="1231">
        <v>-3</v>
      </c>
      <c r="J48" s="1231">
        <v>-29</v>
      </c>
      <c r="K48" s="1232" t="s">
        <v>188</v>
      </c>
      <c r="L48" s="1231" t="s">
        <v>188</v>
      </c>
      <c r="M48" s="1232" t="s">
        <v>188</v>
      </c>
      <c r="N48" s="1260"/>
      <c r="O48" s="1261">
        <v>32</v>
      </c>
      <c r="P48" s="1232">
        <v>3</v>
      </c>
      <c r="Q48" s="1232">
        <v>29</v>
      </c>
      <c r="R48" s="1232">
        <v>-2</v>
      </c>
      <c r="S48" s="1232">
        <v>-1</v>
      </c>
      <c r="T48" s="1232">
        <v>-1</v>
      </c>
      <c r="U48" s="1232">
        <v>-1</v>
      </c>
      <c r="V48" s="1232">
        <v>0</v>
      </c>
      <c r="W48" s="1232">
        <v>-1</v>
      </c>
      <c r="X48" s="1232">
        <v>1</v>
      </c>
      <c r="Y48" s="1232">
        <v>1</v>
      </c>
      <c r="Z48" s="1260">
        <v>0</v>
      </c>
    </row>
    <row r="49" spans="1:26" ht="21" customHeight="1" thickBot="1">
      <c r="A49" s="850"/>
      <c r="B49" s="1241" t="s">
        <v>188</v>
      </c>
      <c r="C49" s="1099" t="s">
        <v>154</v>
      </c>
      <c r="D49" s="1105" t="s">
        <v>674</v>
      </c>
      <c r="E49" s="1241" t="s">
        <v>188</v>
      </c>
      <c r="F49" s="1242" t="s">
        <v>188</v>
      </c>
      <c r="G49" s="1243" t="s">
        <v>188</v>
      </c>
      <c r="H49" s="1241" t="s">
        <v>188</v>
      </c>
      <c r="I49" s="1242" t="s">
        <v>188</v>
      </c>
      <c r="J49" s="1244" t="s">
        <v>188</v>
      </c>
      <c r="K49" s="1241" t="s">
        <v>188</v>
      </c>
      <c r="L49" s="1242" t="s">
        <v>188</v>
      </c>
      <c r="M49" s="1244" t="s">
        <v>188</v>
      </c>
      <c r="N49" s="1243"/>
      <c r="O49" s="1243" t="s">
        <v>188</v>
      </c>
      <c r="P49" s="1242" t="s">
        <v>188</v>
      </c>
      <c r="Q49" s="1243" t="s">
        <v>188</v>
      </c>
      <c r="R49" s="1241" t="s">
        <v>188</v>
      </c>
      <c r="S49" s="1242" t="s">
        <v>188</v>
      </c>
      <c r="T49" s="1244" t="s">
        <v>188</v>
      </c>
      <c r="U49" s="1242" t="s">
        <v>188</v>
      </c>
      <c r="V49" s="1244" t="s">
        <v>188</v>
      </c>
      <c r="W49" s="1243" t="s">
        <v>188</v>
      </c>
      <c r="X49" s="1242" t="s">
        <v>188</v>
      </c>
      <c r="Y49" s="1244" t="s">
        <v>188</v>
      </c>
      <c r="Z49" s="1241" t="s">
        <v>188</v>
      </c>
    </row>
    <row r="50" spans="1:26" ht="15" thickTop="1">
      <c r="A50" s="175" t="s">
        <v>519</v>
      </c>
      <c r="B50" s="285" t="s">
        <v>520</v>
      </c>
      <c r="C50" s="285"/>
      <c r="D50" s="285"/>
      <c r="E50" s="285"/>
      <c r="F50" s="285"/>
      <c r="G50" s="285"/>
      <c r="H50" s="285"/>
      <c r="I50" s="285"/>
      <c r="J50" s="285"/>
      <c r="K50" s="285"/>
      <c r="L50" s="285"/>
      <c r="M50" s="285"/>
      <c r="N50" s="285"/>
      <c r="O50" s="285"/>
    </row>
    <row r="51" spans="1:26" ht="14.25">
      <c r="A51" s="285"/>
      <c r="B51" s="285" t="s">
        <v>675</v>
      </c>
      <c r="C51" s="285"/>
      <c r="D51" s="285"/>
      <c r="E51" s="285"/>
      <c r="F51" s="285"/>
      <c r="G51" s="285"/>
      <c r="H51" s="285"/>
      <c r="I51" s="285"/>
      <c r="J51" s="285"/>
      <c r="K51" s="285"/>
      <c r="L51" s="285"/>
      <c r="M51" s="285"/>
      <c r="N51" s="285"/>
      <c r="O51" s="285"/>
    </row>
    <row r="52" spans="1:26" ht="14.25">
      <c r="A52" s="285"/>
      <c r="B52" s="1447"/>
      <c r="C52" s="1447"/>
      <c r="D52" s="1447"/>
      <c r="E52" s="1447"/>
      <c r="F52" s="1447"/>
      <c r="G52" s="1447"/>
      <c r="H52" s="1447"/>
      <c r="I52" s="1447"/>
      <c r="J52" s="1447"/>
      <c r="K52" s="1447"/>
      <c r="L52" s="1447"/>
      <c r="M52" s="1447"/>
      <c r="N52" s="1447"/>
      <c r="O52" s="1447"/>
    </row>
  </sheetData>
  <mergeCells count="2">
    <mergeCell ref="C4:C5"/>
    <mergeCell ref="B52:O52"/>
  </mergeCells>
  <phoneticPr fontId="3"/>
  <printOptions gridLinesSet="0"/>
  <pageMargins left="0.78740157480314965" right="0.39370078740157483" top="0.78740157480314965" bottom="0.78740157480314965" header="0" footer="0"/>
  <pageSetup paperSize="9" scale="74" firstPageNumber="50" fitToWidth="0" orientation="portrait" blackAndWhite="1" useFirstPageNumber="1" r:id="rId1"/>
  <headerFooter>
    <oddFooter>&amp;C&amp;"ＭＳ ゴシック,太字"&amp;12-&amp;P--</oddFooter>
    <evenFooter>&amp;C－51－</evenFoot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73"/>
  <sheetViews>
    <sheetView zoomScale="80" zoomScaleNormal="80" zoomScaleSheetLayoutView="80" workbookViewId="0">
      <pane xSplit="2" ySplit="4" topLeftCell="C5" activePane="bottomRight" state="frozen"/>
      <selection pane="topRight"/>
      <selection pane="bottomLeft"/>
      <selection pane="bottomRight"/>
    </sheetView>
  </sheetViews>
  <sheetFormatPr defaultColWidth="9" defaultRowHeight="13.5"/>
  <cols>
    <col min="1" max="1" width="2.25" style="132" customWidth="1"/>
    <col min="2" max="2" width="15.5" style="132" bestFit="1" customWidth="1"/>
    <col min="3" max="3" width="8.5" style="132" bestFit="1" customWidth="1"/>
    <col min="4" max="5" width="8" style="132" customWidth="1"/>
    <col min="6" max="6" width="8.875" style="132" customWidth="1"/>
    <col min="7" max="8" width="8.25" style="132" customWidth="1"/>
    <col min="9" max="9" width="9.125" style="132" customWidth="1"/>
    <col min="10" max="11" width="8.625" style="132" customWidth="1"/>
    <col min="12" max="12" width="9.125" style="132" customWidth="1"/>
    <col min="13" max="14" width="8.5" style="132" customWidth="1"/>
    <col min="15" max="256" width="9" style="132"/>
    <col min="257" max="257" width="2.75" style="132" customWidth="1"/>
    <col min="258" max="258" width="14.375" style="132" customWidth="1"/>
    <col min="259" max="270" width="9.125" style="132" customWidth="1"/>
    <col min="271" max="512" width="9" style="132"/>
    <col min="513" max="513" width="2.75" style="132" customWidth="1"/>
    <col min="514" max="514" width="14.375" style="132" customWidth="1"/>
    <col min="515" max="526" width="9.125" style="132" customWidth="1"/>
    <col min="527" max="768" width="9" style="132"/>
    <col min="769" max="769" width="2.75" style="132" customWidth="1"/>
    <col min="770" max="770" width="14.375" style="132" customWidth="1"/>
    <col min="771" max="782" width="9.125" style="132" customWidth="1"/>
    <col min="783" max="1024" width="9" style="132"/>
    <col min="1025" max="1025" width="2.75" style="132" customWidth="1"/>
    <col min="1026" max="1026" width="14.375" style="132" customWidth="1"/>
    <col min="1027" max="1038" width="9.125" style="132" customWidth="1"/>
    <col min="1039" max="1280" width="9" style="132"/>
    <col min="1281" max="1281" width="2.75" style="132" customWidth="1"/>
    <col min="1282" max="1282" width="14.375" style="132" customWidth="1"/>
    <col min="1283" max="1294" width="9.125" style="132" customWidth="1"/>
    <col min="1295" max="1536" width="9" style="132"/>
    <col min="1537" max="1537" width="2.75" style="132" customWidth="1"/>
    <col min="1538" max="1538" width="14.375" style="132" customWidth="1"/>
    <col min="1539" max="1550" width="9.125" style="132" customWidth="1"/>
    <col min="1551" max="1792" width="9" style="132"/>
    <col min="1793" max="1793" width="2.75" style="132" customWidth="1"/>
    <col min="1794" max="1794" width="14.375" style="132" customWidth="1"/>
    <col min="1795" max="1806" width="9.125" style="132" customWidth="1"/>
    <col min="1807" max="2048" width="9" style="132"/>
    <col min="2049" max="2049" width="2.75" style="132" customWidth="1"/>
    <col min="2050" max="2050" width="14.375" style="132" customWidth="1"/>
    <col min="2051" max="2062" width="9.125" style="132" customWidth="1"/>
    <col min="2063" max="2304" width="9" style="132"/>
    <col min="2305" max="2305" width="2.75" style="132" customWidth="1"/>
    <col min="2306" max="2306" width="14.375" style="132" customWidth="1"/>
    <col min="2307" max="2318" width="9.125" style="132" customWidth="1"/>
    <col min="2319" max="2560" width="9" style="132"/>
    <col min="2561" max="2561" width="2.75" style="132" customWidth="1"/>
    <col min="2562" max="2562" width="14.375" style="132" customWidth="1"/>
    <col min="2563" max="2574" width="9.125" style="132" customWidth="1"/>
    <col min="2575" max="2816" width="9" style="132"/>
    <col min="2817" max="2817" width="2.75" style="132" customWidth="1"/>
    <col min="2818" max="2818" width="14.375" style="132" customWidth="1"/>
    <col min="2819" max="2830" width="9.125" style="132" customWidth="1"/>
    <col min="2831" max="3072" width="9" style="132"/>
    <col min="3073" max="3073" width="2.75" style="132" customWidth="1"/>
    <col min="3074" max="3074" width="14.375" style="132" customWidth="1"/>
    <col min="3075" max="3086" width="9.125" style="132" customWidth="1"/>
    <col min="3087" max="3328" width="9" style="132"/>
    <col min="3329" max="3329" width="2.75" style="132" customWidth="1"/>
    <col min="3330" max="3330" width="14.375" style="132" customWidth="1"/>
    <col min="3331" max="3342" width="9.125" style="132" customWidth="1"/>
    <col min="3343" max="3584" width="9" style="132"/>
    <col min="3585" max="3585" width="2.75" style="132" customWidth="1"/>
    <col min="3586" max="3586" width="14.375" style="132" customWidth="1"/>
    <col min="3587" max="3598" width="9.125" style="132" customWidth="1"/>
    <col min="3599" max="3840" width="9" style="132"/>
    <col min="3841" max="3841" width="2.75" style="132" customWidth="1"/>
    <col min="3842" max="3842" width="14.375" style="132" customWidth="1"/>
    <col min="3843" max="3854" width="9.125" style="132" customWidth="1"/>
    <col min="3855" max="4096" width="9" style="132"/>
    <col min="4097" max="4097" width="2.75" style="132" customWidth="1"/>
    <col min="4098" max="4098" width="14.375" style="132" customWidth="1"/>
    <col min="4099" max="4110" width="9.125" style="132" customWidth="1"/>
    <col min="4111" max="4352" width="9" style="132"/>
    <col min="4353" max="4353" width="2.75" style="132" customWidth="1"/>
    <col min="4354" max="4354" width="14.375" style="132" customWidth="1"/>
    <col min="4355" max="4366" width="9.125" style="132" customWidth="1"/>
    <col min="4367" max="4608" width="9" style="132"/>
    <col min="4609" max="4609" width="2.75" style="132" customWidth="1"/>
    <col min="4610" max="4610" width="14.375" style="132" customWidth="1"/>
    <col min="4611" max="4622" width="9.125" style="132" customWidth="1"/>
    <col min="4623" max="4864" width="9" style="132"/>
    <col min="4865" max="4865" width="2.75" style="132" customWidth="1"/>
    <col min="4866" max="4866" width="14.375" style="132" customWidth="1"/>
    <col min="4867" max="4878" width="9.125" style="132" customWidth="1"/>
    <col min="4879" max="5120" width="9" style="132"/>
    <col min="5121" max="5121" width="2.75" style="132" customWidth="1"/>
    <col min="5122" max="5122" width="14.375" style="132" customWidth="1"/>
    <col min="5123" max="5134" width="9.125" style="132" customWidth="1"/>
    <col min="5135" max="5376" width="9" style="132"/>
    <col min="5377" max="5377" width="2.75" style="132" customWidth="1"/>
    <col min="5378" max="5378" width="14.375" style="132" customWidth="1"/>
    <col min="5379" max="5390" width="9.125" style="132" customWidth="1"/>
    <col min="5391" max="5632" width="9" style="132"/>
    <col min="5633" max="5633" width="2.75" style="132" customWidth="1"/>
    <col min="5634" max="5634" width="14.375" style="132" customWidth="1"/>
    <col min="5635" max="5646" width="9.125" style="132" customWidth="1"/>
    <col min="5647" max="5888" width="9" style="132"/>
    <col min="5889" max="5889" width="2.75" style="132" customWidth="1"/>
    <col min="5890" max="5890" width="14.375" style="132" customWidth="1"/>
    <col min="5891" max="5902" width="9.125" style="132" customWidth="1"/>
    <col min="5903" max="6144" width="9" style="132"/>
    <col min="6145" max="6145" width="2.75" style="132" customWidth="1"/>
    <col min="6146" max="6146" width="14.375" style="132" customWidth="1"/>
    <col min="6147" max="6158" width="9.125" style="132" customWidth="1"/>
    <col min="6159" max="6400" width="9" style="132"/>
    <col min="6401" max="6401" width="2.75" style="132" customWidth="1"/>
    <col min="6402" max="6402" width="14.375" style="132" customWidth="1"/>
    <col min="6403" max="6414" width="9.125" style="132" customWidth="1"/>
    <col min="6415" max="6656" width="9" style="132"/>
    <col min="6657" max="6657" width="2.75" style="132" customWidth="1"/>
    <col min="6658" max="6658" width="14.375" style="132" customWidth="1"/>
    <col min="6659" max="6670" width="9.125" style="132" customWidth="1"/>
    <col min="6671" max="6912" width="9" style="132"/>
    <col min="6913" max="6913" width="2.75" style="132" customWidth="1"/>
    <col min="6914" max="6914" width="14.375" style="132" customWidth="1"/>
    <col min="6915" max="6926" width="9.125" style="132" customWidth="1"/>
    <col min="6927" max="7168" width="9" style="132"/>
    <col min="7169" max="7169" width="2.75" style="132" customWidth="1"/>
    <col min="7170" max="7170" width="14.375" style="132" customWidth="1"/>
    <col min="7171" max="7182" width="9.125" style="132" customWidth="1"/>
    <col min="7183" max="7424" width="9" style="132"/>
    <col min="7425" max="7425" width="2.75" style="132" customWidth="1"/>
    <col min="7426" max="7426" width="14.375" style="132" customWidth="1"/>
    <col min="7427" max="7438" width="9.125" style="132" customWidth="1"/>
    <col min="7439" max="7680" width="9" style="132"/>
    <col min="7681" max="7681" width="2.75" style="132" customWidth="1"/>
    <col min="7682" max="7682" width="14.375" style="132" customWidth="1"/>
    <col min="7683" max="7694" width="9.125" style="132" customWidth="1"/>
    <col min="7695" max="7936" width="9" style="132"/>
    <col min="7937" max="7937" width="2.75" style="132" customWidth="1"/>
    <col min="7938" max="7938" width="14.375" style="132" customWidth="1"/>
    <col min="7939" max="7950" width="9.125" style="132" customWidth="1"/>
    <col min="7951" max="8192" width="9" style="132"/>
    <col min="8193" max="8193" width="2.75" style="132" customWidth="1"/>
    <col min="8194" max="8194" width="14.375" style="132" customWidth="1"/>
    <col min="8195" max="8206" width="9.125" style="132" customWidth="1"/>
    <col min="8207" max="8448" width="9" style="132"/>
    <col min="8449" max="8449" width="2.75" style="132" customWidth="1"/>
    <col min="8450" max="8450" width="14.375" style="132" customWidth="1"/>
    <col min="8451" max="8462" width="9.125" style="132" customWidth="1"/>
    <col min="8463" max="8704" width="9" style="132"/>
    <col min="8705" max="8705" width="2.75" style="132" customWidth="1"/>
    <col min="8706" max="8706" width="14.375" style="132" customWidth="1"/>
    <col min="8707" max="8718" width="9.125" style="132" customWidth="1"/>
    <col min="8719" max="8960" width="9" style="132"/>
    <col min="8961" max="8961" width="2.75" style="132" customWidth="1"/>
    <col min="8962" max="8962" width="14.375" style="132" customWidth="1"/>
    <col min="8963" max="8974" width="9.125" style="132" customWidth="1"/>
    <col min="8975" max="9216" width="9" style="132"/>
    <col min="9217" max="9217" width="2.75" style="132" customWidth="1"/>
    <col min="9218" max="9218" width="14.375" style="132" customWidth="1"/>
    <col min="9219" max="9230" width="9.125" style="132" customWidth="1"/>
    <col min="9231" max="9472" width="9" style="132"/>
    <col min="9473" max="9473" width="2.75" style="132" customWidth="1"/>
    <col min="9474" max="9474" width="14.375" style="132" customWidth="1"/>
    <col min="9475" max="9486" width="9.125" style="132" customWidth="1"/>
    <col min="9487" max="9728" width="9" style="132"/>
    <col min="9729" max="9729" width="2.75" style="132" customWidth="1"/>
    <col min="9730" max="9730" width="14.375" style="132" customWidth="1"/>
    <col min="9731" max="9742" width="9.125" style="132" customWidth="1"/>
    <col min="9743" max="9984" width="9" style="132"/>
    <col min="9985" max="9985" width="2.75" style="132" customWidth="1"/>
    <col min="9986" max="9986" width="14.375" style="132" customWidth="1"/>
    <col min="9987" max="9998" width="9.125" style="132" customWidth="1"/>
    <col min="9999" max="10240" width="9" style="132"/>
    <col min="10241" max="10241" width="2.75" style="132" customWidth="1"/>
    <col min="10242" max="10242" width="14.375" style="132" customWidth="1"/>
    <col min="10243" max="10254" width="9.125" style="132" customWidth="1"/>
    <col min="10255" max="10496" width="9" style="132"/>
    <col min="10497" max="10497" width="2.75" style="132" customWidth="1"/>
    <col min="10498" max="10498" width="14.375" style="132" customWidth="1"/>
    <col min="10499" max="10510" width="9.125" style="132" customWidth="1"/>
    <col min="10511" max="10752" width="9" style="132"/>
    <col min="10753" max="10753" width="2.75" style="132" customWidth="1"/>
    <col min="10754" max="10754" width="14.375" style="132" customWidth="1"/>
    <col min="10755" max="10766" width="9.125" style="132" customWidth="1"/>
    <col min="10767" max="11008" width="9" style="132"/>
    <col min="11009" max="11009" width="2.75" style="132" customWidth="1"/>
    <col min="11010" max="11010" width="14.375" style="132" customWidth="1"/>
    <col min="11011" max="11022" width="9.125" style="132" customWidth="1"/>
    <col min="11023" max="11264" width="9" style="132"/>
    <col min="11265" max="11265" width="2.75" style="132" customWidth="1"/>
    <col min="11266" max="11266" width="14.375" style="132" customWidth="1"/>
    <col min="11267" max="11278" width="9.125" style="132" customWidth="1"/>
    <col min="11279" max="11520" width="9" style="132"/>
    <col min="11521" max="11521" width="2.75" style="132" customWidth="1"/>
    <col min="11522" max="11522" width="14.375" style="132" customWidth="1"/>
    <col min="11523" max="11534" width="9.125" style="132" customWidth="1"/>
    <col min="11535" max="11776" width="9" style="132"/>
    <col min="11777" max="11777" width="2.75" style="132" customWidth="1"/>
    <col min="11778" max="11778" width="14.375" style="132" customWidth="1"/>
    <col min="11779" max="11790" width="9.125" style="132" customWidth="1"/>
    <col min="11791" max="12032" width="9" style="132"/>
    <col min="12033" max="12033" width="2.75" style="132" customWidth="1"/>
    <col min="12034" max="12034" width="14.375" style="132" customWidth="1"/>
    <col min="12035" max="12046" width="9.125" style="132" customWidth="1"/>
    <col min="12047" max="12288" width="9" style="132"/>
    <col min="12289" max="12289" width="2.75" style="132" customWidth="1"/>
    <col min="12290" max="12290" width="14.375" style="132" customWidth="1"/>
    <col min="12291" max="12302" width="9.125" style="132" customWidth="1"/>
    <col min="12303" max="12544" width="9" style="132"/>
    <col min="12545" max="12545" width="2.75" style="132" customWidth="1"/>
    <col min="12546" max="12546" width="14.375" style="132" customWidth="1"/>
    <col min="12547" max="12558" width="9.125" style="132" customWidth="1"/>
    <col min="12559" max="12800" width="9" style="132"/>
    <col min="12801" max="12801" width="2.75" style="132" customWidth="1"/>
    <col min="12802" max="12802" width="14.375" style="132" customWidth="1"/>
    <col min="12803" max="12814" width="9.125" style="132" customWidth="1"/>
    <col min="12815" max="13056" width="9" style="132"/>
    <col min="13057" max="13057" width="2.75" style="132" customWidth="1"/>
    <col min="13058" max="13058" width="14.375" style="132" customWidth="1"/>
    <col min="13059" max="13070" width="9.125" style="132" customWidth="1"/>
    <col min="13071" max="13312" width="9" style="132"/>
    <col min="13313" max="13313" width="2.75" style="132" customWidth="1"/>
    <col min="13314" max="13314" width="14.375" style="132" customWidth="1"/>
    <col min="13315" max="13326" width="9.125" style="132" customWidth="1"/>
    <col min="13327" max="13568" width="9" style="132"/>
    <col min="13569" max="13569" width="2.75" style="132" customWidth="1"/>
    <col min="13570" max="13570" width="14.375" style="132" customWidth="1"/>
    <col min="13571" max="13582" width="9.125" style="132" customWidth="1"/>
    <col min="13583" max="13824" width="9" style="132"/>
    <col min="13825" max="13825" width="2.75" style="132" customWidth="1"/>
    <col min="13826" max="13826" width="14.375" style="132" customWidth="1"/>
    <col min="13827" max="13838" width="9.125" style="132" customWidth="1"/>
    <col min="13839" max="14080" width="9" style="132"/>
    <col min="14081" max="14081" width="2.75" style="132" customWidth="1"/>
    <col min="14082" max="14082" width="14.375" style="132" customWidth="1"/>
    <col min="14083" max="14094" width="9.125" style="132" customWidth="1"/>
    <col min="14095" max="14336" width="9" style="132"/>
    <col min="14337" max="14337" width="2.75" style="132" customWidth="1"/>
    <col min="14338" max="14338" width="14.375" style="132" customWidth="1"/>
    <col min="14339" max="14350" width="9.125" style="132" customWidth="1"/>
    <col min="14351" max="14592" width="9" style="132"/>
    <col min="14593" max="14593" width="2.75" style="132" customWidth="1"/>
    <col min="14594" max="14594" width="14.375" style="132" customWidth="1"/>
    <col min="14595" max="14606" width="9.125" style="132" customWidth="1"/>
    <col min="14607" max="14848" width="9" style="132"/>
    <col min="14849" max="14849" width="2.75" style="132" customWidth="1"/>
    <col min="14850" max="14850" width="14.375" style="132" customWidth="1"/>
    <col min="14851" max="14862" width="9.125" style="132" customWidth="1"/>
    <col min="14863" max="15104" width="9" style="132"/>
    <col min="15105" max="15105" width="2.75" style="132" customWidth="1"/>
    <col min="15106" max="15106" width="14.375" style="132" customWidth="1"/>
    <col min="15107" max="15118" width="9.125" style="132" customWidth="1"/>
    <col min="15119" max="15360" width="9" style="132"/>
    <col min="15361" max="15361" width="2.75" style="132" customWidth="1"/>
    <col min="15362" max="15362" width="14.375" style="132" customWidth="1"/>
    <col min="15363" max="15374" width="9.125" style="132" customWidth="1"/>
    <col min="15375" max="15616" width="9" style="132"/>
    <col min="15617" max="15617" width="2.75" style="132" customWidth="1"/>
    <col min="15618" max="15618" width="14.375" style="132" customWidth="1"/>
    <col min="15619" max="15630" width="9.125" style="132" customWidth="1"/>
    <col min="15631" max="15872" width="9" style="132"/>
    <col min="15873" max="15873" width="2.75" style="132" customWidth="1"/>
    <col min="15874" max="15874" width="14.375" style="132" customWidth="1"/>
    <col min="15875" max="15886" width="9.125" style="132" customWidth="1"/>
    <col min="15887" max="16128" width="9" style="132"/>
    <col min="16129" max="16129" width="2.75" style="132" customWidth="1"/>
    <col min="16130" max="16130" width="14.375" style="132" customWidth="1"/>
    <col min="16131" max="16142" width="9.125" style="132" customWidth="1"/>
    <col min="16143" max="16384" width="9" style="132"/>
  </cols>
  <sheetData>
    <row r="1" spans="1:14" ht="17.25">
      <c r="A1" s="1066" t="s">
        <v>703</v>
      </c>
    </row>
    <row r="2" spans="1:14" ht="15" customHeight="1" thickBot="1">
      <c r="A2" s="897" t="s">
        <v>704</v>
      </c>
      <c r="B2" s="178"/>
      <c r="C2" s="178"/>
      <c r="D2" s="178"/>
      <c r="E2" s="178"/>
      <c r="F2" s="178"/>
      <c r="G2" s="178"/>
      <c r="H2" s="178"/>
      <c r="I2" s="178"/>
      <c r="J2" s="178"/>
      <c r="K2" s="178"/>
      <c r="L2" s="178" t="s">
        <v>705</v>
      </c>
      <c r="M2" s="178"/>
      <c r="N2" s="178"/>
    </row>
    <row r="3" spans="1:14" ht="14.25" thickTop="1">
      <c r="A3" s="898"/>
      <c r="B3" s="898"/>
      <c r="C3" s="899"/>
      <c r="D3" s="900" t="s">
        <v>706</v>
      </c>
      <c r="E3" s="901"/>
      <c r="F3" s="902"/>
      <c r="G3" s="903" t="s">
        <v>707</v>
      </c>
      <c r="H3" s="904"/>
      <c r="I3" s="899"/>
      <c r="J3" s="903" t="s">
        <v>708</v>
      </c>
      <c r="K3" s="901"/>
      <c r="L3" s="904"/>
      <c r="M3" s="903" t="s">
        <v>709</v>
      </c>
      <c r="N3" s="904"/>
    </row>
    <row r="4" spans="1:14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06" t="s">
        <v>238</v>
      </c>
      <c r="J4" s="906" t="s">
        <v>554</v>
      </c>
      <c r="K4" s="907" t="s">
        <v>555</v>
      </c>
      <c r="L4" s="908" t="s">
        <v>238</v>
      </c>
      <c r="M4" s="906" t="s">
        <v>554</v>
      </c>
      <c r="N4" s="906" t="s">
        <v>555</v>
      </c>
    </row>
    <row r="5" spans="1:14" s="897" customFormat="1" ht="20.100000000000001" customHeight="1">
      <c r="A5" s="909"/>
      <c r="B5" s="1175" t="s">
        <v>712</v>
      </c>
      <c r="C5" s="1110">
        <v>69902</v>
      </c>
      <c r="D5" s="1111">
        <v>35681</v>
      </c>
      <c r="E5" s="1112">
        <v>34221</v>
      </c>
      <c r="F5" s="1113">
        <v>80985</v>
      </c>
      <c r="G5" s="1114">
        <v>43666</v>
      </c>
      <c r="H5" s="1113">
        <v>37319</v>
      </c>
      <c r="I5" s="1115">
        <v>496793</v>
      </c>
      <c r="J5" s="1114">
        <v>265660</v>
      </c>
      <c r="K5" s="1116">
        <v>231133</v>
      </c>
      <c r="L5" s="1113">
        <v>469831</v>
      </c>
      <c r="M5" s="1114">
        <v>253155</v>
      </c>
      <c r="N5" s="1113">
        <v>216676</v>
      </c>
    </row>
    <row r="6" spans="1:14" s="911" customFormat="1" ht="20.100000000000001" customHeight="1">
      <c r="A6" s="917" t="s">
        <v>713</v>
      </c>
      <c r="B6" s="917" t="s">
        <v>714</v>
      </c>
      <c r="C6" s="1110">
        <v>28611</v>
      </c>
      <c r="D6" s="1111">
        <v>14609</v>
      </c>
      <c r="E6" s="1112">
        <v>14002</v>
      </c>
      <c r="F6" s="1113">
        <v>32684</v>
      </c>
      <c r="G6" s="1114">
        <v>17702</v>
      </c>
      <c r="H6" s="1113">
        <v>14982</v>
      </c>
      <c r="I6" s="1115">
        <v>215726</v>
      </c>
      <c r="J6" s="1114">
        <v>114075</v>
      </c>
      <c r="K6" s="1116">
        <v>101651</v>
      </c>
      <c r="L6" s="1113">
        <v>209665</v>
      </c>
      <c r="M6" s="1114">
        <v>112249</v>
      </c>
      <c r="N6" s="1113">
        <v>97416</v>
      </c>
    </row>
    <row r="7" spans="1:14">
      <c r="A7" s="912"/>
      <c r="B7" s="913" t="s">
        <v>715</v>
      </c>
      <c r="C7" s="1117">
        <v>2561</v>
      </c>
      <c r="D7" s="1118">
        <v>1354</v>
      </c>
      <c r="E7" s="1119">
        <v>1207</v>
      </c>
      <c r="F7" s="1120">
        <v>2407</v>
      </c>
      <c r="G7" s="1121">
        <v>1317</v>
      </c>
      <c r="H7" s="1120">
        <v>1090</v>
      </c>
      <c r="I7" s="1122">
        <v>18782</v>
      </c>
      <c r="J7" s="1122">
        <v>10532</v>
      </c>
      <c r="K7" s="1121">
        <v>8250</v>
      </c>
      <c r="L7" s="1120">
        <v>17421</v>
      </c>
      <c r="M7" s="1121">
        <v>9845</v>
      </c>
      <c r="N7" s="1120">
        <v>7576</v>
      </c>
    </row>
    <row r="8" spans="1:14">
      <c r="A8" s="912"/>
      <c r="B8" s="913" t="s">
        <v>716</v>
      </c>
      <c r="C8" s="1117">
        <v>2009</v>
      </c>
      <c r="D8" s="1118">
        <v>1013</v>
      </c>
      <c r="E8" s="1119">
        <v>996</v>
      </c>
      <c r="F8" s="1120">
        <v>2070</v>
      </c>
      <c r="G8" s="1121">
        <v>1121</v>
      </c>
      <c r="H8" s="1120">
        <v>949</v>
      </c>
      <c r="I8" s="1122">
        <v>17647</v>
      </c>
      <c r="J8" s="1122">
        <v>9385</v>
      </c>
      <c r="K8" s="1121">
        <v>8262</v>
      </c>
      <c r="L8" s="1120">
        <v>16204</v>
      </c>
      <c r="M8" s="1121">
        <v>8844</v>
      </c>
      <c r="N8" s="1120">
        <v>7360</v>
      </c>
    </row>
    <row r="9" spans="1:14">
      <c r="A9" s="912"/>
      <c r="B9" s="913" t="s">
        <v>717</v>
      </c>
      <c r="C9" s="1117">
        <v>847</v>
      </c>
      <c r="D9" s="1118">
        <v>457</v>
      </c>
      <c r="E9" s="1119">
        <v>390</v>
      </c>
      <c r="F9" s="1120">
        <v>856</v>
      </c>
      <c r="G9" s="1121">
        <v>423</v>
      </c>
      <c r="H9" s="1120">
        <v>433</v>
      </c>
      <c r="I9" s="1122">
        <v>9844</v>
      </c>
      <c r="J9" s="1122">
        <v>5325</v>
      </c>
      <c r="K9" s="1121">
        <v>4519</v>
      </c>
      <c r="L9" s="1120">
        <v>8433</v>
      </c>
      <c r="M9" s="1121">
        <v>4546</v>
      </c>
      <c r="N9" s="1120">
        <v>3887</v>
      </c>
    </row>
    <row r="10" spans="1:14">
      <c r="A10" s="912"/>
      <c r="B10" s="914" t="s">
        <v>718</v>
      </c>
      <c r="C10" s="1117">
        <v>1028</v>
      </c>
      <c r="D10" s="1118">
        <v>546</v>
      </c>
      <c r="E10" s="1119">
        <v>482</v>
      </c>
      <c r="F10" s="1120">
        <v>1614</v>
      </c>
      <c r="G10" s="1121">
        <v>984</v>
      </c>
      <c r="H10" s="1120">
        <v>630</v>
      </c>
      <c r="I10" s="1122">
        <v>13546</v>
      </c>
      <c r="J10" s="1122">
        <v>7676</v>
      </c>
      <c r="K10" s="1121">
        <v>5870</v>
      </c>
      <c r="L10" s="1120">
        <v>12900</v>
      </c>
      <c r="M10" s="1121">
        <v>7324</v>
      </c>
      <c r="N10" s="1120">
        <v>5576</v>
      </c>
    </row>
    <row r="11" spans="1:14">
      <c r="A11" s="912"/>
      <c r="B11" s="914" t="s">
        <v>719</v>
      </c>
      <c r="C11" s="1117">
        <v>1317</v>
      </c>
      <c r="D11" s="1118">
        <v>614</v>
      </c>
      <c r="E11" s="1119">
        <v>703</v>
      </c>
      <c r="F11" s="1120">
        <v>2228</v>
      </c>
      <c r="G11" s="1121">
        <v>1235</v>
      </c>
      <c r="H11" s="1120">
        <v>993</v>
      </c>
      <c r="I11" s="1122">
        <v>13328</v>
      </c>
      <c r="J11" s="1122">
        <v>7113</v>
      </c>
      <c r="K11" s="1121">
        <v>6215</v>
      </c>
      <c r="L11" s="1120">
        <v>12195</v>
      </c>
      <c r="M11" s="1121">
        <v>6451</v>
      </c>
      <c r="N11" s="1120">
        <v>5744</v>
      </c>
    </row>
    <row r="12" spans="1:14" ht="15" customHeight="1">
      <c r="A12" s="912"/>
      <c r="B12" s="914" t="s">
        <v>721</v>
      </c>
      <c r="C12" s="1117">
        <v>1465</v>
      </c>
      <c r="D12" s="1118">
        <v>779</v>
      </c>
      <c r="E12" s="1119">
        <v>686</v>
      </c>
      <c r="F12" s="1120">
        <v>2064</v>
      </c>
      <c r="G12" s="1121">
        <v>1098</v>
      </c>
      <c r="H12" s="1120">
        <v>966</v>
      </c>
      <c r="I12" s="1122">
        <v>11726</v>
      </c>
      <c r="J12" s="1122">
        <v>6319</v>
      </c>
      <c r="K12" s="1121">
        <v>5407</v>
      </c>
      <c r="L12" s="1120">
        <v>11233</v>
      </c>
      <c r="M12" s="1121">
        <v>6081</v>
      </c>
      <c r="N12" s="1120">
        <v>5152</v>
      </c>
    </row>
    <row r="13" spans="1:14">
      <c r="A13" s="912"/>
      <c r="B13" s="914" t="s">
        <v>722</v>
      </c>
      <c r="C13" s="1117">
        <v>1302</v>
      </c>
      <c r="D13" s="1118">
        <v>675</v>
      </c>
      <c r="E13" s="1119">
        <v>627</v>
      </c>
      <c r="F13" s="1120">
        <v>1685</v>
      </c>
      <c r="G13" s="1121">
        <v>936</v>
      </c>
      <c r="H13" s="1120">
        <v>749</v>
      </c>
      <c r="I13" s="1122">
        <v>9323</v>
      </c>
      <c r="J13" s="1122">
        <v>4883</v>
      </c>
      <c r="K13" s="1121">
        <v>4440</v>
      </c>
      <c r="L13" s="1120">
        <v>8845</v>
      </c>
      <c r="M13" s="1121">
        <v>4711</v>
      </c>
      <c r="N13" s="1120">
        <v>4134</v>
      </c>
    </row>
    <row r="14" spans="1:14">
      <c r="A14" s="912"/>
      <c r="B14" s="914" t="s">
        <v>723</v>
      </c>
      <c r="C14" s="1117">
        <v>1242</v>
      </c>
      <c r="D14" s="1118">
        <v>628</v>
      </c>
      <c r="E14" s="1119">
        <v>614</v>
      </c>
      <c r="F14" s="1120">
        <v>1936</v>
      </c>
      <c r="G14" s="1121">
        <v>1043</v>
      </c>
      <c r="H14" s="1120">
        <v>893</v>
      </c>
      <c r="I14" s="1122">
        <v>8674</v>
      </c>
      <c r="J14" s="1122">
        <v>4477</v>
      </c>
      <c r="K14" s="1121">
        <v>4197</v>
      </c>
      <c r="L14" s="1120">
        <v>8797</v>
      </c>
      <c r="M14" s="1121">
        <v>4628</v>
      </c>
      <c r="N14" s="1120">
        <v>4169</v>
      </c>
    </row>
    <row r="15" spans="1:14">
      <c r="A15" s="912"/>
      <c r="B15" s="914" t="s">
        <v>724</v>
      </c>
      <c r="C15" s="1117">
        <v>3446</v>
      </c>
      <c r="D15" s="1118">
        <v>1812</v>
      </c>
      <c r="E15" s="1119">
        <v>1634</v>
      </c>
      <c r="F15" s="1120">
        <v>2477</v>
      </c>
      <c r="G15" s="1121">
        <v>1275</v>
      </c>
      <c r="H15" s="1120">
        <v>1202</v>
      </c>
      <c r="I15" s="1122">
        <v>24059</v>
      </c>
      <c r="J15" s="1122">
        <v>12346</v>
      </c>
      <c r="K15" s="1121">
        <v>11713</v>
      </c>
      <c r="L15" s="1120">
        <v>23213</v>
      </c>
      <c r="M15" s="1121">
        <v>12239</v>
      </c>
      <c r="N15" s="1120">
        <v>10974</v>
      </c>
    </row>
    <row r="16" spans="1:14">
      <c r="A16" s="912"/>
      <c r="B16" s="914" t="s">
        <v>725</v>
      </c>
      <c r="C16" s="1117">
        <v>2108</v>
      </c>
      <c r="D16" s="1118">
        <v>1069</v>
      </c>
      <c r="E16" s="1119">
        <v>1039</v>
      </c>
      <c r="F16" s="1120">
        <v>2248</v>
      </c>
      <c r="G16" s="1121">
        <v>1219</v>
      </c>
      <c r="H16" s="1120">
        <v>1029</v>
      </c>
      <c r="I16" s="1122">
        <v>13990</v>
      </c>
      <c r="J16" s="1122">
        <v>7320</v>
      </c>
      <c r="K16" s="1121">
        <v>6670</v>
      </c>
      <c r="L16" s="1120">
        <v>12830</v>
      </c>
      <c r="M16" s="1121">
        <v>6865</v>
      </c>
      <c r="N16" s="1120">
        <v>5965</v>
      </c>
    </row>
    <row r="17" spans="1:14">
      <c r="A17" s="912"/>
      <c r="B17" s="914" t="s">
        <v>726</v>
      </c>
      <c r="C17" s="1117">
        <v>1396</v>
      </c>
      <c r="D17" s="1118">
        <v>704</v>
      </c>
      <c r="E17" s="1119">
        <v>692</v>
      </c>
      <c r="F17" s="1120">
        <v>1993</v>
      </c>
      <c r="G17" s="1121">
        <v>1110</v>
      </c>
      <c r="H17" s="1120">
        <v>883</v>
      </c>
      <c r="I17" s="1122">
        <v>9656</v>
      </c>
      <c r="J17" s="1122">
        <v>4933</v>
      </c>
      <c r="K17" s="1121">
        <v>4723</v>
      </c>
      <c r="L17" s="1120">
        <v>9622</v>
      </c>
      <c r="M17" s="1121">
        <v>5043</v>
      </c>
      <c r="N17" s="1120">
        <v>4579</v>
      </c>
    </row>
    <row r="18" spans="1:14">
      <c r="A18" s="912"/>
      <c r="B18" s="914" t="s">
        <v>727</v>
      </c>
      <c r="C18" s="1117">
        <v>1638</v>
      </c>
      <c r="D18" s="1118">
        <v>807</v>
      </c>
      <c r="E18" s="1119">
        <v>831</v>
      </c>
      <c r="F18" s="1120">
        <v>2581</v>
      </c>
      <c r="G18" s="1121">
        <v>1429</v>
      </c>
      <c r="H18" s="1120">
        <v>1152</v>
      </c>
      <c r="I18" s="1122">
        <v>10279</v>
      </c>
      <c r="J18" s="1122">
        <v>5245</v>
      </c>
      <c r="K18" s="1121">
        <v>5034</v>
      </c>
      <c r="L18" s="1120">
        <v>10097</v>
      </c>
      <c r="M18" s="1121">
        <v>5214</v>
      </c>
      <c r="N18" s="1120">
        <v>4883</v>
      </c>
    </row>
    <row r="19" spans="1:14">
      <c r="A19" s="912"/>
      <c r="B19" s="914" t="s">
        <v>728</v>
      </c>
      <c r="C19" s="1117">
        <v>1455</v>
      </c>
      <c r="D19" s="1118">
        <v>693</v>
      </c>
      <c r="E19" s="1119">
        <v>762</v>
      </c>
      <c r="F19" s="1120">
        <v>1440</v>
      </c>
      <c r="G19" s="1121">
        <v>764</v>
      </c>
      <c r="H19" s="1120">
        <v>676</v>
      </c>
      <c r="I19" s="1122">
        <v>9691</v>
      </c>
      <c r="J19" s="1122">
        <v>4977</v>
      </c>
      <c r="K19" s="1121">
        <v>4714</v>
      </c>
      <c r="L19" s="1120">
        <v>9656</v>
      </c>
      <c r="M19" s="1121">
        <v>5021</v>
      </c>
      <c r="N19" s="1120">
        <v>4635</v>
      </c>
    </row>
    <row r="20" spans="1:14">
      <c r="A20" s="912"/>
      <c r="B20" s="914" t="s">
        <v>729</v>
      </c>
      <c r="C20" s="1117">
        <v>798</v>
      </c>
      <c r="D20" s="1118">
        <v>421</v>
      </c>
      <c r="E20" s="1119">
        <v>377</v>
      </c>
      <c r="F20" s="1120">
        <v>1270</v>
      </c>
      <c r="G20" s="1121">
        <v>668</v>
      </c>
      <c r="H20" s="1120">
        <v>602</v>
      </c>
      <c r="I20" s="1122">
        <v>5230</v>
      </c>
      <c r="J20" s="1122">
        <v>2716</v>
      </c>
      <c r="K20" s="1121">
        <v>2514</v>
      </c>
      <c r="L20" s="1120">
        <v>5410</v>
      </c>
      <c r="M20" s="1121">
        <v>2859</v>
      </c>
      <c r="N20" s="1120">
        <v>2551</v>
      </c>
    </row>
    <row r="21" spans="1:14">
      <c r="A21" s="912"/>
      <c r="B21" s="914" t="s">
        <v>730</v>
      </c>
      <c r="C21" s="1117">
        <v>814</v>
      </c>
      <c r="D21" s="1118">
        <v>414</v>
      </c>
      <c r="E21" s="1119">
        <v>400</v>
      </c>
      <c r="F21" s="1120">
        <v>1134</v>
      </c>
      <c r="G21" s="1121">
        <v>631</v>
      </c>
      <c r="H21" s="1120">
        <v>503</v>
      </c>
      <c r="I21" s="1122">
        <v>5476</v>
      </c>
      <c r="J21" s="1122">
        <v>2907</v>
      </c>
      <c r="K21" s="1121">
        <v>2569</v>
      </c>
      <c r="L21" s="1120">
        <v>5631</v>
      </c>
      <c r="M21" s="1121">
        <v>2994</v>
      </c>
      <c r="N21" s="1120">
        <v>2637</v>
      </c>
    </row>
    <row r="22" spans="1:14">
      <c r="A22" s="912"/>
      <c r="B22" s="914" t="s">
        <v>731</v>
      </c>
      <c r="C22" s="1117">
        <v>1103</v>
      </c>
      <c r="D22" s="1118">
        <v>565</v>
      </c>
      <c r="E22" s="1119">
        <v>538</v>
      </c>
      <c r="F22" s="1120">
        <v>1477</v>
      </c>
      <c r="G22" s="1121">
        <v>805</v>
      </c>
      <c r="H22" s="1120">
        <v>672</v>
      </c>
      <c r="I22" s="1122">
        <v>6308</v>
      </c>
      <c r="J22" s="1122">
        <v>3268</v>
      </c>
      <c r="K22" s="1121">
        <v>3040</v>
      </c>
      <c r="L22" s="1120">
        <v>6640</v>
      </c>
      <c r="M22" s="1121">
        <v>3469</v>
      </c>
      <c r="N22" s="1120">
        <v>3171</v>
      </c>
    </row>
    <row r="23" spans="1:14">
      <c r="A23" s="912"/>
      <c r="B23" s="914" t="s">
        <v>732</v>
      </c>
      <c r="C23" s="1117">
        <v>2344</v>
      </c>
      <c r="D23" s="1118">
        <v>1189</v>
      </c>
      <c r="E23" s="1119">
        <v>1155</v>
      </c>
      <c r="F23" s="1120">
        <v>1990</v>
      </c>
      <c r="G23" s="1121">
        <v>993</v>
      </c>
      <c r="H23" s="1120">
        <v>997</v>
      </c>
      <c r="I23" s="1122">
        <v>17032</v>
      </c>
      <c r="J23" s="1122">
        <v>8806</v>
      </c>
      <c r="K23" s="1121">
        <v>8226</v>
      </c>
      <c r="L23" s="1120">
        <v>18005</v>
      </c>
      <c r="M23" s="1121">
        <v>9470</v>
      </c>
      <c r="N23" s="1120">
        <v>8535</v>
      </c>
    </row>
    <row r="24" spans="1:14">
      <c r="A24" s="912"/>
      <c r="B24" s="914" t="s">
        <v>334</v>
      </c>
      <c r="C24" s="1117">
        <v>1738</v>
      </c>
      <c r="D24" s="1118">
        <v>869</v>
      </c>
      <c r="E24" s="1119">
        <v>869</v>
      </c>
      <c r="F24" s="1120">
        <v>1214</v>
      </c>
      <c r="G24" s="1121">
        <v>651</v>
      </c>
      <c r="H24" s="1120">
        <v>563</v>
      </c>
      <c r="I24" s="1122">
        <v>11135</v>
      </c>
      <c r="J24" s="1122">
        <v>5847</v>
      </c>
      <c r="K24" s="1121">
        <v>5288</v>
      </c>
      <c r="L24" s="1120">
        <v>12533</v>
      </c>
      <c r="M24" s="1121">
        <v>6645</v>
      </c>
      <c r="N24" s="1120">
        <v>5888</v>
      </c>
    </row>
    <row r="25" spans="1:14" s="911" customFormat="1" ht="20.100000000000001" customHeight="1">
      <c r="A25" s="917" t="s">
        <v>733</v>
      </c>
      <c r="B25" s="917" t="s">
        <v>734</v>
      </c>
      <c r="C25" s="1110">
        <v>14136</v>
      </c>
      <c r="D25" s="1111">
        <v>7211</v>
      </c>
      <c r="E25" s="1112">
        <v>6925</v>
      </c>
      <c r="F25" s="1113">
        <v>11142</v>
      </c>
      <c r="G25" s="1114">
        <v>6037</v>
      </c>
      <c r="H25" s="1113">
        <v>5105</v>
      </c>
      <c r="I25" s="1115">
        <v>107936</v>
      </c>
      <c r="J25" s="1115">
        <v>57760</v>
      </c>
      <c r="K25" s="1114">
        <v>50176</v>
      </c>
      <c r="L25" s="1113">
        <v>97150</v>
      </c>
      <c r="M25" s="1114">
        <v>52760</v>
      </c>
      <c r="N25" s="1113">
        <v>44390</v>
      </c>
    </row>
    <row r="26" spans="1:14">
      <c r="A26" s="912"/>
      <c r="B26" s="914" t="s">
        <v>735</v>
      </c>
      <c r="C26" s="1117">
        <v>1836</v>
      </c>
      <c r="D26" s="1118">
        <v>950</v>
      </c>
      <c r="E26" s="1119">
        <v>886</v>
      </c>
      <c r="F26" s="1120">
        <v>2308</v>
      </c>
      <c r="G26" s="1121">
        <v>1342</v>
      </c>
      <c r="H26" s="1120">
        <v>966</v>
      </c>
      <c r="I26" s="1122">
        <v>17298</v>
      </c>
      <c r="J26" s="1122">
        <v>10412</v>
      </c>
      <c r="K26" s="1121">
        <v>6886</v>
      </c>
      <c r="L26" s="1120">
        <v>13600</v>
      </c>
      <c r="M26" s="1121">
        <v>8165</v>
      </c>
      <c r="N26" s="1120">
        <v>5435</v>
      </c>
    </row>
    <row r="27" spans="1:14">
      <c r="A27" s="912"/>
      <c r="B27" s="914" t="s">
        <v>736</v>
      </c>
      <c r="C27" s="1117">
        <v>1733</v>
      </c>
      <c r="D27" s="1118">
        <v>927</v>
      </c>
      <c r="E27" s="1119">
        <v>806</v>
      </c>
      <c r="F27" s="1120">
        <v>1428</v>
      </c>
      <c r="G27" s="1121">
        <v>765</v>
      </c>
      <c r="H27" s="1120">
        <v>663</v>
      </c>
      <c r="I27" s="1122">
        <v>12023</v>
      </c>
      <c r="J27" s="1122">
        <v>6587</v>
      </c>
      <c r="K27" s="1121">
        <v>5436</v>
      </c>
      <c r="L27" s="1120">
        <v>9713</v>
      </c>
      <c r="M27" s="1121">
        <v>5399</v>
      </c>
      <c r="N27" s="1120">
        <v>4314</v>
      </c>
    </row>
    <row r="28" spans="1:14">
      <c r="A28" s="912"/>
      <c r="B28" s="914" t="s">
        <v>737</v>
      </c>
      <c r="C28" s="1117">
        <v>2958</v>
      </c>
      <c r="D28" s="1118">
        <v>1476</v>
      </c>
      <c r="E28" s="1119">
        <v>1482</v>
      </c>
      <c r="F28" s="1120">
        <v>1569</v>
      </c>
      <c r="G28" s="1121">
        <v>848</v>
      </c>
      <c r="H28" s="1120">
        <v>721</v>
      </c>
      <c r="I28" s="1122">
        <v>21420</v>
      </c>
      <c r="J28" s="1122">
        <v>11121</v>
      </c>
      <c r="K28" s="1121">
        <v>10299</v>
      </c>
      <c r="L28" s="1120">
        <v>19903</v>
      </c>
      <c r="M28" s="1121">
        <v>10710</v>
      </c>
      <c r="N28" s="1120">
        <v>9193</v>
      </c>
    </row>
    <row r="29" spans="1:14">
      <c r="A29" s="912"/>
      <c r="B29" s="914" t="s">
        <v>738</v>
      </c>
      <c r="C29" s="1117">
        <v>2362</v>
      </c>
      <c r="D29" s="1118">
        <v>1173</v>
      </c>
      <c r="E29" s="1119">
        <v>1189</v>
      </c>
      <c r="F29" s="1120">
        <v>1553</v>
      </c>
      <c r="G29" s="1121">
        <v>807</v>
      </c>
      <c r="H29" s="1120">
        <v>746</v>
      </c>
      <c r="I29" s="1122">
        <v>16426</v>
      </c>
      <c r="J29" s="1122">
        <v>8605</v>
      </c>
      <c r="K29" s="1121">
        <v>7821</v>
      </c>
      <c r="L29" s="1120">
        <v>15889</v>
      </c>
      <c r="M29" s="1121">
        <v>8467</v>
      </c>
      <c r="N29" s="1120">
        <v>7422</v>
      </c>
    </row>
    <row r="30" spans="1:14">
      <c r="A30" s="912"/>
      <c r="B30" s="914" t="s">
        <v>739</v>
      </c>
      <c r="C30" s="1117">
        <v>1910</v>
      </c>
      <c r="D30" s="1118">
        <v>984</v>
      </c>
      <c r="E30" s="1119">
        <v>926</v>
      </c>
      <c r="F30" s="1120">
        <v>1523</v>
      </c>
      <c r="G30" s="1121">
        <v>832</v>
      </c>
      <c r="H30" s="1120">
        <v>691</v>
      </c>
      <c r="I30" s="1122">
        <v>15830</v>
      </c>
      <c r="J30" s="1122">
        <v>8322</v>
      </c>
      <c r="K30" s="1121">
        <v>7508</v>
      </c>
      <c r="L30" s="1120">
        <v>15352</v>
      </c>
      <c r="M30" s="1121">
        <v>8287</v>
      </c>
      <c r="N30" s="1120">
        <v>7065</v>
      </c>
    </row>
    <row r="31" spans="1:14">
      <c r="A31" s="912"/>
      <c r="B31" s="914" t="s">
        <v>338</v>
      </c>
      <c r="C31" s="1117">
        <v>2017</v>
      </c>
      <c r="D31" s="1118">
        <v>1038</v>
      </c>
      <c r="E31" s="1119">
        <v>979</v>
      </c>
      <c r="F31" s="1120">
        <v>1470</v>
      </c>
      <c r="G31" s="1121">
        <v>767</v>
      </c>
      <c r="H31" s="1120">
        <v>703</v>
      </c>
      <c r="I31" s="1122">
        <v>14512</v>
      </c>
      <c r="J31" s="1122">
        <v>7397</v>
      </c>
      <c r="K31" s="1121">
        <v>7115</v>
      </c>
      <c r="L31" s="1120">
        <v>13114</v>
      </c>
      <c r="M31" s="1121">
        <v>6827</v>
      </c>
      <c r="N31" s="1120">
        <v>6287</v>
      </c>
    </row>
    <row r="32" spans="1:14">
      <c r="A32" s="912"/>
      <c r="B32" s="914" t="s">
        <v>740</v>
      </c>
      <c r="C32" s="1117">
        <v>1320</v>
      </c>
      <c r="D32" s="1118">
        <v>663</v>
      </c>
      <c r="E32" s="1119">
        <v>657</v>
      </c>
      <c r="F32" s="1120">
        <v>1291</v>
      </c>
      <c r="G32" s="1121">
        <v>676</v>
      </c>
      <c r="H32" s="1120">
        <v>615</v>
      </c>
      <c r="I32" s="1122">
        <v>10427</v>
      </c>
      <c r="J32" s="1122">
        <v>5316</v>
      </c>
      <c r="K32" s="1121">
        <v>5111</v>
      </c>
      <c r="L32" s="1120">
        <v>9579</v>
      </c>
      <c r="M32" s="1121">
        <v>4905</v>
      </c>
      <c r="N32" s="1120">
        <v>4674</v>
      </c>
    </row>
    <row r="33" spans="1:14" s="897" customFormat="1" ht="20.100000000000001" customHeight="1">
      <c r="A33" s="1449" t="s">
        <v>741</v>
      </c>
      <c r="B33" s="1450"/>
      <c r="C33" s="1123">
        <v>4190</v>
      </c>
      <c r="D33" s="1124">
        <v>2176</v>
      </c>
      <c r="E33" s="1125">
        <v>2014</v>
      </c>
      <c r="F33" s="1113">
        <v>8366</v>
      </c>
      <c r="G33" s="1114">
        <v>4319</v>
      </c>
      <c r="H33" s="1113">
        <v>4047</v>
      </c>
      <c r="I33" s="1115">
        <v>27716</v>
      </c>
      <c r="J33" s="1114">
        <v>15510</v>
      </c>
      <c r="K33" s="1116">
        <v>12206</v>
      </c>
      <c r="L33" s="1113">
        <v>27935</v>
      </c>
      <c r="M33" s="1114">
        <v>15657</v>
      </c>
      <c r="N33" s="1113">
        <v>12278</v>
      </c>
    </row>
    <row r="34" spans="1:14">
      <c r="A34" s="912"/>
      <c r="B34" s="914" t="s">
        <v>742</v>
      </c>
      <c r="C34" s="1126">
        <v>2462</v>
      </c>
      <c r="D34" s="1127">
        <v>1269</v>
      </c>
      <c r="E34" s="1128">
        <v>1193</v>
      </c>
      <c r="F34" s="1120">
        <v>4706</v>
      </c>
      <c r="G34" s="1121">
        <v>2470</v>
      </c>
      <c r="H34" s="1120">
        <v>2236</v>
      </c>
      <c r="I34" s="1122">
        <v>14917</v>
      </c>
      <c r="J34" s="1121">
        <v>9193</v>
      </c>
      <c r="K34" s="1129">
        <v>5724</v>
      </c>
      <c r="L34" s="1120">
        <v>15835</v>
      </c>
      <c r="M34" s="1121">
        <v>9719</v>
      </c>
      <c r="N34" s="1120">
        <v>6116</v>
      </c>
    </row>
    <row r="35" spans="1:14">
      <c r="A35" s="912"/>
      <c r="B35" s="914" t="s">
        <v>743</v>
      </c>
      <c r="C35" s="1126">
        <v>1012</v>
      </c>
      <c r="D35" s="1127">
        <v>528</v>
      </c>
      <c r="E35" s="1128">
        <v>484</v>
      </c>
      <c r="F35" s="1120">
        <v>1990</v>
      </c>
      <c r="G35" s="1121">
        <v>1002</v>
      </c>
      <c r="H35" s="1120">
        <v>988</v>
      </c>
      <c r="I35" s="1122">
        <v>7753</v>
      </c>
      <c r="J35" s="1121">
        <v>3848</v>
      </c>
      <c r="K35" s="1129">
        <v>3905</v>
      </c>
      <c r="L35" s="1120">
        <v>6925</v>
      </c>
      <c r="M35" s="1121">
        <v>3412</v>
      </c>
      <c r="N35" s="1120">
        <v>3513</v>
      </c>
    </row>
    <row r="36" spans="1:14">
      <c r="A36" s="912"/>
      <c r="B36" s="914" t="s">
        <v>744</v>
      </c>
      <c r="C36" s="1126">
        <v>347</v>
      </c>
      <c r="D36" s="1127">
        <v>171</v>
      </c>
      <c r="E36" s="1128">
        <v>176</v>
      </c>
      <c r="F36" s="1120">
        <v>695</v>
      </c>
      <c r="G36" s="1121">
        <v>351</v>
      </c>
      <c r="H36" s="1120">
        <v>344</v>
      </c>
      <c r="I36" s="1122">
        <v>2514</v>
      </c>
      <c r="J36" s="1121">
        <v>1232</v>
      </c>
      <c r="K36" s="1129">
        <v>1282</v>
      </c>
      <c r="L36" s="1120">
        <v>2403</v>
      </c>
      <c r="M36" s="1121">
        <v>1155</v>
      </c>
      <c r="N36" s="1120">
        <v>1248</v>
      </c>
    </row>
    <row r="37" spans="1:14">
      <c r="A37" s="912"/>
      <c r="B37" s="914" t="s">
        <v>745</v>
      </c>
      <c r="C37" s="1126">
        <v>201</v>
      </c>
      <c r="D37" s="1127">
        <v>113</v>
      </c>
      <c r="E37" s="1128">
        <v>88</v>
      </c>
      <c r="F37" s="1120">
        <v>636</v>
      </c>
      <c r="G37" s="1121">
        <v>345</v>
      </c>
      <c r="H37" s="1120">
        <v>291</v>
      </c>
      <c r="I37" s="1122">
        <v>1146</v>
      </c>
      <c r="J37" s="1121">
        <v>592</v>
      </c>
      <c r="K37" s="1129">
        <v>554</v>
      </c>
      <c r="L37" s="1120">
        <v>1434</v>
      </c>
      <c r="M37" s="1121">
        <v>735</v>
      </c>
      <c r="N37" s="1120">
        <v>699</v>
      </c>
    </row>
    <row r="38" spans="1:14">
      <c r="A38" s="912"/>
      <c r="B38" s="914" t="s">
        <v>746</v>
      </c>
      <c r="C38" s="1126">
        <v>168</v>
      </c>
      <c r="D38" s="1127">
        <v>95</v>
      </c>
      <c r="E38" s="1128">
        <v>73</v>
      </c>
      <c r="F38" s="1120">
        <v>339</v>
      </c>
      <c r="G38" s="1121">
        <v>151</v>
      </c>
      <c r="H38" s="1120">
        <v>188</v>
      </c>
      <c r="I38" s="1122">
        <v>1386</v>
      </c>
      <c r="J38" s="1121">
        <v>645</v>
      </c>
      <c r="K38" s="1129">
        <v>741</v>
      </c>
      <c r="L38" s="1120">
        <v>1338</v>
      </c>
      <c r="M38" s="1121">
        <v>636</v>
      </c>
      <c r="N38" s="1120">
        <v>702</v>
      </c>
    </row>
    <row r="39" spans="1:14" s="897" customFormat="1" ht="20.100000000000001" customHeight="1">
      <c r="A39" s="1449" t="s">
        <v>747</v>
      </c>
      <c r="B39" s="1450"/>
      <c r="C39" s="1123">
        <v>11521</v>
      </c>
      <c r="D39" s="1124">
        <v>5876</v>
      </c>
      <c r="E39" s="1125">
        <v>5645</v>
      </c>
      <c r="F39" s="1113">
        <v>13190</v>
      </c>
      <c r="G39" s="1114">
        <v>7366</v>
      </c>
      <c r="H39" s="1113">
        <v>5824</v>
      </c>
      <c r="I39" s="1115">
        <v>77857</v>
      </c>
      <c r="J39" s="1114">
        <v>42461</v>
      </c>
      <c r="K39" s="1116">
        <v>35396</v>
      </c>
      <c r="L39" s="1113">
        <v>72580</v>
      </c>
      <c r="M39" s="1114">
        <v>39173</v>
      </c>
      <c r="N39" s="1113">
        <v>33407</v>
      </c>
    </row>
    <row r="40" spans="1:14" s="897" customFormat="1">
      <c r="A40" s="1451" t="s">
        <v>748</v>
      </c>
      <c r="B40" s="1452"/>
      <c r="C40" s="1126">
        <v>5130</v>
      </c>
      <c r="D40" s="1126">
        <v>2587</v>
      </c>
      <c r="E40" s="1126">
        <v>2543</v>
      </c>
      <c r="F40" s="1126">
        <v>6099</v>
      </c>
      <c r="G40" s="1126">
        <v>3386</v>
      </c>
      <c r="H40" s="1126">
        <v>2713</v>
      </c>
      <c r="I40" s="1126">
        <v>35207</v>
      </c>
      <c r="J40" s="1121">
        <v>18689</v>
      </c>
      <c r="K40" s="1126">
        <v>16518</v>
      </c>
      <c r="L40" s="1126">
        <v>33027</v>
      </c>
      <c r="M40" s="1126">
        <v>17368</v>
      </c>
      <c r="N40" s="1126">
        <v>15659</v>
      </c>
    </row>
    <row r="41" spans="1:14" s="897" customFormat="1">
      <c r="A41" s="910"/>
      <c r="B41" s="914" t="s">
        <v>749</v>
      </c>
      <c r="C41" s="1126">
        <v>1119</v>
      </c>
      <c r="D41" s="1126">
        <v>559</v>
      </c>
      <c r="E41" s="1126">
        <v>560</v>
      </c>
      <c r="F41" s="1126">
        <v>1508</v>
      </c>
      <c r="G41" s="1126">
        <v>837</v>
      </c>
      <c r="H41" s="1126">
        <v>671</v>
      </c>
      <c r="I41" s="1126">
        <v>7097</v>
      </c>
      <c r="J41" s="1121">
        <v>3878</v>
      </c>
      <c r="K41" s="1126">
        <v>3219</v>
      </c>
      <c r="L41" s="1126">
        <v>7434</v>
      </c>
      <c r="M41" s="1126">
        <v>3918</v>
      </c>
      <c r="N41" s="1126">
        <v>3516</v>
      </c>
    </row>
    <row r="42" spans="1:14" s="897" customFormat="1">
      <c r="A42" s="910"/>
      <c r="B42" s="914" t="s">
        <v>751</v>
      </c>
      <c r="C42" s="1126">
        <v>1949</v>
      </c>
      <c r="D42" s="1126">
        <v>992</v>
      </c>
      <c r="E42" s="1126">
        <v>957</v>
      </c>
      <c r="F42" s="1126">
        <v>2290</v>
      </c>
      <c r="G42" s="1126">
        <v>1305</v>
      </c>
      <c r="H42" s="1126">
        <v>985</v>
      </c>
      <c r="I42" s="1126">
        <v>13181</v>
      </c>
      <c r="J42" s="1121">
        <v>7067</v>
      </c>
      <c r="K42" s="1126">
        <v>6114</v>
      </c>
      <c r="L42" s="1126">
        <v>12008</v>
      </c>
      <c r="M42" s="1126">
        <v>6372</v>
      </c>
      <c r="N42" s="1126">
        <v>5636</v>
      </c>
    </row>
    <row r="43" spans="1:14" s="897" customFormat="1" ht="18.75" customHeight="1">
      <c r="A43" s="910"/>
      <c r="B43" s="915" t="s">
        <v>752</v>
      </c>
      <c r="C43" s="1130">
        <v>2062</v>
      </c>
      <c r="D43" s="1130">
        <v>1036</v>
      </c>
      <c r="E43" s="1130">
        <v>1026</v>
      </c>
      <c r="F43" s="1131">
        <v>2301</v>
      </c>
      <c r="G43" s="1130">
        <v>1244</v>
      </c>
      <c r="H43" s="1131">
        <v>1057</v>
      </c>
      <c r="I43" s="1130">
        <v>14929</v>
      </c>
      <c r="J43" s="1132">
        <v>7744</v>
      </c>
      <c r="K43" s="1130">
        <v>7185</v>
      </c>
      <c r="L43" s="1131">
        <v>13585</v>
      </c>
      <c r="M43" s="1130">
        <v>7078</v>
      </c>
      <c r="N43" s="1130">
        <v>6507</v>
      </c>
    </row>
    <row r="44" spans="1:14">
      <c r="A44" s="912"/>
      <c r="B44" s="914" t="s">
        <v>753</v>
      </c>
      <c r="C44" s="1126">
        <v>1612</v>
      </c>
      <c r="D44" s="1126">
        <v>866</v>
      </c>
      <c r="E44" s="1126">
        <v>746</v>
      </c>
      <c r="F44" s="1121">
        <v>1842</v>
      </c>
      <c r="G44" s="1122">
        <v>1052</v>
      </c>
      <c r="H44" s="1121">
        <v>790</v>
      </c>
      <c r="I44" s="1122">
        <v>10989</v>
      </c>
      <c r="J44" s="1121">
        <v>6425</v>
      </c>
      <c r="K44" s="1120">
        <v>4564</v>
      </c>
      <c r="L44" s="1121">
        <v>10471</v>
      </c>
      <c r="M44" s="1122">
        <v>5971</v>
      </c>
      <c r="N44" s="1122">
        <v>4500</v>
      </c>
    </row>
    <row r="45" spans="1:14">
      <c r="A45" s="912"/>
      <c r="B45" s="914" t="s">
        <v>754</v>
      </c>
      <c r="C45" s="1126">
        <v>1980</v>
      </c>
      <c r="D45" s="1127">
        <v>995</v>
      </c>
      <c r="E45" s="1128">
        <v>985</v>
      </c>
      <c r="F45" s="1120">
        <v>1960</v>
      </c>
      <c r="G45" s="1121">
        <v>1076</v>
      </c>
      <c r="H45" s="1120">
        <v>884</v>
      </c>
      <c r="I45" s="1122">
        <v>12399</v>
      </c>
      <c r="J45" s="1121">
        <v>6607</v>
      </c>
      <c r="K45" s="1129">
        <v>5792</v>
      </c>
      <c r="L45" s="1120">
        <v>11179</v>
      </c>
      <c r="M45" s="1121">
        <v>6019</v>
      </c>
      <c r="N45" s="1120">
        <v>5160</v>
      </c>
    </row>
    <row r="46" spans="1:14">
      <c r="A46" s="912"/>
      <c r="B46" s="914" t="s">
        <v>755</v>
      </c>
      <c r="C46" s="1126">
        <v>1016</v>
      </c>
      <c r="D46" s="1127">
        <v>504</v>
      </c>
      <c r="E46" s="1128">
        <v>512</v>
      </c>
      <c r="F46" s="1120">
        <v>980</v>
      </c>
      <c r="G46" s="1121">
        <v>544</v>
      </c>
      <c r="H46" s="1120">
        <v>436</v>
      </c>
      <c r="I46" s="1122">
        <v>6320</v>
      </c>
      <c r="J46" s="1121">
        <v>3490</v>
      </c>
      <c r="K46" s="1129">
        <v>2830</v>
      </c>
      <c r="L46" s="1120">
        <v>5632</v>
      </c>
      <c r="M46" s="1121">
        <v>3024</v>
      </c>
      <c r="N46" s="1120">
        <v>2608</v>
      </c>
    </row>
    <row r="47" spans="1:14">
      <c r="A47" s="912"/>
      <c r="B47" s="914" t="s">
        <v>756</v>
      </c>
      <c r="C47" s="1126">
        <v>958</v>
      </c>
      <c r="D47" s="1127">
        <v>477</v>
      </c>
      <c r="E47" s="1128">
        <v>481</v>
      </c>
      <c r="F47" s="1120">
        <v>1098</v>
      </c>
      <c r="G47" s="1121">
        <v>615</v>
      </c>
      <c r="H47" s="1120">
        <v>483</v>
      </c>
      <c r="I47" s="1122">
        <v>6816</v>
      </c>
      <c r="J47" s="1121">
        <v>3656</v>
      </c>
      <c r="K47" s="1129">
        <v>3160</v>
      </c>
      <c r="L47" s="1120">
        <v>6242</v>
      </c>
      <c r="M47" s="1121">
        <v>3379</v>
      </c>
      <c r="N47" s="1120">
        <v>2863</v>
      </c>
    </row>
    <row r="48" spans="1:14">
      <c r="A48" s="912"/>
      <c r="B48" s="914" t="s">
        <v>340</v>
      </c>
      <c r="C48" s="1126">
        <v>576</v>
      </c>
      <c r="D48" s="1127">
        <v>316</v>
      </c>
      <c r="E48" s="1128">
        <v>260</v>
      </c>
      <c r="F48" s="1120">
        <v>777</v>
      </c>
      <c r="G48" s="1121">
        <v>439</v>
      </c>
      <c r="H48" s="1120">
        <v>338</v>
      </c>
      <c r="I48" s="1122">
        <v>4217</v>
      </c>
      <c r="J48" s="1121">
        <v>2443</v>
      </c>
      <c r="K48" s="1129">
        <v>1774</v>
      </c>
      <c r="L48" s="1120">
        <v>4133</v>
      </c>
      <c r="M48" s="1121">
        <v>2308</v>
      </c>
      <c r="N48" s="1120">
        <v>1825</v>
      </c>
    </row>
    <row r="49" spans="1:16">
      <c r="A49" s="912"/>
      <c r="B49" s="914" t="s">
        <v>757</v>
      </c>
      <c r="C49" s="1126">
        <v>235</v>
      </c>
      <c r="D49" s="1127">
        <v>124</v>
      </c>
      <c r="E49" s="1128">
        <v>111</v>
      </c>
      <c r="F49" s="1120">
        <v>403</v>
      </c>
      <c r="G49" s="1121">
        <v>234</v>
      </c>
      <c r="H49" s="1120">
        <v>169</v>
      </c>
      <c r="I49" s="1122">
        <v>1817</v>
      </c>
      <c r="J49" s="1121">
        <v>1104</v>
      </c>
      <c r="K49" s="1129">
        <v>713</v>
      </c>
      <c r="L49" s="1120">
        <v>1761</v>
      </c>
      <c r="M49" s="1121">
        <v>1040</v>
      </c>
      <c r="N49" s="1120">
        <v>721</v>
      </c>
    </row>
    <row r="50" spans="1:16">
      <c r="A50" s="912"/>
      <c r="B50" s="914" t="s">
        <v>758</v>
      </c>
      <c r="C50" s="1126">
        <v>14</v>
      </c>
      <c r="D50" s="1127">
        <v>7</v>
      </c>
      <c r="E50" s="1128">
        <v>7</v>
      </c>
      <c r="F50" s="1120">
        <v>31</v>
      </c>
      <c r="G50" s="1121">
        <v>20</v>
      </c>
      <c r="H50" s="1120">
        <v>11</v>
      </c>
      <c r="I50" s="1122">
        <v>92</v>
      </c>
      <c r="J50" s="1121">
        <v>47</v>
      </c>
      <c r="K50" s="1129">
        <v>45</v>
      </c>
      <c r="L50" s="1120">
        <v>135</v>
      </c>
      <c r="M50" s="1121">
        <v>64</v>
      </c>
      <c r="N50" s="1120">
        <v>71</v>
      </c>
    </row>
    <row r="51" spans="1:16" s="897" customFormat="1" ht="20.100000000000001" customHeight="1">
      <c r="A51" s="1449" t="s">
        <v>759</v>
      </c>
      <c r="B51" s="1450"/>
      <c r="C51" s="1123">
        <v>9391</v>
      </c>
      <c r="D51" s="1124">
        <v>4753</v>
      </c>
      <c r="E51" s="1125">
        <v>4638</v>
      </c>
      <c r="F51" s="1113">
        <v>11590</v>
      </c>
      <c r="G51" s="1114">
        <v>6186</v>
      </c>
      <c r="H51" s="1113">
        <v>5404</v>
      </c>
      <c r="I51" s="1115">
        <v>53987</v>
      </c>
      <c r="J51" s="1114">
        <v>28843</v>
      </c>
      <c r="K51" s="1116">
        <v>25144</v>
      </c>
      <c r="L51" s="1113">
        <v>48996</v>
      </c>
      <c r="M51" s="1114">
        <v>26407</v>
      </c>
      <c r="N51" s="1113">
        <v>22589</v>
      </c>
    </row>
    <row r="52" spans="1:16">
      <c r="A52" s="912"/>
      <c r="B52" s="914" t="s">
        <v>760</v>
      </c>
      <c r="C52" s="1126">
        <v>1730</v>
      </c>
      <c r="D52" s="1127">
        <v>877</v>
      </c>
      <c r="E52" s="1128">
        <v>853</v>
      </c>
      <c r="F52" s="1120">
        <v>2568</v>
      </c>
      <c r="G52" s="1121">
        <v>1379</v>
      </c>
      <c r="H52" s="1120">
        <v>1189</v>
      </c>
      <c r="I52" s="1122">
        <v>9691</v>
      </c>
      <c r="J52" s="1121">
        <v>5274</v>
      </c>
      <c r="K52" s="1129">
        <v>4417</v>
      </c>
      <c r="L52" s="1120">
        <v>8613</v>
      </c>
      <c r="M52" s="1121">
        <v>4697</v>
      </c>
      <c r="N52" s="1120">
        <v>3916</v>
      </c>
    </row>
    <row r="53" spans="1:16">
      <c r="A53" s="912"/>
      <c r="B53" s="914" t="s">
        <v>342</v>
      </c>
      <c r="C53" s="1126">
        <v>3406</v>
      </c>
      <c r="D53" s="1127">
        <v>1711</v>
      </c>
      <c r="E53" s="1128">
        <v>1695</v>
      </c>
      <c r="F53" s="1120">
        <v>3521</v>
      </c>
      <c r="G53" s="1121">
        <v>1858</v>
      </c>
      <c r="H53" s="1120">
        <v>1663</v>
      </c>
      <c r="I53" s="1122">
        <v>19416</v>
      </c>
      <c r="J53" s="1121">
        <v>10227</v>
      </c>
      <c r="K53" s="1129">
        <v>9189</v>
      </c>
      <c r="L53" s="1120">
        <v>17251</v>
      </c>
      <c r="M53" s="1121">
        <v>9331</v>
      </c>
      <c r="N53" s="1120">
        <v>7920</v>
      </c>
    </row>
    <row r="54" spans="1:16">
      <c r="A54" s="912"/>
      <c r="B54" s="914" t="s">
        <v>761</v>
      </c>
      <c r="C54" s="1126">
        <v>1758</v>
      </c>
      <c r="D54" s="1127">
        <v>881</v>
      </c>
      <c r="E54" s="1128">
        <v>877</v>
      </c>
      <c r="F54" s="1120">
        <v>2083</v>
      </c>
      <c r="G54" s="1121">
        <v>1095</v>
      </c>
      <c r="H54" s="1120">
        <v>988</v>
      </c>
      <c r="I54" s="1122">
        <v>9671</v>
      </c>
      <c r="J54" s="1121">
        <v>4923</v>
      </c>
      <c r="K54" s="1129">
        <v>4748</v>
      </c>
      <c r="L54" s="1120">
        <v>8550</v>
      </c>
      <c r="M54" s="1121">
        <v>4361</v>
      </c>
      <c r="N54" s="1120">
        <v>4189</v>
      </c>
    </row>
    <row r="55" spans="1:16">
      <c r="A55" s="912"/>
      <c r="B55" s="914" t="s">
        <v>762</v>
      </c>
      <c r="C55" s="1126">
        <v>1007</v>
      </c>
      <c r="D55" s="1127">
        <v>515</v>
      </c>
      <c r="E55" s="1128">
        <v>492</v>
      </c>
      <c r="F55" s="1120">
        <v>1454</v>
      </c>
      <c r="G55" s="1121">
        <v>781</v>
      </c>
      <c r="H55" s="1120">
        <v>673</v>
      </c>
      <c r="I55" s="1122">
        <v>5783</v>
      </c>
      <c r="J55" s="1121">
        <v>3224</v>
      </c>
      <c r="K55" s="1129">
        <v>2559</v>
      </c>
      <c r="L55" s="1120">
        <v>5849</v>
      </c>
      <c r="M55" s="1121">
        <v>3201</v>
      </c>
      <c r="N55" s="1120">
        <v>2648</v>
      </c>
    </row>
    <row r="56" spans="1:16">
      <c r="A56" s="912"/>
      <c r="B56" s="914" t="s">
        <v>763</v>
      </c>
      <c r="C56" s="1126">
        <v>770</v>
      </c>
      <c r="D56" s="1127">
        <v>373</v>
      </c>
      <c r="E56" s="1128">
        <v>397</v>
      </c>
      <c r="F56" s="1120">
        <v>837</v>
      </c>
      <c r="G56" s="1121">
        <v>469</v>
      </c>
      <c r="H56" s="1120">
        <v>368</v>
      </c>
      <c r="I56" s="1122">
        <v>5054</v>
      </c>
      <c r="J56" s="1121">
        <v>2879</v>
      </c>
      <c r="K56" s="1129">
        <v>2175</v>
      </c>
      <c r="L56" s="1120">
        <v>4656</v>
      </c>
      <c r="M56" s="1121">
        <v>2647</v>
      </c>
      <c r="N56" s="1120">
        <v>2009</v>
      </c>
    </row>
    <row r="57" spans="1:16">
      <c r="A57" s="912"/>
      <c r="B57" s="914" t="s">
        <v>764</v>
      </c>
      <c r="C57" s="1126">
        <v>382</v>
      </c>
      <c r="D57" s="1127">
        <v>209</v>
      </c>
      <c r="E57" s="1128">
        <v>173</v>
      </c>
      <c r="F57" s="1120">
        <v>432</v>
      </c>
      <c r="G57" s="1121">
        <v>248</v>
      </c>
      <c r="H57" s="1120">
        <v>184</v>
      </c>
      <c r="I57" s="1122">
        <v>2043</v>
      </c>
      <c r="J57" s="1121">
        <v>1120</v>
      </c>
      <c r="K57" s="1129">
        <v>923</v>
      </c>
      <c r="L57" s="1120">
        <v>1915</v>
      </c>
      <c r="M57" s="1121">
        <v>1077</v>
      </c>
      <c r="N57" s="1120">
        <v>838</v>
      </c>
    </row>
    <row r="58" spans="1:16">
      <c r="A58" s="912"/>
      <c r="B58" s="914" t="s">
        <v>765</v>
      </c>
      <c r="C58" s="1126">
        <v>201</v>
      </c>
      <c r="D58" s="1127">
        <v>117</v>
      </c>
      <c r="E58" s="1128">
        <v>84</v>
      </c>
      <c r="F58" s="1120">
        <v>381</v>
      </c>
      <c r="G58" s="1121">
        <v>203</v>
      </c>
      <c r="H58" s="1120">
        <v>178</v>
      </c>
      <c r="I58" s="1122">
        <v>1300</v>
      </c>
      <c r="J58" s="1121">
        <v>666</v>
      </c>
      <c r="K58" s="1129">
        <v>634</v>
      </c>
      <c r="L58" s="1120">
        <v>1112</v>
      </c>
      <c r="M58" s="1121">
        <v>577</v>
      </c>
      <c r="N58" s="1120">
        <v>535</v>
      </c>
    </row>
    <row r="59" spans="1:16">
      <c r="A59" s="912"/>
      <c r="B59" s="914" t="s">
        <v>766</v>
      </c>
      <c r="C59" s="1126">
        <v>137</v>
      </c>
      <c r="D59" s="1127">
        <v>70</v>
      </c>
      <c r="E59" s="1128">
        <v>67</v>
      </c>
      <c r="F59" s="1120">
        <v>314</v>
      </c>
      <c r="G59" s="1121">
        <v>153</v>
      </c>
      <c r="H59" s="1120">
        <v>161</v>
      </c>
      <c r="I59" s="1122">
        <v>1029</v>
      </c>
      <c r="J59" s="1121">
        <v>530</v>
      </c>
      <c r="K59" s="1129">
        <v>499</v>
      </c>
      <c r="L59" s="1120">
        <v>1050</v>
      </c>
      <c r="M59" s="1121">
        <v>516</v>
      </c>
      <c r="N59" s="1120">
        <v>534</v>
      </c>
    </row>
    <row r="60" spans="1:16" s="897" customFormat="1" ht="20.100000000000001" customHeight="1">
      <c r="A60" s="1449" t="s">
        <v>767</v>
      </c>
      <c r="B60" s="1450"/>
      <c r="C60" s="1123">
        <v>2053</v>
      </c>
      <c r="D60" s="1124">
        <v>1056</v>
      </c>
      <c r="E60" s="1125">
        <v>997</v>
      </c>
      <c r="F60" s="1113">
        <v>4013</v>
      </c>
      <c r="G60" s="1114">
        <v>2056</v>
      </c>
      <c r="H60" s="1114">
        <v>1957</v>
      </c>
      <c r="I60" s="1115">
        <v>13571</v>
      </c>
      <c r="J60" s="1114">
        <v>7011</v>
      </c>
      <c r="K60" s="1116">
        <v>6560</v>
      </c>
      <c r="L60" s="1113">
        <v>13505</v>
      </c>
      <c r="M60" s="1114">
        <v>6909</v>
      </c>
      <c r="N60" s="1113">
        <v>6596</v>
      </c>
    </row>
    <row r="61" spans="1:16">
      <c r="A61" s="912"/>
      <c r="B61" s="914" t="s">
        <v>768</v>
      </c>
      <c r="C61" s="1126">
        <v>1273</v>
      </c>
      <c r="D61" s="1127">
        <v>658</v>
      </c>
      <c r="E61" s="1128">
        <v>615</v>
      </c>
      <c r="F61" s="1120">
        <v>2134</v>
      </c>
      <c r="G61" s="1121">
        <v>1110</v>
      </c>
      <c r="H61" s="1120">
        <v>1024</v>
      </c>
      <c r="I61" s="1122">
        <v>6801</v>
      </c>
      <c r="J61" s="1121">
        <v>3606</v>
      </c>
      <c r="K61" s="1129">
        <v>3195</v>
      </c>
      <c r="L61" s="1120">
        <v>7069</v>
      </c>
      <c r="M61" s="1121">
        <v>3719</v>
      </c>
      <c r="N61" s="1120">
        <v>3350</v>
      </c>
    </row>
    <row r="62" spans="1:16">
      <c r="A62" s="912"/>
      <c r="B62" s="914" t="s">
        <v>769</v>
      </c>
      <c r="C62" s="1126">
        <v>252</v>
      </c>
      <c r="D62" s="1127">
        <v>141</v>
      </c>
      <c r="E62" s="1128">
        <v>111</v>
      </c>
      <c r="F62" s="1120">
        <v>454</v>
      </c>
      <c r="G62" s="1121">
        <v>223</v>
      </c>
      <c r="H62" s="1120">
        <v>231</v>
      </c>
      <c r="I62" s="1122">
        <v>1450</v>
      </c>
      <c r="J62" s="1121">
        <v>772</v>
      </c>
      <c r="K62" s="1129">
        <v>678</v>
      </c>
      <c r="L62" s="1120">
        <v>1474</v>
      </c>
      <c r="M62" s="1121">
        <v>787</v>
      </c>
      <c r="N62" s="1120">
        <v>687</v>
      </c>
    </row>
    <row r="63" spans="1:16">
      <c r="A63" s="912"/>
      <c r="B63" s="914" t="s">
        <v>770</v>
      </c>
      <c r="C63" s="1126">
        <v>42</v>
      </c>
      <c r="D63" s="1127">
        <v>21</v>
      </c>
      <c r="E63" s="1128">
        <v>21</v>
      </c>
      <c r="F63" s="1120">
        <v>105</v>
      </c>
      <c r="G63" s="1121">
        <v>55</v>
      </c>
      <c r="H63" s="1120">
        <v>50</v>
      </c>
      <c r="I63" s="1122">
        <v>355</v>
      </c>
      <c r="J63" s="1121">
        <v>198</v>
      </c>
      <c r="K63" s="1129">
        <v>157</v>
      </c>
      <c r="L63" s="1120">
        <v>363</v>
      </c>
      <c r="M63" s="1121">
        <v>178</v>
      </c>
      <c r="N63" s="1120">
        <v>185</v>
      </c>
    </row>
    <row r="64" spans="1:16">
      <c r="A64" s="912"/>
      <c r="B64" s="914" t="s">
        <v>771</v>
      </c>
      <c r="C64" s="1126">
        <v>87</v>
      </c>
      <c r="D64" s="1127">
        <v>38</v>
      </c>
      <c r="E64" s="1128">
        <v>49</v>
      </c>
      <c r="F64" s="1120">
        <v>135</v>
      </c>
      <c r="G64" s="1121">
        <v>72</v>
      </c>
      <c r="H64" s="1120">
        <v>63</v>
      </c>
      <c r="I64" s="1122">
        <v>731</v>
      </c>
      <c r="J64" s="1121">
        <v>388</v>
      </c>
      <c r="K64" s="1129">
        <v>343</v>
      </c>
      <c r="L64" s="1120">
        <v>640</v>
      </c>
      <c r="M64" s="1121">
        <v>333</v>
      </c>
      <c r="N64" s="1120">
        <v>307</v>
      </c>
      <c r="P64" s="132" t="s">
        <v>545</v>
      </c>
    </row>
    <row r="65" spans="1:14">
      <c r="A65" s="912"/>
      <c r="B65" s="914" t="s">
        <v>772</v>
      </c>
      <c r="C65" s="1126">
        <v>59</v>
      </c>
      <c r="D65" s="1127">
        <v>29</v>
      </c>
      <c r="E65" s="1128">
        <v>30</v>
      </c>
      <c r="F65" s="1120">
        <v>143</v>
      </c>
      <c r="G65" s="1121">
        <v>68</v>
      </c>
      <c r="H65" s="1120">
        <v>75</v>
      </c>
      <c r="I65" s="1122">
        <v>414</v>
      </c>
      <c r="J65" s="1121">
        <v>209</v>
      </c>
      <c r="K65" s="1129">
        <v>205</v>
      </c>
      <c r="L65" s="1120">
        <v>398</v>
      </c>
      <c r="M65" s="1121">
        <v>202</v>
      </c>
      <c r="N65" s="1120">
        <v>196</v>
      </c>
    </row>
    <row r="66" spans="1:14">
      <c r="A66" s="912"/>
      <c r="B66" s="914" t="s">
        <v>343</v>
      </c>
      <c r="C66" s="1126">
        <v>38</v>
      </c>
      <c r="D66" s="1127">
        <v>16</v>
      </c>
      <c r="E66" s="1128">
        <v>22</v>
      </c>
      <c r="F66" s="1120">
        <v>174</v>
      </c>
      <c r="G66" s="1121">
        <v>89</v>
      </c>
      <c r="H66" s="1120">
        <v>85</v>
      </c>
      <c r="I66" s="1122">
        <v>193</v>
      </c>
      <c r="J66" s="1121">
        <v>109</v>
      </c>
      <c r="K66" s="1129">
        <v>84</v>
      </c>
      <c r="L66" s="1120">
        <v>317</v>
      </c>
      <c r="M66" s="1121">
        <v>149</v>
      </c>
      <c r="N66" s="1120">
        <v>168</v>
      </c>
    </row>
    <row r="67" spans="1:14">
      <c r="A67" s="912"/>
      <c r="B67" s="914" t="s">
        <v>336</v>
      </c>
      <c r="C67" s="1126">
        <v>159</v>
      </c>
      <c r="D67" s="1127">
        <v>88</v>
      </c>
      <c r="E67" s="1128">
        <v>71</v>
      </c>
      <c r="F67" s="1120">
        <v>164</v>
      </c>
      <c r="G67" s="1121">
        <v>96</v>
      </c>
      <c r="H67" s="1120">
        <v>68</v>
      </c>
      <c r="I67" s="1122">
        <v>810</v>
      </c>
      <c r="J67" s="1121">
        <v>409</v>
      </c>
      <c r="K67" s="1129">
        <v>401</v>
      </c>
      <c r="L67" s="1120">
        <v>618</v>
      </c>
      <c r="M67" s="1121">
        <v>317</v>
      </c>
      <c r="N67" s="1120">
        <v>301</v>
      </c>
    </row>
    <row r="68" spans="1:14">
      <c r="A68" s="912"/>
      <c r="B68" s="914" t="s">
        <v>335</v>
      </c>
      <c r="C68" s="1126">
        <v>37</v>
      </c>
      <c r="D68" s="1127">
        <v>15</v>
      </c>
      <c r="E68" s="1128">
        <v>22</v>
      </c>
      <c r="F68" s="1120">
        <v>202</v>
      </c>
      <c r="G68" s="1121">
        <v>80</v>
      </c>
      <c r="H68" s="1120">
        <v>122</v>
      </c>
      <c r="I68" s="1122">
        <v>1382</v>
      </c>
      <c r="J68" s="1121">
        <v>641</v>
      </c>
      <c r="K68" s="1129">
        <v>741</v>
      </c>
      <c r="L68" s="1120">
        <v>1266</v>
      </c>
      <c r="M68" s="1121">
        <v>582</v>
      </c>
      <c r="N68" s="1120">
        <v>684</v>
      </c>
    </row>
    <row r="69" spans="1:14">
      <c r="A69" s="912"/>
      <c r="B69" s="914" t="s">
        <v>337</v>
      </c>
      <c r="C69" s="1126">
        <v>25</v>
      </c>
      <c r="D69" s="1127">
        <v>11</v>
      </c>
      <c r="E69" s="1128">
        <v>14</v>
      </c>
      <c r="F69" s="1120">
        <v>94</v>
      </c>
      <c r="G69" s="1121">
        <v>51</v>
      </c>
      <c r="H69" s="1120">
        <v>43</v>
      </c>
      <c r="I69" s="1122">
        <v>267</v>
      </c>
      <c r="J69" s="1121">
        <v>122</v>
      </c>
      <c r="K69" s="1129">
        <v>145</v>
      </c>
      <c r="L69" s="1120">
        <v>291</v>
      </c>
      <c r="M69" s="1121">
        <v>135</v>
      </c>
      <c r="N69" s="1120">
        <v>156</v>
      </c>
    </row>
    <row r="70" spans="1:14">
      <c r="A70" s="912"/>
      <c r="B70" s="914" t="s">
        <v>339</v>
      </c>
      <c r="C70" s="1126">
        <v>81</v>
      </c>
      <c r="D70" s="1127">
        <v>39</v>
      </c>
      <c r="E70" s="1128">
        <v>42</v>
      </c>
      <c r="F70" s="1120">
        <v>408</v>
      </c>
      <c r="G70" s="1121">
        <v>212</v>
      </c>
      <c r="H70" s="1120">
        <v>196</v>
      </c>
      <c r="I70" s="1122">
        <v>1168</v>
      </c>
      <c r="J70" s="1121">
        <v>557</v>
      </c>
      <c r="K70" s="1129">
        <v>611</v>
      </c>
      <c r="L70" s="1120">
        <v>1069</v>
      </c>
      <c r="M70" s="1121">
        <v>507</v>
      </c>
      <c r="N70" s="1120">
        <v>562</v>
      </c>
    </row>
    <row r="71" spans="1:14" s="897" customFormat="1" ht="20.100000000000001" customHeight="1">
      <c r="A71" s="916"/>
      <c r="B71" s="917"/>
      <c r="C71" s="1123"/>
      <c r="D71" s="1124"/>
      <c r="E71" s="1125"/>
      <c r="F71" s="1113"/>
      <c r="G71" s="1114"/>
      <c r="H71" s="1113"/>
      <c r="I71" s="1115"/>
      <c r="J71" s="1114"/>
      <c r="K71" s="1116"/>
      <c r="L71" s="1113"/>
      <c r="M71" s="1114"/>
      <c r="N71" s="1113"/>
    </row>
    <row r="72" spans="1:14" ht="14.25" thickBot="1">
      <c r="A72" s="918"/>
      <c r="B72" s="919"/>
      <c r="C72" s="1133"/>
      <c r="D72" s="1134"/>
      <c r="E72" s="1135"/>
      <c r="F72" s="1136"/>
      <c r="G72" s="1137"/>
      <c r="H72" s="1136"/>
      <c r="I72" s="1138"/>
      <c r="J72" s="1137"/>
      <c r="K72" s="1139"/>
      <c r="L72" s="1136"/>
      <c r="M72" s="1137"/>
      <c r="N72" s="1136"/>
    </row>
    <row r="73" spans="1:14" ht="14.25" thickTop="1"/>
  </sheetData>
  <mergeCells count="5">
    <mergeCell ref="A33:B33"/>
    <mergeCell ref="A39:B39"/>
    <mergeCell ref="A40:B40"/>
    <mergeCell ref="A51:B51"/>
    <mergeCell ref="A60:B60"/>
  </mergeCells>
  <phoneticPr fontId="3"/>
  <printOptions horizontalCentered="1" gridLinesSet="0"/>
  <pageMargins left="0.59055118110236227" right="0.39370078740157483" top="0.59055118110236227" bottom="0.59055118110236227" header="0" footer="0.19685039370078741"/>
  <pageSetup paperSize="9" scale="78" firstPageNumber="52" orientation="portrait" blackAndWhite="1" useFirstPageNumber="1" r:id="rId1"/>
  <headerFooter>
    <oddFooter>&amp;C&amp;"ＭＳ ゴシック,太字"-&amp;P--</oddFoot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3"/>
  <sheetViews>
    <sheetView zoomScale="80" zoomScaleNormal="80" zoomScaleSheetLayoutView="80" workbookViewId="0">
      <pane xSplit="2" ySplit="4" topLeftCell="C17" activePane="bottomRight" state="frozen"/>
      <selection pane="topRight"/>
      <selection pane="bottomLeft"/>
      <selection pane="bottomRight"/>
    </sheetView>
  </sheetViews>
  <sheetFormatPr defaultRowHeight="13.5"/>
  <cols>
    <col min="1" max="1" width="2.25" style="132" customWidth="1"/>
    <col min="2" max="2" width="13.25" style="132" customWidth="1"/>
    <col min="3" max="3" width="8.75" style="132" customWidth="1"/>
    <col min="4" max="5" width="8.5" style="132" customWidth="1"/>
    <col min="6" max="8" width="7.875" style="132" customWidth="1"/>
    <col min="9" max="9" width="9.125" style="132" customWidth="1"/>
    <col min="10" max="11" width="8.625" style="132" customWidth="1"/>
    <col min="12" max="12" width="9.25" style="132" bestFit="1" customWidth="1"/>
    <col min="13" max="14" width="8.75" style="132" customWidth="1"/>
    <col min="15" max="256" width="9" style="132"/>
    <col min="257" max="257" width="2.75" style="132" customWidth="1"/>
    <col min="258" max="258" width="15.125" style="132" customWidth="1"/>
    <col min="259" max="267" width="9.125" style="132" customWidth="1"/>
    <col min="268" max="270" width="9.25" style="132" bestFit="1" customWidth="1"/>
    <col min="271" max="512" width="9" style="132"/>
    <col min="513" max="513" width="2.75" style="132" customWidth="1"/>
    <col min="514" max="514" width="15.125" style="132" customWidth="1"/>
    <col min="515" max="523" width="9.125" style="132" customWidth="1"/>
    <col min="524" max="526" width="9.25" style="132" bestFit="1" customWidth="1"/>
    <col min="527" max="768" width="9" style="132"/>
    <col min="769" max="769" width="2.75" style="132" customWidth="1"/>
    <col min="770" max="770" width="15.125" style="132" customWidth="1"/>
    <col min="771" max="779" width="9.125" style="132" customWidth="1"/>
    <col min="780" max="782" width="9.25" style="132" bestFit="1" customWidth="1"/>
    <col min="783" max="1024" width="9" style="132"/>
    <col min="1025" max="1025" width="2.75" style="132" customWidth="1"/>
    <col min="1026" max="1026" width="15.125" style="132" customWidth="1"/>
    <col min="1027" max="1035" width="9.125" style="132" customWidth="1"/>
    <col min="1036" max="1038" width="9.25" style="132" bestFit="1" customWidth="1"/>
    <col min="1039" max="1280" width="9" style="132"/>
    <col min="1281" max="1281" width="2.75" style="132" customWidth="1"/>
    <col min="1282" max="1282" width="15.125" style="132" customWidth="1"/>
    <col min="1283" max="1291" width="9.125" style="132" customWidth="1"/>
    <col min="1292" max="1294" width="9.25" style="132" bestFit="1" customWidth="1"/>
    <col min="1295" max="1536" width="9" style="132"/>
    <col min="1537" max="1537" width="2.75" style="132" customWidth="1"/>
    <col min="1538" max="1538" width="15.125" style="132" customWidth="1"/>
    <col min="1539" max="1547" width="9.125" style="132" customWidth="1"/>
    <col min="1548" max="1550" width="9.25" style="132" bestFit="1" customWidth="1"/>
    <col min="1551" max="1792" width="9" style="132"/>
    <col min="1793" max="1793" width="2.75" style="132" customWidth="1"/>
    <col min="1794" max="1794" width="15.125" style="132" customWidth="1"/>
    <col min="1795" max="1803" width="9.125" style="132" customWidth="1"/>
    <col min="1804" max="1806" width="9.25" style="132" bestFit="1" customWidth="1"/>
    <col min="1807" max="2048" width="9" style="132"/>
    <col min="2049" max="2049" width="2.75" style="132" customWidth="1"/>
    <col min="2050" max="2050" width="15.125" style="132" customWidth="1"/>
    <col min="2051" max="2059" width="9.125" style="132" customWidth="1"/>
    <col min="2060" max="2062" width="9.25" style="132" bestFit="1" customWidth="1"/>
    <col min="2063" max="2304" width="9" style="132"/>
    <col min="2305" max="2305" width="2.75" style="132" customWidth="1"/>
    <col min="2306" max="2306" width="15.125" style="132" customWidth="1"/>
    <col min="2307" max="2315" width="9.125" style="132" customWidth="1"/>
    <col min="2316" max="2318" width="9.25" style="132" bestFit="1" customWidth="1"/>
    <col min="2319" max="2560" width="9" style="132"/>
    <col min="2561" max="2561" width="2.75" style="132" customWidth="1"/>
    <col min="2562" max="2562" width="15.125" style="132" customWidth="1"/>
    <col min="2563" max="2571" width="9.125" style="132" customWidth="1"/>
    <col min="2572" max="2574" width="9.25" style="132" bestFit="1" customWidth="1"/>
    <col min="2575" max="2816" width="9" style="132"/>
    <col min="2817" max="2817" width="2.75" style="132" customWidth="1"/>
    <col min="2818" max="2818" width="15.125" style="132" customWidth="1"/>
    <col min="2819" max="2827" width="9.125" style="132" customWidth="1"/>
    <col min="2828" max="2830" width="9.25" style="132" bestFit="1" customWidth="1"/>
    <col min="2831" max="3072" width="9" style="132"/>
    <col min="3073" max="3073" width="2.75" style="132" customWidth="1"/>
    <col min="3074" max="3074" width="15.125" style="132" customWidth="1"/>
    <col min="3075" max="3083" width="9.125" style="132" customWidth="1"/>
    <col min="3084" max="3086" width="9.25" style="132" bestFit="1" customWidth="1"/>
    <col min="3087" max="3328" width="9" style="132"/>
    <col min="3329" max="3329" width="2.75" style="132" customWidth="1"/>
    <col min="3330" max="3330" width="15.125" style="132" customWidth="1"/>
    <col min="3331" max="3339" width="9.125" style="132" customWidth="1"/>
    <col min="3340" max="3342" width="9.25" style="132" bestFit="1" customWidth="1"/>
    <col min="3343" max="3584" width="9" style="132"/>
    <col min="3585" max="3585" width="2.75" style="132" customWidth="1"/>
    <col min="3586" max="3586" width="15.125" style="132" customWidth="1"/>
    <col min="3587" max="3595" width="9.125" style="132" customWidth="1"/>
    <col min="3596" max="3598" width="9.25" style="132" bestFit="1" customWidth="1"/>
    <col min="3599" max="3840" width="9" style="132"/>
    <col min="3841" max="3841" width="2.75" style="132" customWidth="1"/>
    <col min="3842" max="3842" width="15.125" style="132" customWidth="1"/>
    <col min="3843" max="3851" width="9.125" style="132" customWidth="1"/>
    <col min="3852" max="3854" width="9.25" style="132" bestFit="1" customWidth="1"/>
    <col min="3855" max="4096" width="9" style="132"/>
    <col min="4097" max="4097" width="2.75" style="132" customWidth="1"/>
    <col min="4098" max="4098" width="15.125" style="132" customWidth="1"/>
    <col min="4099" max="4107" width="9.125" style="132" customWidth="1"/>
    <col min="4108" max="4110" width="9.25" style="132" bestFit="1" customWidth="1"/>
    <col min="4111" max="4352" width="9" style="132"/>
    <col min="4353" max="4353" width="2.75" style="132" customWidth="1"/>
    <col min="4354" max="4354" width="15.125" style="132" customWidth="1"/>
    <col min="4355" max="4363" width="9.125" style="132" customWidth="1"/>
    <col min="4364" max="4366" width="9.25" style="132" bestFit="1" customWidth="1"/>
    <col min="4367" max="4608" width="9" style="132"/>
    <col min="4609" max="4609" width="2.75" style="132" customWidth="1"/>
    <col min="4610" max="4610" width="15.125" style="132" customWidth="1"/>
    <col min="4611" max="4619" width="9.125" style="132" customWidth="1"/>
    <col min="4620" max="4622" width="9.25" style="132" bestFit="1" customWidth="1"/>
    <col min="4623" max="4864" width="9" style="132"/>
    <col min="4865" max="4865" width="2.75" style="132" customWidth="1"/>
    <col min="4866" max="4866" width="15.125" style="132" customWidth="1"/>
    <col min="4867" max="4875" width="9.125" style="132" customWidth="1"/>
    <col min="4876" max="4878" width="9.25" style="132" bestFit="1" customWidth="1"/>
    <col min="4879" max="5120" width="9" style="132"/>
    <col min="5121" max="5121" width="2.75" style="132" customWidth="1"/>
    <col min="5122" max="5122" width="15.125" style="132" customWidth="1"/>
    <col min="5123" max="5131" width="9.125" style="132" customWidth="1"/>
    <col min="5132" max="5134" width="9.25" style="132" bestFit="1" customWidth="1"/>
    <col min="5135" max="5376" width="9" style="132"/>
    <col min="5377" max="5377" width="2.75" style="132" customWidth="1"/>
    <col min="5378" max="5378" width="15.125" style="132" customWidth="1"/>
    <col min="5379" max="5387" width="9.125" style="132" customWidth="1"/>
    <col min="5388" max="5390" width="9.25" style="132" bestFit="1" customWidth="1"/>
    <col min="5391" max="5632" width="9" style="132"/>
    <col min="5633" max="5633" width="2.75" style="132" customWidth="1"/>
    <col min="5634" max="5634" width="15.125" style="132" customWidth="1"/>
    <col min="5635" max="5643" width="9.125" style="132" customWidth="1"/>
    <col min="5644" max="5646" width="9.25" style="132" bestFit="1" customWidth="1"/>
    <col min="5647" max="5888" width="9" style="132"/>
    <col min="5889" max="5889" width="2.75" style="132" customWidth="1"/>
    <col min="5890" max="5890" width="15.125" style="132" customWidth="1"/>
    <col min="5891" max="5899" width="9.125" style="132" customWidth="1"/>
    <col min="5900" max="5902" width="9.25" style="132" bestFit="1" customWidth="1"/>
    <col min="5903" max="6144" width="9" style="132"/>
    <col min="6145" max="6145" width="2.75" style="132" customWidth="1"/>
    <col min="6146" max="6146" width="15.125" style="132" customWidth="1"/>
    <col min="6147" max="6155" width="9.125" style="132" customWidth="1"/>
    <col min="6156" max="6158" width="9.25" style="132" bestFit="1" customWidth="1"/>
    <col min="6159" max="6400" width="9" style="132"/>
    <col min="6401" max="6401" width="2.75" style="132" customWidth="1"/>
    <col min="6402" max="6402" width="15.125" style="132" customWidth="1"/>
    <col min="6403" max="6411" width="9.125" style="132" customWidth="1"/>
    <col min="6412" max="6414" width="9.25" style="132" bestFit="1" customWidth="1"/>
    <col min="6415" max="6656" width="9" style="132"/>
    <col min="6657" max="6657" width="2.75" style="132" customWidth="1"/>
    <col min="6658" max="6658" width="15.125" style="132" customWidth="1"/>
    <col min="6659" max="6667" width="9.125" style="132" customWidth="1"/>
    <col min="6668" max="6670" width="9.25" style="132" bestFit="1" customWidth="1"/>
    <col min="6671" max="6912" width="9" style="132"/>
    <col min="6913" max="6913" width="2.75" style="132" customWidth="1"/>
    <col min="6914" max="6914" width="15.125" style="132" customWidth="1"/>
    <col min="6915" max="6923" width="9.125" style="132" customWidth="1"/>
    <col min="6924" max="6926" width="9.25" style="132" bestFit="1" customWidth="1"/>
    <col min="6927" max="7168" width="9" style="132"/>
    <col min="7169" max="7169" width="2.75" style="132" customWidth="1"/>
    <col min="7170" max="7170" width="15.125" style="132" customWidth="1"/>
    <col min="7171" max="7179" width="9.125" style="132" customWidth="1"/>
    <col min="7180" max="7182" width="9.25" style="132" bestFit="1" customWidth="1"/>
    <col min="7183" max="7424" width="9" style="132"/>
    <col min="7425" max="7425" width="2.75" style="132" customWidth="1"/>
    <col min="7426" max="7426" width="15.125" style="132" customWidth="1"/>
    <col min="7427" max="7435" width="9.125" style="132" customWidth="1"/>
    <col min="7436" max="7438" width="9.25" style="132" bestFit="1" customWidth="1"/>
    <col min="7439" max="7680" width="9" style="132"/>
    <col min="7681" max="7681" width="2.75" style="132" customWidth="1"/>
    <col min="7682" max="7682" width="15.125" style="132" customWidth="1"/>
    <col min="7683" max="7691" width="9.125" style="132" customWidth="1"/>
    <col min="7692" max="7694" width="9.25" style="132" bestFit="1" customWidth="1"/>
    <col min="7695" max="7936" width="9" style="132"/>
    <col min="7937" max="7937" width="2.75" style="132" customWidth="1"/>
    <col min="7938" max="7938" width="15.125" style="132" customWidth="1"/>
    <col min="7939" max="7947" width="9.125" style="132" customWidth="1"/>
    <col min="7948" max="7950" width="9.25" style="132" bestFit="1" customWidth="1"/>
    <col min="7951" max="8192" width="9" style="132"/>
    <col min="8193" max="8193" width="2.75" style="132" customWidth="1"/>
    <col min="8194" max="8194" width="15.125" style="132" customWidth="1"/>
    <col min="8195" max="8203" width="9.125" style="132" customWidth="1"/>
    <col min="8204" max="8206" width="9.25" style="132" bestFit="1" customWidth="1"/>
    <col min="8207" max="8448" width="9" style="132"/>
    <col min="8449" max="8449" width="2.75" style="132" customWidth="1"/>
    <col min="8450" max="8450" width="15.125" style="132" customWidth="1"/>
    <col min="8451" max="8459" width="9.125" style="132" customWidth="1"/>
    <col min="8460" max="8462" width="9.25" style="132" bestFit="1" customWidth="1"/>
    <col min="8463" max="8704" width="9" style="132"/>
    <col min="8705" max="8705" width="2.75" style="132" customWidth="1"/>
    <col min="8706" max="8706" width="15.125" style="132" customWidth="1"/>
    <col min="8707" max="8715" width="9.125" style="132" customWidth="1"/>
    <col min="8716" max="8718" width="9.25" style="132" bestFit="1" customWidth="1"/>
    <col min="8719" max="8960" width="9" style="132"/>
    <col min="8961" max="8961" width="2.75" style="132" customWidth="1"/>
    <col min="8962" max="8962" width="15.125" style="132" customWidth="1"/>
    <col min="8963" max="8971" width="9.125" style="132" customWidth="1"/>
    <col min="8972" max="8974" width="9.25" style="132" bestFit="1" customWidth="1"/>
    <col min="8975" max="9216" width="9" style="132"/>
    <col min="9217" max="9217" width="2.75" style="132" customWidth="1"/>
    <col min="9218" max="9218" width="15.125" style="132" customWidth="1"/>
    <col min="9219" max="9227" width="9.125" style="132" customWidth="1"/>
    <col min="9228" max="9230" width="9.25" style="132" bestFit="1" customWidth="1"/>
    <col min="9231" max="9472" width="9" style="132"/>
    <col min="9473" max="9473" width="2.75" style="132" customWidth="1"/>
    <col min="9474" max="9474" width="15.125" style="132" customWidth="1"/>
    <col min="9475" max="9483" width="9.125" style="132" customWidth="1"/>
    <col min="9484" max="9486" width="9.25" style="132" bestFit="1" customWidth="1"/>
    <col min="9487" max="9728" width="9" style="132"/>
    <col min="9729" max="9729" width="2.75" style="132" customWidth="1"/>
    <col min="9730" max="9730" width="15.125" style="132" customWidth="1"/>
    <col min="9731" max="9739" width="9.125" style="132" customWidth="1"/>
    <col min="9740" max="9742" width="9.25" style="132" bestFit="1" customWidth="1"/>
    <col min="9743" max="9984" width="9" style="132"/>
    <col min="9985" max="9985" width="2.75" style="132" customWidth="1"/>
    <col min="9986" max="9986" width="15.125" style="132" customWidth="1"/>
    <col min="9987" max="9995" width="9.125" style="132" customWidth="1"/>
    <col min="9996" max="9998" width="9.25" style="132" bestFit="1" customWidth="1"/>
    <col min="9999" max="10240" width="9" style="132"/>
    <col min="10241" max="10241" width="2.75" style="132" customWidth="1"/>
    <col min="10242" max="10242" width="15.125" style="132" customWidth="1"/>
    <col min="10243" max="10251" width="9.125" style="132" customWidth="1"/>
    <col min="10252" max="10254" width="9.25" style="132" bestFit="1" customWidth="1"/>
    <col min="10255" max="10496" width="9" style="132"/>
    <col min="10497" max="10497" width="2.75" style="132" customWidth="1"/>
    <col min="10498" max="10498" width="15.125" style="132" customWidth="1"/>
    <col min="10499" max="10507" width="9.125" style="132" customWidth="1"/>
    <col min="10508" max="10510" width="9.25" style="132" bestFit="1" customWidth="1"/>
    <col min="10511" max="10752" width="9" style="132"/>
    <col min="10753" max="10753" width="2.75" style="132" customWidth="1"/>
    <col min="10754" max="10754" width="15.125" style="132" customWidth="1"/>
    <col min="10755" max="10763" width="9.125" style="132" customWidth="1"/>
    <col min="10764" max="10766" width="9.25" style="132" bestFit="1" customWidth="1"/>
    <col min="10767" max="11008" width="9" style="132"/>
    <col min="11009" max="11009" width="2.75" style="132" customWidth="1"/>
    <col min="11010" max="11010" width="15.125" style="132" customWidth="1"/>
    <col min="11011" max="11019" width="9.125" style="132" customWidth="1"/>
    <col min="11020" max="11022" width="9.25" style="132" bestFit="1" customWidth="1"/>
    <col min="11023" max="11264" width="9" style="132"/>
    <col min="11265" max="11265" width="2.75" style="132" customWidth="1"/>
    <col min="11266" max="11266" width="15.125" style="132" customWidth="1"/>
    <col min="11267" max="11275" width="9.125" style="132" customWidth="1"/>
    <col min="11276" max="11278" width="9.25" style="132" bestFit="1" customWidth="1"/>
    <col min="11279" max="11520" width="9" style="132"/>
    <col min="11521" max="11521" width="2.75" style="132" customWidth="1"/>
    <col min="11522" max="11522" width="15.125" style="132" customWidth="1"/>
    <col min="11523" max="11531" width="9.125" style="132" customWidth="1"/>
    <col min="11532" max="11534" width="9.25" style="132" bestFit="1" customWidth="1"/>
    <col min="11535" max="11776" width="9" style="132"/>
    <col min="11777" max="11777" width="2.75" style="132" customWidth="1"/>
    <col min="11778" max="11778" width="15.125" style="132" customWidth="1"/>
    <col min="11779" max="11787" width="9.125" style="132" customWidth="1"/>
    <col min="11788" max="11790" width="9.25" style="132" bestFit="1" customWidth="1"/>
    <col min="11791" max="12032" width="9" style="132"/>
    <col min="12033" max="12033" width="2.75" style="132" customWidth="1"/>
    <col min="12034" max="12034" width="15.125" style="132" customWidth="1"/>
    <col min="12035" max="12043" width="9.125" style="132" customWidth="1"/>
    <col min="12044" max="12046" width="9.25" style="132" bestFit="1" customWidth="1"/>
    <col min="12047" max="12288" width="9" style="132"/>
    <col min="12289" max="12289" width="2.75" style="132" customWidth="1"/>
    <col min="12290" max="12290" width="15.125" style="132" customWidth="1"/>
    <col min="12291" max="12299" width="9.125" style="132" customWidth="1"/>
    <col min="12300" max="12302" width="9.25" style="132" bestFit="1" customWidth="1"/>
    <col min="12303" max="12544" width="9" style="132"/>
    <col min="12545" max="12545" width="2.75" style="132" customWidth="1"/>
    <col min="12546" max="12546" width="15.125" style="132" customWidth="1"/>
    <col min="12547" max="12555" width="9.125" style="132" customWidth="1"/>
    <col min="12556" max="12558" width="9.25" style="132" bestFit="1" customWidth="1"/>
    <col min="12559" max="12800" width="9" style="132"/>
    <col min="12801" max="12801" width="2.75" style="132" customWidth="1"/>
    <col min="12802" max="12802" width="15.125" style="132" customWidth="1"/>
    <col min="12803" max="12811" width="9.125" style="132" customWidth="1"/>
    <col min="12812" max="12814" width="9.25" style="132" bestFit="1" customWidth="1"/>
    <col min="12815" max="13056" width="9" style="132"/>
    <col min="13057" max="13057" width="2.75" style="132" customWidth="1"/>
    <col min="13058" max="13058" width="15.125" style="132" customWidth="1"/>
    <col min="13059" max="13067" width="9.125" style="132" customWidth="1"/>
    <col min="13068" max="13070" width="9.25" style="132" bestFit="1" customWidth="1"/>
    <col min="13071" max="13312" width="9" style="132"/>
    <col min="13313" max="13313" width="2.75" style="132" customWidth="1"/>
    <col min="13314" max="13314" width="15.125" style="132" customWidth="1"/>
    <col min="13315" max="13323" width="9.125" style="132" customWidth="1"/>
    <col min="13324" max="13326" width="9.25" style="132" bestFit="1" customWidth="1"/>
    <col min="13327" max="13568" width="9" style="132"/>
    <col min="13569" max="13569" width="2.75" style="132" customWidth="1"/>
    <col min="13570" max="13570" width="15.125" style="132" customWidth="1"/>
    <col min="13571" max="13579" width="9.125" style="132" customWidth="1"/>
    <col min="13580" max="13582" width="9.25" style="132" bestFit="1" customWidth="1"/>
    <col min="13583" max="13824" width="9" style="132"/>
    <col min="13825" max="13825" width="2.75" style="132" customWidth="1"/>
    <col min="13826" max="13826" width="15.125" style="132" customWidth="1"/>
    <col min="13827" max="13835" width="9.125" style="132" customWidth="1"/>
    <col min="13836" max="13838" width="9.25" style="132" bestFit="1" customWidth="1"/>
    <col min="13839" max="14080" width="9" style="132"/>
    <col min="14081" max="14081" width="2.75" style="132" customWidth="1"/>
    <col min="14082" max="14082" width="15.125" style="132" customWidth="1"/>
    <col min="14083" max="14091" width="9.125" style="132" customWidth="1"/>
    <col min="14092" max="14094" width="9.25" style="132" bestFit="1" customWidth="1"/>
    <col min="14095" max="14336" width="9" style="132"/>
    <col min="14337" max="14337" width="2.75" style="132" customWidth="1"/>
    <col min="14338" max="14338" width="15.125" style="132" customWidth="1"/>
    <col min="14339" max="14347" width="9.125" style="132" customWidth="1"/>
    <col min="14348" max="14350" width="9.25" style="132" bestFit="1" customWidth="1"/>
    <col min="14351" max="14592" width="9" style="132"/>
    <col min="14593" max="14593" width="2.75" style="132" customWidth="1"/>
    <col min="14594" max="14594" width="15.125" style="132" customWidth="1"/>
    <col min="14595" max="14603" width="9.125" style="132" customWidth="1"/>
    <col min="14604" max="14606" width="9.25" style="132" bestFit="1" customWidth="1"/>
    <col min="14607" max="14848" width="9" style="132"/>
    <col min="14849" max="14849" width="2.75" style="132" customWidth="1"/>
    <col min="14850" max="14850" width="15.125" style="132" customWidth="1"/>
    <col min="14851" max="14859" width="9.125" style="132" customWidth="1"/>
    <col min="14860" max="14862" width="9.25" style="132" bestFit="1" customWidth="1"/>
    <col min="14863" max="15104" width="9" style="132"/>
    <col min="15105" max="15105" width="2.75" style="132" customWidth="1"/>
    <col min="15106" max="15106" width="15.125" style="132" customWidth="1"/>
    <col min="15107" max="15115" width="9.125" style="132" customWidth="1"/>
    <col min="15116" max="15118" width="9.25" style="132" bestFit="1" customWidth="1"/>
    <col min="15119" max="15360" width="9" style="132"/>
    <col min="15361" max="15361" width="2.75" style="132" customWidth="1"/>
    <col min="15362" max="15362" width="15.125" style="132" customWidth="1"/>
    <col min="15363" max="15371" width="9.125" style="132" customWidth="1"/>
    <col min="15372" max="15374" width="9.25" style="132" bestFit="1" customWidth="1"/>
    <col min="15375" max="15616" width="9" style="132"/>
    <col min="15617" max="15617" width="2.75" style="132" customWidth="1"/>
    <col min="15618" max="15618" width="15.125" style="132" customWidth="1"/>
    <col min="15619" max="15627" width="9.125" style="132" customWidth="1"/>
    <col min="15628" max="15630" width="9.25" style="132" bestFit="1" customWidth="1"/>
    <col min="15631" max="15872" width="9" style="132"/>
    <col min="15873" max="15873" width="2.75" style="132" customWidth="1"/>
    <col min="15874" max="15874" width="15.125" style="132" customWidth="1"/>
    <col min="15875" max="15883" width="9.125" style="132" customWidth="1"/>
    <col min="15884" max="15886" width="9.25" style="132" bestFit="1" customWidth="1"/>
    <col min="15887" max="16128" width="9" style="132"/>
    <col min="16129" max="16129" width="2.75" style="132" customWidth="1"/>
    <col min="16130" max="16130" width="15.125" style="132" customWidth="1"/>
    <col min="16131" max="16139" width="9.125" style="132" customWidth="1"/>
    <col min="16140" max="16142" width="9.25" style="132" bestFit="1" customWidth="1"/>
    <col min="16143" max="16384" width="9" style="132"/>
  </cols>
  <sheetData>
    <row r="1" spans="1:15" ht="17.25">
      <c r="A1" s="1066" t="s">
        <v>773</v>
      </c>
    </row>
    <row r="2" spans="1:15" ht="15" customHeight="1" thickBot="1">
      <c r="A2" s="897" t="s">
        <v>774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15" ht="14.25" thickTop="1">
      <c r="A3" s="898"/>
      <c r="B3" s="898"/>
      <c r="C3" s="921"/>
      <c r="D3" s="900" t="s">
        <v>775</v>
      </c>
      <c r="E3" s="901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15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06" t="s">
        <v>238</v>
      </c>
      <c r="J4" s="906" t="s">
        <v>554</v>
      </c>
      <c r="K4" s="907" t="s">
        <v>555</v>
      </c>
      <c r="L4" s="908" t="s">
        <v>238</v>
      </c>
      <c r="M4" s="906" t="s">
        <v>554</v>
      </c>
      <c r="N4" s="906" t="s">
        <v>555</v>
      </c>
    </row>
    <row r="5" spans="1:15" s="897" customFormat="1" ht="20.100000000000001" customHeight="1">
      <c r="A5" s="909"/>
      <c r="B5" s="1176" t="s">
        <v>777</v>
      </c>
      <c r="C5" s="1140">
        <v>80985</v>
      </c>
      <c r="D5" s="1141">
        <v>43666</v>
      </c>
      <c r="E5" s="1142">
        <v>37319</v>
      </c>
      <c r="F5" s="1143">
        <v>259</v>
      </c>
      <c r="G5" s="1141">
        <v>142</v>
      </c>
      <c r="H5" s="1141">
        <v>117</v>
      </c>
      <c r="I5" s="1140">
        <v>8454</v>
      </c>
      <c r="J5" s="1141">
        <v>5618</v>
      </c>
      <c r="K5" s="1141">
        <v>2836</v>
      </c>
      <c r="L5" s="1143">
        <v>72272</v>
      </c>
      <c r="M5" s="1141">
        <v>37906</v>
      </c>
      <c r="N5" s="1144">
        <v>34366</v>
      </c>
      <c r="O5" s="916"/>
    </row>
    <row r="6" spans="1:15" s="911" customFormat="1" ht="20.100000000000001" customHeight="1">
      <c r="A6" s="1453" t="s">
        <v>778</v>
      </c>
      <c r="B6" s="1454"/>
      <c r="C6" s="1140">
        <v>32684</v>
      </c>
      <c r="D6" s="1141">
        <v>17702</v>
      </c>
      <c r="E6" s="1142">
        <v>14982</v>
      </c>
      <c r="F6" s="1143">
        <v>101</v>
      </c>
      <c r="G6" s="1141">
        <v>53</v>
      </c>
      <c r="H6" s="1141">
        <v>48</v>
      </c>
      <c r="I6" s="1140">
        <v>3244</v>
      </c>
      <c r="J6" s="1141">
        <v>2117</v>
      </c>
      <c r="K6" s="1141">
        <v>1127</v>
      </c>
      <c r="L6" s="1143">
        <v>29339</v>
      </c>
      <c r="M6" s="1141">
        <v>15532</v>
      </c>
      <c r="N6" s="1140">
        <v>13807</v>
      </c>
      <c r="O6" s="809"/>
    </row>
    <row r="7" spans="1:15">
      <c r="A7" s="912"/>
      <c r="B7" s="913" t="s">
        <v>715</v>
      </c>
      <c r="C7" s="1145">
        <v>2407</v>
      </c>
      <c r="D7" s="1146">
        <v>1317</v>
      </c>
      <c r="E7" s="1147">
        <v>1090</v>
      </c>
      <c r="F7" s="1148">
        <v>12</v>
      </c>
      <c r="G7" s="1146">
        <v>6</v>
      </c>
      <c r="H7" s="1148">
        <v>6</v>
      </c>
      <c r="I7" s="1145">
        <v>268</v>
      </c>
      <c r="J7" s="1146">
        <v>184</v>
      </c>
      <c r="K7" s="1147">
        <v>84</v>
      </c>
      <c r="L7" s="1148">
        <v>2127</v>
      </c>
      <c r="M7" s="1146">
        <v>1127</v>
      </c>
      <c r="N7" s="1148">
        <v>1000</v>
      </c>
    </row>
    <row r="8" spans="1:15">
      <c r="A8" s="912"/>
      <c r="B8" s="913" t="s">
        <v>716</v>
      </c>
      <c r="C8" s="1145">
        <v>2070</v>
      </c>
      <c r="D8" s="1146">
        <v>1121</v>
      </c>
      <c r="E8" s="1147">
        <v>949</v>
      </c>
      <c r="F8" s="1148">
        <v>3</v>
      </c>
      <c r="G8" s="1146">
        <v>2</v>
      </c>
      <c r="H8" s="1148">
        <v>1</v>
      </c>
      <c r="I8" s="1145">
        <v>253</v>
      </c>
      <c r="J8" s="1146">
        <v>183</v>
      </c>
      <c r="K8" s="1147">
        <v>70</v>
      </c>
      <c r="L8" s="1148">
        <v>1814</v>
      </c>
      <c r="M8" s="1146">
        <v>936</v>
      </c>
      <c r="N8" s="1148">
        <v>878</v>
      </c>
    </row>
    <row r="9" spans="1:15">
      <c r="A9" s="912"/>
      <c r="B9" s="913" t="s">
        <v>717</v>
      </c>
      <c r="C9" s="1145">
        <v>856</v>
      </c>
      <c r="D9" s="1146">
        <v>423</v>
      </c>
      <c r="E9" s="1147">
        <v>433</v>
      </c>
      <c r="F9" s="1148">
        <v>1</v>
      </c>
      <c r="G9" s="1146">
        <v>1</v>
      </c>
      <c r="H9" s="1148">
        <v>0</v>
      </c>
      <c r="I9" s="1145">
        <v>81</v>
      </c>
      <c r="J9" s="1146">
        <v>45</v>
      </c>
      <c r="K9" s="1147">
        <v>36</v>
      </c>
      <c r="L9" s="1148">
        <v>774</v>
      </c>
      <c r="M9" s="1146">
        <v>377</v>
      </c>
      <c r="N9" s="1148">
        <v>397</v>
      </c>
    </row>
    <row r="10" spans="1:15">
      <c r="A10" s="912"/>
      <c r="B10" s="914" t="s">
        <v>718</v>
      </c>
      <c r="C10" s="1145">
        <v>1614</v>
      </c>
      <c r="D10" s="1146">
        <v>984</v>
      </c>
      <c r="E10" s="1147">
        <v>630</v>
      </c>
      <c r="F10" s="1148">
        <v>4</v>
      </c>
      <c r="G10" s="1146">
        <v>2</v>
      </c>
      <c r="H10" s="1148">
        <v>2</v>
      </c>
      <c r="I10" s="1145">
        <v>192</v>
      </c>
      <c r="J10" s="1146">
        <v>136</v>
      </c>
      <c r="K10" s="1147">
        <v>56</v>
      </c>
      <c r="L10" s="1148">
        <v>1418</v>
      </c>
      <c r="M10" s="1146">
        <v>846</v>
      </c>
      <c r="N10" s="1148">
        <v>572</v>
      </c>
    </row>
    <row r="11" spans="1:15">
      <c r="A11" s="912"/>
      <c r="B11" s="914" t="s">
        <v>719</v>
      </c>
      <c r="C11" s="1145">
        <v>2228</v>
      </c>
      <c r="D11" s="1146">
        <v>1235</v>
      </c>
      <c r="E11" s="1147">
        <v>993</v>
      </c>
      <c r="F11" s="1148">
        <v>6</v>
      </c>
      <c r="G11" s="1146">
        <v>4</v>
      </c>
      <c r="H11" s="1148">
        <v>2</v>
      </c>
      <c r="I11" s="1145">
        <v>206</v>
      </c>
      <c r="J11" s="1146">
        <v>140</v>
      </c>
      <c r="K11" s="1147">
        <v>66</v>
      </c>
      <c r="L11" s="1148">
        <v>2016</v>
      </c>
      <c r="M11" s="1146">
        <v>1091</v>
      </c>
      <c r="N11" s="1148">
        <v>925</v>
      </c>
    </row>
    <row r="12" spans="1:15">
      <c r="A12" s="912"/>
      <c r="B12" s="914" t="s">
        <v>779</v>
      </c>
      <c r="C12" s="1145">
        <v>2064</v>
      </c>
      <c r="D12" s="1146">
        <v>1098</v>
      </c>
      <c r="E12" s="1147">
        <v>966</v>
      </c>
      <c r="F12" s="1148">
        <v>8</v>
      </c>
      <c r="G12" s="1146">
        <v>2</v>
      </c>
      <c r="H12" s="1148">
        <v>6</v>
      </c>
      <c r="I12" s="1145">
        <v>178</v>
      </c>
      <c r="J12" s="1146">
        <v>114</v>
      </c>
      <c r="K12" s="1147">
        <v>64</v>
      </c>
      <c r="L12" s="1148">
        <v>1878</v>
      </c>
      <c r="M12" s="1146">
        <v>982</v>
      </c>
      <c r="N12" s="1148">
        <v>896</v>
      </c>
    </row>
    <row r="13" spans="1:15">
      <c r="A13" s="912"/>
      <c r="B13" s="914" t="s">
        <v>722</v>
      </c>
      <c r="C13" s="1145">
        <v>1685</v>
      </c>
      <c r="D13" s="1146">
        <v>936</v>
      </c>
      <c r="E13" s="1147">
        <v>749</v>
      </c>
      <c r="F13" s="1148">
        <v>5</v>
      </c>
      <c r="G13" s="1146">
        <v>2</v>
      </c>
      <c r="H13" s="1148">
        <v>3</v>
      </c>
      <c r="I13" s="1145">
        <v>151</v>
      </c>
      <c r="J13" s="1146">
        <v>96</v>
      </c>
      <c r="K13" s="1147">
        <v>55</v>
      </c>
      <c r="L13" s="1148">
        <v>1529</v>
      </c>
      <c r="M13" s="1146">
        <v>838</v>
      </c>
      <c r="N13" s="1148">
        <v>691</v>
      </c>
    </row>
    <row r="14" spans="1:15">
      <c r="A14" s="912"/>
      <c r="B14" s="914" t="s">
        <v>723</v>
      </c>
      <c r="C14" s="1145">
        <v>1936</v>
      </c>
      <c r="D14" s="1146">
        <v>1043</v>
      </c>
      <c r="E14" s="1147">
        <v>893</v>
      </c>
      <c r="F14" s="1148">
        <v>3</v>
      </c>
      <c r="G14" s="1146">
        <v>3</v>
      </c>
      <c r="H14" s="1148">
        <v>0</v>
      </c>
      <c r="I14" s="1145">
        <v>179</v>
      </c>
      <c r="J14" s="1146">
        <v>108</v>
      </c>
      <c r="K14" s="1147">
        <v>71</v>
      </c>
      <c r="L14" s="1148">
        <v>1754</v>
      </c>
      <c r="M14" s="1146">
        <v>932</v>
      </c>
      <c r="N14" s="1148">
        <v>822</v>
      </c>
    </row>
    <row r="15" spans="1:15">
      <c r="A15" s="912"/>
      <c r="B15" s="914" t="s">
        <v>724</v>
      </c>
      <c r="C15" s="1145">
        <v>2477</v>
      </c>
      <c r="D15" s="1146">
        <v>1275</v>
      </c>
      <c r="E15" s="1147">
        <v>1202</v>
      </c>
      <c r="F15" s="1148">
        <v>9</v>
      </c>
      <c r="G15" s="1146">
        <v>5</v>
      </c>
      <c r="H15" s="1148">
        <v>4</v>
      </c>
      <c r="I15" s="1145">
        <v>242</v>
      </c>
      <c r="J15" s="1146">
        <v>145</v>
      </c>
      <c r="K15" s="1147">
        <v>97</v>
      </c>
      <c r="L15" s="1148">
        <v>2226</v>
      </c>
      <c r="M15" s="1146">
        <v>1125</v>
      </c>
      <c r="N15" s="1148">
        <v>1101</v>
      </c>
    </row>
    <row r="16" spans="1:15">
      <c r="A16" s="912"/>
      <c r="B16" s="914" t="s">
        <v>725</v>
      </c>
      <c r="C16" s="1145">
        <v>2248</v>
      </c>
      <c r="D16" s="1146">
        <v>1219</v>
      </c>
      <c r="E16" s="1147">
        <v>1029</v>
      </c>
      <c r="F16" s="1148">
        <v>9</v>
      </c>
      <c r="G16" s="1146">
        <v>4</v>
      </c>
      <c r="H16" s="1148">
        <v>5</v>
      </c>
      <c r="I16" s="1145">
        <v>222</v>
      </c>
      <c r="J16" s="1146">
        <v>141</v>
      </c>
      <c r="K16" s="1147">
        <v>81</v>
      </c>
      <c r="L16" s="1148">
        <v>2017</v>
      </c>
      <c r="M16" s="1146">
        <v>1074</v>
      </c>
      <c r="N16" s="1148">
        <v>943</v>
      </c>
    </row>
    <row r="17" spans="1:15">
      <c r="A17" s="912"/>
      <c r="B17" s="914" t="s">
        <v>726</v>
      </c>
      <c r="C17" s="1145">
        <v>1993</v>
      </c>
      <c r="D17" s="1146">
        <v>1110</v>
      </c>
      <c r="E17" s="1147">
        <v>883</v>
      </c>
      <c r="F17" s="1148">
        <v>9</v>
      </c>
      <c r="G17" s="1146">
        <v>3</v>
      </c>
      <c r="H17" s="1148">
        <v>6</v>
      </c>
      <c r="I17" s="1145">
        <v>187</v>
      </c>
      <c r="J17" s="1146">
        <v>135</v>
      </c>
      <c r="K17" s="1147">
        <v>52</v>
      </c>
      <c r="L17" s="1148">
        <v>1797</v>
      </c>
      <c r="M17" s="1146">
        <v>972</v>
      </c>
      <c r="N17" s="1148">
        <v>825</v>
      </c>
    </row>
    <row r="18" spans="1:15">
      <c r="A18" s="912"/>
      <c r="B18" s="914" t="s">
        <v>727</v>
      </c>
      <c r="C18" s="1145">
        <v>2581</v>
      </c>
      <c r="D18" s="1146">
        <v>1429</v>
      </c>
      <c r="E18" s="1147">
        <v>1152</v>
      </c>
      <c r="F18" s="1148">
        <v>4</v>
      </c>
      <c r="G18" s="1146">
        <v>4</v>
      </c>
      <c r="H18" s="1148">
        <v>0</v>
      </c>
      <c r="I18" s="1145">
        <v>237</v>
      </c>
      <c r="J18" s="1146">
        <v>156</v>
      </c>
      <c r="K18" s="1147">
        <v>81</v>
      </c>
      <c r="L18" s="1148">
        <v>2340</v>
      </c>
      <c r="M18" s="1146">
        <v>1269</v>
      </c>
      <c r="N18" s="1148">
        <v>1071</v>
      </c>
    </row>
    <row r="19" spans="1:15">
      <c r="A19" s="912"/>
      <c r="B19" s="914" t="s">
        <v>728</v>
      </c>
      <c r="C19" s="1145">
        <v>1440</v>
      </c>
      <c r="D19" s="1146">
        <v>764</v>
      </c>
      <c r="E19" s="1147">
        <v>676</v>
      </c>
      <c r="F19" s="1148">
        <v>3</v>
      </c>
      <c r="G19" s="1146">
        <v>1</v>
      </c>
      <c r="H19" s="1148">
        <v>2</v>
      </c>
      <c r="I19" s="1145">
        <v>148</v>
      </c>
      <c r="J19" s="1146">
        <v>95</v>
      </c>
      <c r="K19" s="1147">
        <v>53</v>
      </c>
      <c r="L19" s="1148">
        <v>1289</v>
      </c>
      <c r="M19" s="1146">
        <v>668</v>
      </c>
      <c r="N19" s="1148">
        <v>621</v>
      </c>
    </row>
    <row r="20" spans="1:15">
      <c r="A20" s="912"/>
      <c r="B20" s="914" t="s">
        <v>729</v>
      </c>
      <c r="C20" s="1145">
        <v>1270</v>
      </c>
      <c r="D20" s="1146">
        <v>668</v>
      </c>
      <c r="E20" s="1147">
        <v>602</v>
      </c>
      <c r="F20" s="1148">
        <v>6</v>
      </c>
      <c r="G20" s="1146">
        <v>2</v>
      </c>
      <c r="H20" s="1148">
        <v>4</v>
      </c>
      <c r="I20" s="1145">
        <v>116</v>
      </c>
      <c r="J20" s="1146">
        <v>64</v>
      </c>
      <c r="K20" s="1147">
        <v>52</v>
      </c>
      <c r="L20" s="1148">
        <v>1148</v>
      </c>
      <c r="M20" s="1146">
        <v>602</v>
      </c>
      <c r="N20" s="1148">
        <v>546</v>
      </c>
    </row>
    <row r="21" spans="1:15">
      <c r="A21" s="912"/>
      <c r="B21" s="914" t="s">
        <v>730</v>
      </c>
      <c r="C21" s="1145">
        <v>1134</v>
      </c>
      <c r="D21" s="1146">
        <v>631</v>
      </c>
      <c r="E21" s="1147">
        <v>503</v>
      </c>
      <c r="F21" s="1148">
        <v>0</v>
      </c>
      <c r="G21" s="1146">
        <v>0</v>
      </c>
      <c r="H21" s="1148">
        <v>0</v>
      </c>
      <c r="I21" s="1145">
        <v>92</v>
      </c>
      <c r="J21" s="1146">
        <v>55</v>
      </c>
      <c r="K21" s="1147">
        <v>37</v>
      </c>
      <c r="L21" s="1148">
        <v>1042</v>
      </c>
      <c r="M21" s="1146">
        <v>576</v>
      </c>
      <c r="N21" s="1148">
        <v>466</v>
      </c>
    </row>
    <row r="22" spans="1:15">
      <c r="A22" s="912"/>
      <c r="B22" s="914" t="s">
        <v>731</v>
      </c>
      <c r="C22" s="1145">
        <v>1477</v>
      </c>
      <c r="D22" s="1146">
        <v>805</v>
      </c>
      <c r="E22" s="1147">
        <v>672</v>
      </c>
      <c r="F22" s="1148">
        <v>3</v>
      </c>
      <c r="G22" s="1146">
        <v>2</v>
      </c>
      <c r="H22" s="1148">
        <v>1</v>
      </c>
      <c r="I22" s="1145">
        <v>123</v>
      </c>
      <c r="J22" s="1146">
        <v>89</v>
      </c>
      <c r="K22" s="1147">
        <v>34</v>
      </c>
      <c r="L22" s="1148">
        <v>1351</v>
      </c>
      <c r="M22" s="1146">
        <v>714</v>
      </c>
      <c r="N22" s="1148">
        <v>637</v>
      </c>
    </row>
    <row r="23" spans="1:15">
      <c r="A23" s="912"/>
      <c r="B23" s="914" t="s">
        <v>732</v>
      </c>
      <c r="C23" s="1145">
        <v>1990</v>
      </c>
      <c r="D23" s="1146">
        <v>993</v>
      </c>
      <c r="E23" s="1147">
        <v>997</v>
      </c>
      <c r="F23" s="1148">
        <v>10</v>
      </c>
      <c r="G23" s="1146">
        <v>6</v>
      </c>
      <c r="H23" s="1148">
        <v>4</v>
      </c>
      <c r="I23" s="1145">
        <v>221</v>
      </c>
      <c r="J23" s="1146">
        <v>133</v>
      </c>
      <c r="K23" s="1147">
        <v>88</v>
      </c>
      <c r="L23" s="1148">
        <v>1759</v>
      </c>
      <c r="M23" s="1146">
        <v>854</v>
      </c>
      <c r="N23" s="1148">
        <v>905</v>
      </c>
    </row>
    <row r="24" spans="1:15">
      <c r="A24" s="912"/>
      <c r="B24" s="914" t="s">
        <v>334</v>
      </c>
      <c r="C24" s="1145">
        <v>1214</v>
      </c>
      <c r="D24" s="1146">
        <v>651</v>
      </c>
      <c r="E24" s="1147">
        <v>563</v>
      </c>
      <c r="F24" s="1148">
        <v>6</v>
      </c>
      <c r="G24" s="1146">
        <v>4</v>
      </c>
      <c r="H24" s="1148">
        <v>2</v>
      </c>
      <c r="I24" s="1145">
        <v>148</v>
      </c>
      <c r="J24" s="1146">
        <v>98</v>
      </c>
      <c r="K24" s="1147">
        <v>50</v>
      </c>
      <c r="L24" s="1148">
        <v>1060</v>
      </c>
      <c r="M24" s="1146">
        <v>549</v>
      </c>
      <c r="N24" s="1148">
        <v>511</v>
      </c>
    </row>
    <row r="25" spans="1:15" s="911" customFormat="1" ht="20.100000000000001" customHeight="1">
      <c r="A25" s="1453" t="s">
        <v>781</v>
      </c>
      <c r="B25" s="1454"/>
      <c r="C25" s="1140">
        <v>11142</v>
      </c>
      <c r="D25" s="1141">
        <v>6037</v>
      </c>
      <c r="E25" s="1142">
        <v>5105</v>
      </c>
      <c r="F25" s="1143">
        <v>46</v>
      </c>
      <c r="G25" s="1141">
        <v>30</v>
      </c>
      <c r="H25" s="1141">
        <v>16</v>
      </c>
      <c r="I25" s="1140">
        <v>1369</v>
      </c>
      <c r="J25" s="1141">
        <v>944</v>
      </c>
      <c r="K25" s="1141">
        <v>425</v>
      </c>
      <c r="L25" s="1143">
        <v>9727</v>
      </c>
      <c r="M25" s="1141">
        <v>5063</v>
      </c>
      <c r="N25" s="1140">
        <v>4664</v>
      </c>
      <c r="O25" s="809"/>
    </row>
    <row r="26" spans="1:15">
      <c r="A26" s="912"/>
      <c r="B26" s="914" t="s">
        <v>735</v>
      </c>
      <c r="C26" s="1145">
        <v>2308</v>
      </c>
      <c r="D26" s="1146">
        <v>1342</v>
      </c>
      <c r="E26" s="1147">
        <v>966</v>
      </c>
      <c r="F26" s="1148">
        <v>11</v>
      </c>
      <c r="G26" s="1146">
        <v>7</v>
      </c>
      <c r="H26" s="1148">
        <v>4</v>
      </c>
      <c r="I26" s="1145">
        <v>293</v>
      </c>
      <c r="J26" s="1146">
        <v>210</v>
      </c>
      <c r="K26" s="1147">
        <v>83</v>
      </c>
      <c r="L26" s="1148">
        <v>2004</v>
      </c>
      <c r="M26" s="1146">
        <v>1125</v>
      </c>
      <c r="N26" s="1148">
        <v>879</v>
      </c>
    </row>
    <row r="27" spans="1:15">
      <c r="A27" s="912"/>
      <c r="B27" s="914" t="s">
        <v>736</v>
      </c>
      <c r="C27" s="1145">
        <v>1428</v>
      </c>
      <c r="D27" s="1146">
        <v>765</v>
      </c>
      <c r="E27" s="1147">
        <v>663</v>
      </c>
      <c r="F27" s="1148">
        <v>2</v>
      </c>
      <c r="G27" s="1146">
        <v>2</v>
      </c>
      <c r="H27" s="1148">
        <v>0</v>
      </c>
      <c r="I27" s="1145">
        <v>161</v>
      </c>
      <c r="J27" s="1146">
        <v>111</v>
      </c>
      <c r="K27" s="1147">
        <v>50</v>
      </c>
      <c r="L27" s="1148">
        <v>1265</v>
      </c>
      <c r="M27" s="1146">
        <v>652</v>
      </c>
      <c r="N27" s="1148">
        <v>613</v>
      </c>
    </row>
    <row r="28" spans="1:15">
      <c r="A28" s="912"/>
      <c r="B28" s="914" t="s">
        <v>737</v>
      </c>
      <c r="C28" s="1145">
        <v>1569</v>
      </c>
      <c r="D28" s="1146">
        <v>848</v>
      </c>
      <c r="E28" s="1147">
        <v>721</v>
      </c>
      <c r="F28" s="1148">
        <v>9</v>
      </c>
      <c r="G28" s="1146">
        <v>4</v>
      </c>
      <c r="H28" s="1148">
        <v>5</v>
      </c>
      <c r="I28" s="1145">
        <v>185</v>
      </c>
      <c r="J28" s="1146">
        <v>127</v>
      </c>
      <c r="K28" s="1147">
        <v>58</v>
      </c>
      <c r="L28" s="1148">
        <v>1375</v>
      </c>
      <c r="M28" s="1146">
        <v>717</v>
      </c>
      <c r="N28" s="1148">
        <v>658</v>
      </c>
    </row>
    <row r="29" spans="1:15">
      <c r="A29" s="912"/>
      <c r="B29" s="914" t="s">
        <v>738</v>
      </c>
      <c r="C29" s="1145">
        <v>1553</v>
      </c>
      <c r="D29" s="1146">
        <v>807</v>
      </c>
      <c r="E29" s="1147">
        <v>746</v>
      </c>
      <c r="F29" s="1148">
        <v>6</v>
      </c>
      <c r="G29" s="1146">
        <v>2</v>
      </c>
      <c r="H29" s="1148">
        <v>4</v>
      </c>
      <c r="I29" s="1145">
        <v>211</v>
      </c>
      <c r="J29" s="1146">
        <v>147</v>
      </c>
      <c r="K29" s="1147">
        <v>64</v>
      </c>
      <c r="L29" s="1148">
        <v>1336</v>
      </c>
      <c r="M29" s="1146">
        <v>658</v>
      </c>
      <c r="N29" s="1148">
        <v>678</v>
      </c>
    </row>
    <row r="30" spans="1:15">
      <c r="A30" s="912"/>
      <c r="B30" s="914" t="s">
        <v>739</v>
      </c>
      <c r="C30" s="1145">
        <v>1523</v>
      </c>
      <c r="D30" s="1146">
        <v>832</v>
      </c>
      <c r="E30" s="1147">
        <v>691</v>
      </c>
      <c r="F30" s="1148">
        <v>7</v>
      </c>
      <c r="G30" s="1146">
        <v>6</v>
      </c>
      <c r="H30" s="1148">
        <v>1</v>
      </c>
      <c r="I30" s="1145">
        <v>183</v>
      </c>
      <c r="J30" s="1146">
        <v>128</v>
      </c>
      <c r="K30" s="1147">
        <v>55</v>
      </c>
      <c r="L30" s="1148">
        <v>1333</v>
      </c>
      <c r="M30" s="1146">
        <v>698</v>
      </c>
      <c r="N30" s="1148">
        <v>635</v>
      </c>
    </row>
    <row r="31" spans="1:15">
      <c r="A31" s="912"/>
      <c r="B31" s="914" t="s">
        <v>338</v>
      </c>
      <c r="C31" s="1145">
        <v>1470</v>
      </c>
      <c r="D31" s="1146">
        <v>767</v>
      </c>
      <c r="E31" s="1147">
        <v>703</v>
      </c>
      <c r="F31" s="1148">
        <v>7</v>
      </c>
      <c r="G31" s="1146">
        <v>7</v>
      </c>
      <c r="H31" s="1148">
        <v>0</v>
      </c>
      <c r="I31" s="1145">
        <v>204</v>
      </c>
      <c r="J31" s="1146">
        <v>128</v>
      </c>
      <c r="K31" s="1147">
        <v>76</v>
      </c>
      <c r="L31" s="1148">
        <v>1259</v>
      </c>
      <c r="M31" s="1146">
        <v>632</v>
      </c>
      <c r="N31" s="1148">
        <v>627</v>
      </c>
    </row>
    <row r="32" spans="1:15">
      <c r="A32" s="912"/>
      <c r="B32" s="914" t="s">
        <v>740</v>
      </c>
      <c r="C32" s="1145">
        <v>1291</v>
      </c>
      <c r="D32" s="1146">
        <v>676</v>
      </c>
      <c r="E32" s="1147">
        <v>615</v>
      </c>
      <c r="F32" s="1148">
        <v>4</v>
      </c>
      <c r="G32" s="1146">
        <v>2</v>
      </c>
      <c r="H32" s="1148">
        <v>2</v>
      </c>
      <c r="I32" s="1145">
        <v>132</v>
      </c>
      <c r="J32" s="1146">
        <v>93</v>
      </c>
      <c r="K32" s="1147">
        <v>39</v>
      </c>
      <c r="L32" s="1148">
        <v>1155</v>
      </c>
      <c r="M32" s="1146">
        <v>581</v>
      </c>
      <c r="N32" s="1148">
        <v>574</v>
      </c>
    </row>
    <row r="33" spans="1:15" s="897" customFormat="1" ht="20.100000000000001" customHeight="1">
      <c r="A33" s="1449" t="s">
        <v>741</v>
      </c>
      <c r="B33" s="1450"/>
      <c r="C33" s="1140">
        <v>8366</v>
      </c>
      <c r="D33" s="1141">
        <v>4319</v>
      </c>
      <c r="E33" s="1142">
        <v>4047</v>
      </c>
      <c r="F33" s="1143">
        <v>15</v>
      </c>
      <c r="G33" s="1141">
        <v>10</v>
      </c>
      <c r="H33" s="1141">
        <v>5</v>
      </c>
      <c r="I33" s="1140">
        <v>715</v>
      </c>
      <c r="J33" s="1141">
        <v>474</v>
      </c>
      <c r="K33" s="1141">
        <v>241</v>
      </c>
      <c r="L33" s="1143">
        <v>7636</v>
      </c>
      <c r="M33" s="1141">
        <v>3835</v>
      </c>
      <c r="N33" s="1140">
        <v>3801</v>
      </c>
      <c r="O33" s="916"/>
    </row>
    <row r="34" spans="1:15">
      <c r="A34" s="912"/>
      <c r="B34" s="914" t="s">
        <v>742</v>
      </c>
      <c r="C34" s="1145">
        <v>4706</v>
      </c>
      <c r="D34" s="1146">
        <v>2470</v>
      </c>
      <c r="E34" s="1147">
        <v>2236</v>
      </c>
      <c r="F34" s="1148">
        <v>12</v>
      </c>
      <c r="G34" s="1146">
        <v>8</v>
      </c>
      <c r="H34" s="1148">
        <v>4</v>
      </c>
      <c r="I34" s="1145">
        <v>461</v>
      </c>
      <c r="J34" s="1146">
        <v>313</v>
      </c>
      <c r="K34" s="1147">
        <v>148</v>
      </c>
      <c r="L34" s="1148">
        <v>4233</v>
      </c>
      <c r="M34" s="1146">
        <v>2149</v>
      </c>
      <c r="N34" s="1148">
        <v>2084</v>
      </c>
    </row>
    <row r="35" spans="1:15">
      <c r="A35" s="912"/>
      <c r="B35" s="914" t="s">
        <v>743</v>
      </c>
      <c r="C35" s="1145">
        <v>1990</v>
      </c>
      <c r="D35" s="1146">
        <v>1002</v>
      </c>
      <c r="E35" s="1147">
        <v>988</v>
      </c>
      <c r="F35" s="1148">
        <v>1</v>
      </c>
      <c r="G35" s="1146">
        <v>1</v>
      </c>
      <c r="H35" s="1148">
        <v>0</v>
      </c>
      <c r="I35" s="1145">
        <v>138</v>
      </c>
      <c r="J35" s="1146">
        <v>85</v>
      </c>
      <c r="K35" s="1147">
        <v>53</v>
      </c>
      <c r="L35" s="1148">
        <v>1851</v>
      </c>
      <c r="M35" s="1146">
        <v>916</v>
      </c>
      <c r="N35" s="1148">
        <v>935</v>
      </c>
    </row>
    <row r="36" spans="1:15">
      <c r="A36" s="912"/>
      <c r="B36" s="914" t="s">
        <v>744</v>
      </c>
      <c r="C36" s="1145">
        <v>695</v>
      </c>
      <c r="D36" s="1146">
        <v>351</v>
      </c>
      <c r="E36" s="1147">
        <v>344</v>
      </c>
      <c r="F36" s="1148">
        <v>1</v>
      </c>
      <c r="G36" s="1146">
        <v>0</v>
      </c>
      <c r="H36" s="1148">
        <v>1</v>
      </c>
      <c r="I36" s="1145">
        <v>54</v>
      </c>
      <c r="J36" s="1146">
        <v>36</v>
      </c>
      <c r="K36" s="1147">
        <v>18</v>
      </c>
      <c r="L36" s="1148">
        <v>640</v>
      </c>
      <c r="M36" s="1146">
        <v>315</v>
      </c>
      <c r="N36" s="1148">
        <v>325</v>
      </c>
    </row>
    <row r="37" spans="1:15">
      <c r="A37" s="912"/>
      <c r="B37" s="914" t="s">
        <v>745</v>
      </c>
      <c r="C37" s="1145">
        <v>636</v>
      </c>
      <c r="D37" s="1146">
        <v>345</v>
      </c>
      <c r="E37" s="1147">
        <v>291</v>
      </c>
      <c r="F37" s="1148">
        <v>0</v>
      </c>
      <c r="G37" s="1146">
        <v>0</v>
      </c>
      <c r="H37" s="1148">
        <v>0</v>
      </c>
      <c r="I37" s="1145">
        <v>55</v>
      </c>
      <c r="J37" s="1146">
        <v>37</v>
      </c>
      <c r="K37" s="1147">
        <v>18</v>
      </c>
      <c r="L37" s="1148">
        <v>581</v>
      </c>
      <c r="M37" s="1146">
        <v>308</v>
      </c>
      <c r="N37" s="1148">
        <v>273</v>
      </c>
    </row>
    <row r="38" spans="1:15">
      <c r="A38" s="912"/>
      <c r="B38" s="914" t="s">
        <v>746</v>
      </c>
      <c r="C38" s="1145">
        <v>339</v>
      </c>
      <c r="D38" s="1146">
        <v>151</v>
      </c>
      <c r="E38" s="1147">
        <v>188</v>
      </c>
      <c r="F38" s="1148">
        <v>1</v>
      </c>
      <c r="G38" s="1146">
        <v>1</v>
      </c>
      <c r="H38" s="1148">
        <v>0</v>
      </c>
      <c r="I38" s="1145">
        <v>7</v>
      </c>
      <c r="J38" s="1146">
        <v>3</v>
      </c>
      <c r="K38" s="1147">
        <v>4</v>
      </c>
      <c r="L38" s="1148">
        <v>331</v>
      </c>
      <c r="M38" s="1146">
        <v>147</v>
      </c>
      <c r="N38" s="1148">
        <v>184</v>
      </c>
    </row>
    <row r="39" spans="1:15" s="897" customFormat="1" ht="20.100000000000001" customHeight="1">
      <c r="A39" s="1449" t="s">
        <v>782</v>
      </c>
      <c r="B39" s="1450"/>
      <c r="C39" s="1140">
        <v>13190</v>
      </c>
      <c r="D39" s="1141">
        <v>7366</v>
      </c>
      <c r="E39" s="1142">
        <v>5824</v>
      </c>
      <c r="F39" s="1143">
        <v>53</v>
      </c>
      <c r="G39" s="1141">
        <v>30</v>
      </c>
      <c r="H39" s="1141">
        <v>23</v>
      </c>
      <c r="I39" s="1140">
        <v>1609</v>
      </c>
      <c r="J39" s="1141">
        <v>1081</v>
      </c>
      <c r="K39" s="1141">
        <v>528</v>
      </c>
      <c r="L39" s="1143">
        <v>11528</v>
      </c>
      <c r="M39" s="1141">
        <v>6255</v>
      </c>
      <c r="N39" s="1140">
        <v>5273</v>
      </c>
      <c r="O39" s="916"/>
    </row>
    <row r="40" spans="1:15" s="897" customFormat="1">
      <c r="A40" s="1451" t="s">
        <v>783</v>
      </c>
      <c r="B40" s="1452"/>
      <c r="C40" s="1145">
        <v>6099</v>
      </c>
      <c r="D40" s="1145">
        <v>3386</v>
      </c>
      <c r="E40" s="1145">
        <v>2713</v>
      </c>
      <c r="F40" s="1145">
        <v>22</v>
      </c>
      <c r="G40" s="1145">
        <v>11</v>
      </c>
      <c r="H40" s="1145">
        <v>11</v>
      </c>
      <c r="I40" s="1145">
        <v>745</v>
      </c>
      <c r="J40" s="1145">
        <v>510</v>
      </c>
      <c r="K40" s="1145">
        <v>235</v>
      </c>
      <c r="L40" s="1145">
        <v>5332</v>
      </c>
      <c r="M40" s="1145">
        <v>2865</v>
      </c>
      <c r="N40" s="1145">
        <v>2467</v>
      </c>
      <c r="O40" s="916"/>
    </row>
    <row r="41" spans="1:15" s="897" customFormat="1">
      <c r="A41" s="910"/>
      <c r="B41" s="914" t="s">
        <v>749</v>
      </c>
      <c r="C41" s="1145">
        <v>1508</v>
      </c>
      <c r="D41" s="1145">
        <v>837</v>
      </c>
      <c r="E41" s="1145">
        <v>671</v>
      </c>
      <c r="F41" s="1145">
        <v>2</v>
      </c>
      <c r="G41" s="1145">
        <v>1</v>
      </c>
      <c r="H41" s="1145">
        <v>1</v>
      </c>
      <c r="I41" s="1145">
        <v>193</v>
      </c>
      <c r="J41" s="1145">
        <v>125</v>
      </c>
      <c r="K41" s="1145">
        <v>68</v>
      </c>
      <c r="L41" s="1145">
        <v>1313</v>
      </c>
      <c r="M41" s="1145">
        <v>711</v>
      </c>
      <c r="N41" s="1145">
        <v>602</v>
      </c>
      <c r="O41" s="916"/>
    </row>
    <row r="42" spans="1:15" s="897" customFormat="1">
      <c r="A42" s="910"/>
      <c r="B42" s="914" t="s">
        <v>751</v>
      </c>
      <c r="C42" s="1145">
        <v>2290</v>
      </c>
      <c r="D42" s="1145">
        <v>1305</v>
      </c>
      <c r="E42" s="1145">
        <v>985</v>
      </c>
      <c r="F42" s="1145">
        <v>8</v>
      </c>
      <c r="G42" s="1145">
        <v>5</v>
      </c>
      <c r="H42" s="1145">
        <v>3</v>
      </c>
      <c r="I42" s="1145">
        <v>294</v>
      </c>
      <c r="J42" s="1145">
        <v>218</v>
      </c>
      <c r="K42" s="1145">
        <v>76</v>
      </c>
      <c r="L42" s="1145">
        <v>1988</v>
      </c>
      <c r="M42" s="1145">
        <v>1082</v>
      </c>
      <c r="N42" s="1145">
        <v>906</v>
      </c>
      <c r="O42" s="916"/>
    </row>
    <row r="43" spans="1:15" s="897" customFormat="1" ht="18.75" customHeight="1">
      <c r="A43" s="910"/>
      <c r="B43" s="915" t="s">
        <v>752</v>
      </c>
      <c r="C43" s="1149">
        <v>2301</v>
      </c>
      <c r="D43" s="1149">
        <v>1244</v>
      </c>
      <c r="E43" s="1149">
        <v>1057</v>
      </c>
      <c r="F43" s="1150">
        <v>12</v>
      </c>
      <c r="G43" s="1149">
        <v>5</v>
      </c>
      <c r="H43" s="1150">
        <v>7</v>
      </c>
      <c r="I43" s="1149">
        <v>258</v>
      </c>
      <c r="J43" s="1149">
        <v>167</v>
      </c>
      <c r="K43" s="1149">
        <v>91</v>
      </c>
      <c r="L43" s="1150">
        <v>2031</v>
      </c>
      <c r="M43" s="1149">
        <v>1072</v>
      </c>
      <c r="N43" s="1149">
        <v>959</v>
      </c>
      <c r="O43" s="916"/>
    </row>
    <row r="44" spans="1:15">
      <c r="A44" s="912"/>
      <c r="B44" s="914" t="s">
        <v>753</v>
      </c>
      <c r="C44" s="1145">
        <v>1842</v>
      </c>
      <c r="D44" s="1146">
        <v>1052</v>
      </c>
      <c r="E44" s="1148">
        <v>790</v>
      </c>
      <c r="F44" s="1146">
        <v>10</v>
      </c>
      <c r="G44" s="1145">
        <v>8</v>
      </c>
      <c r="H44" s="1146">
        <v>2</v>
      </c>
      <c r="I44" s="1145">
        <v>229</v>
      </c>
      <c r="J44" s="1146">
        <v>151</v>
      </c>
      <c r="K44" s="1148">
        <v>78</v>
      </c>
      <c r="L44" s="1146">
        <v>1603</v>
      </c>
      <c r="M44" s="1146">
        <v>893</v>
      </c>
      <c r="N44" s="1148">
        <v>710</v>
      </c>
    </row>
    <row r="45" spans="1:15">
      <c r="A45" s="912"/>
      <c r="B45" s="914" t="s">
        <v>754</v>
      </c>
      <c r="C45" s="1145">
        <v>1960</v>
      </c>
      <c r="D45" s="1146">
        <v>1076</v>
      </c>
      <c r="E45" s="1147">
        <v>884</v>
      </c>
      <c r="F45" s="1148">
        <v>13</v>
      </c>
      <c r="G45" s="1146">
        <v>3</v>
      </c>
      <c r="H45" s="1148">
        <v>10</v>
      </c>
      <c r="I45" s="1145">
        <v>237</v>
      </c>
      <c r="J45" s="1146">
        <v>158</v>
      </c>
      <c r="K45" s="1147">
        <v>79</v>
      </c>
      <c r="L45" s="1148">
        <v>1710</v>
      </c>
      <c r="M45" s="1146">
        <v>915</v>
      </c>
      <c r="N45" s="1148">
        <v>795</v>
      </c>
    </row>
    <row r="46" spans="1:15">
      <c r="A46" s="912"/>
      <c r="B46" s="914" t="s">
        <v>755</v>
      </c>
      <c r="C46" s="1145">
        <v>980</v>
      </c>
      <c r="D46" s="1146">
        <v>544</v>
      </c>
      <c r="E46" s="1147">
        <v>436</v>
      </c>
      <c r="F46" s="1148">
        <v>2</v>
      </c>
      <c r="G46" s="1146">
        <v>2</v>
      </c>
      <c r="H46" s="1148">
        <v>0</v>
      </c>
      <c r="I46" s="1145">
        <v>107</v>
      </c>
      <c r="J46" s="1146">
        <v>71</v>
      </c>
      <c r="K46" s="1147">
        <v>36</v>
      </c>
      <c r="L46" s="1148">
        <v>871</v>
      </c>
      <c r="M46" s="1146">
        <v>471</v>
      </c>
      <c r="N46" s="1148">
        <v>400</v>
      </c>
    </row>
    <row r="47" spans="1:15">
      <c r="A47" s="912"/>
      <c r="B47" s="914" t="s">
        <v>756</v>
      </c>
      <c r="C47" s="1145">
        <v>1098</v>
      </c>
      <c r="D47" s="1146">
        <v>615</v>
      </c>
      <c r="E47" s="1147">
        <v>483</v>
      </c>
      <c r="F47" s="1148">
        <v>4</v>
      </c>
      <c r="G47" s="1146">
        <v>4</v>
      </c>
      <c r="H47" s="1148">
        <v>0</v>
      </c>
      <c r="I47" s="1145">
        <v>129</v>
      </c>
      <c r="J47" s="1146">
        <v>85</v>
      </c>
      <c r="K47" s="1147">
        <v>44</v>
      </c>
      <c r="L47" s="1148">
        <v>965</v>
      </c>
      <c r="M47" s="1146">
        <v>526</v>
      </c>
      <c r="N47" s="1148">
        <v>439</v>
      </c>
    </row>
    <row r="48" spans="1:15">
      <c r="A48" s="912"/>
      <c r="B48" s="914" t="s">
        <v>340</v>
      </c>
      <c r="C48" s="1145">
        <v>777</v>
      </c>
      <c r="D48" s="1146">
        <v>439</v>
      </c>
      <c r="E48" s="1147">
        <v>338</v>
      </c>
      <c r="F48" s="1148">
        <v>2</v>
      </c>
      <c r="G48" s="1146">
        <v>2</v>
      </c>
      <c r="H48" s="1148">
        <v>0</v>
      </c>
      <c r="I48" s="1145">
        <v>105</v>
      </c>
      <c r="J48" s="1146">
        <v>70</v>
      </c>
      <c r="K48" s="1147">
        <v>35</v>
      </c>
      <c r="L48" s="1148">
        <v>670</v>
      </c>
      <c r="M48" s="1146">
        <v>367</v>
      </c>
      <c r="N48" s="1148">
        <v>303</v>
      </c>
    </row>
    <row r="49" spans="1:14">
      <c r="A49" s="912"/>
      <c r="B49" s="914" t="s">
        <v>757</v>
      </c>
      <c r="C49" s="1145">
        <v>403</v>
      </c>
      <c r="D49" s="1146">
        <v>234</v>
      </c>
      <c r="E49" s="1147">
        <v>169</v>
      </c>
      <c r="F49" s="1148">
        <v>0</v>
      </c>
      <c r="G49" s="1146">
        <v>0</v>
      </c>
      <c r="H49" s="1148">
        <v>0</v>
      </c>
      <c r="I49" s="1145">
        <v>54</v>
      </c>
      <c r="J49" s="1146">
        <v>34</v>
      </c>
      <c r="K49" s="1147">
        <v>20</v>
      </c>
      <c r="L49" s="1148">
        <v>349</v>
      </c>
      <c r="M49" s="1146">
        <v>200</v>
      </c>
      <c r="N49" s="1148">
        <v>149</v>
      </c>
    </row>
    <row r="50" spans="1:14">
      <c r="A50" s="912"/>
      <c r="B50" s="914" t="s">
        <v>758</v>
      </c>
      <c r="C50" s="1145">
        <v>31</v>
      </c>
      <c r="D50" s="1146">
        <v>20</v>
      </c>
      <c r="E50" s="1147">
        <v>11</v>
      </c>
      <c r="F50" s="1148">
        <v>0</v>
      </c>
      <c r="G50" s="1146">
        <v>0</v>
      </c>
      <c r="H50" s="1148">
        <v>0</v>
      </c>
      <c r="I50" s="1145">
        <v>3</v>
      </c>
      <c r="J50" s="1146">
        <v>2</v>
      </c>
      <c r="K50" s="1147">
        <v>1</v>
      </c>
      <c r="L50" s="1148">
        <v>28</v>
      </c>
      <c r="M50" s="1146">
        <v>18</v>
      </c>
      <c r="N50" s="1148">
        <v>10</v>
      </c>
    </row>
    <row r="51" spans="1:14" s="897" customFormat="1" ht="20.100000000000001" customHeight="1">
      <c r="A51" s="1449" t="s">
        <v>784</v>
      </c>
      <c r="B51" s="1450"/>
      <c r="C51" s="1140">
        <v>11590</v>
      </c>
      <c r="D51" s="1141">
        <v>6186</v>
      </c>
      <c r="E51" s="1142">
        <v>5404</v>
      </c>
      <c r="F51" s="1143">
        <v>33</v>
      </c>
      <c r="G51" s="1141">
        <v>13</v>
      </c>
      <c r="H51" s="1141">
        <v>20</v>
      </c>
      <c r="I51" s="1140">
        <v>1155</v>
      </c>
      <c r="J51" s="1141">
        <v>756</v>
      </c>
      <c r="K51" s="1141">
        <v>399</v>
      </c>
      <c r="L51" s="1143">
        <v>10402</v>
      </c>
      <c r="M51" s="1141">
        <v>5417</v>
      </c>
      <c r="N51" s="1140">
        <v>4985</v>
      </c>
    </row>
    <row r="52" spans="1:14">
      <c r="A52" s="912"/>
      <c r="B52" s="914" t="s">
        <v>760</v>
      </c>
      <c r="C52" s="1145">
        <v>2568</v>
      </c>
      <c r="D52" s="1146">
        <v>1379</v>
      </c>
      <c r="E52" s="1147">
        <v>1189</v>
      </c>
      <c r="F52" s="1148">
        <v>9</v>
      </c>
      <c r="G52" s="1146">
        <v>2</v>
      </c>
      <c r="H52" s="1148">
        <v>7</v>
      </c>
      <c r="I52" s="1145">
        <v>284</v>
      </c>
      <c r="J52" s="1146">
        <v>187</v>
      </c>
      <c r="K52" s="1147">
        <v>97</v>
      </c>
      <c r="L52" s="1148">
        <v>2275</v>
      </c>
      <c r="M52" s="1146">
        <v>1190</v>
      </c>
      <c r="N52" s="1148">
        <v>1085</v>
      </c>
    </row>
    <row r="53" spans="1:14">
      <c r="A53" s="912"/>
      <c r="B53" s="914" t="s">
        <v>342</v>
      </c>
      <c r="C53" s="1145">
        <v>3521</v>
      </c>
      <c r="D53" s="1146">
        <v>1858</v>
      </c>
      <c r="E53" s="1147">
        <v>1663</v>
      </c>
      <c r="F53" s="1148">
        <v>11</v>
      </c>
      <c r="G53" s="1146">
        <v>4</v>
      </c>
      <c r="H53" s="1148">
        <v>7</v>
      </c>
      <c r="I53" s="1145">
        <v>371</v>
      </c>
      <c r="J53" s="1146">
        <v>242</v>
      </c>
      <c r="K53" s="1147">
        <v>129</v>
      </c>
      <c r="L53" s="1148">
        <v>3139</v>
      </c>
      <c r="M53" s="1146">
        <v>1612</v>
      </c>
      <c r="N53" s="1148">
        <v>1527</v>
      </c>
    </row>
    <row r="54" spans="1:14">
      <c r="A54" s="912"/>
      <c r="B54" s="914" t="s">
        <v>761</v>
      </c>
      <c r="C54" s="1145">
        <v>2083</v>
      </c>
      <c r="D54" s="1146">
        <v>1095</v>
      </c>
      <c r="E54" s="1147">
        <v>988</v>
      </c>
      <c r="F54" s="1148">
        <v>6</v>
      </c>
      <c r="G54" s="1146">
        <v>3</v>
      </c>
      <c r="H54" s="1148">
        <v>3</v>
      </c>
      <c r="I54" s="1145">
        <v>201</v>
      </c>
      <c r="J54" s="1146">
        <v>136</v>
      </c>
      <c r="K54" s="1147">
        <v>65</v>
      </c>
      <c r="L54" s="1148">
        <v>1876</v>
      </c>
      <c r="M54" s="1146">
        <v>956</v>
      </c>
      <c r="N54" s="1148">
        <v>920</v>
      </c>
    </row>
    <row r="55" spans="1:14">
      <c r="A55" s="912"/>
      <c r="B55" s="914" t="s">
        <v>762</v>
      </c>
      <c r="C55" s="1145">
        <v>1454</v>
      </c>
      <c r="D55" s="1146">
        <v>781</v>
      </c>
      <c r="E55" s="1147">
        <v>673</v>
      </c>
      <c r="F55" s="1148">
        <v>4</v>
      </c>
      <c r="G55" s="1146">
        <v>2</v>
      </c>
      <c r="H55" s="1148">
        <v>2</v>
      </c>
      <c r="I55" s="1145">
        <v>133</v>
      </c>
      <c r="J55" s="1146">
        <v>89</v>
      </c>
      <c r="K55" s="1147">
        <v>44</v>
      </c>
      <c r="L55" s="1148">
        <v>1317</v>
      </c>
      <c r="M55" s="1146">
        <v>690</v>
      </c>
      <c r="N55" s="1148">
        <v>627</v>
      </c>
    </row>
    <row r="56" spans="1:14">
      <c r="A56" s="912"/>
      <c r="B56" s="914" t="s">
        <v>763</v>
      </c>
      <c r="C56" s="1145">
        <v>837</v>
      </c>
      <c r="D56" s="1146">
        <v>469</v>
      </c>
      <c r="E56" s="1147">
        <v>368</v>
      </c>
      <c r="F56" s="1148">
        <v>2</v>
      </c>
      <c r="G56" s="1146">
        <v>2</v>
      </c>
      <c r="H56" s="1148">
        <v>0</v>
      </c>
      <c r="I56" s="1145">
        <v>75</v>
      </c>
      <c r="J56" s="1146">
        <v>48</v>
      </c>
      <c r="K56" s="1147">
        <v>27</v>
      </c>
      <c r="L56" s="1148">
        <v>760</v>
      </c>
      <c r="M56" s="1146">
        <v>419</v>
      </c>
      <c r="N56" s="1148">
        <v>341</v>
      </c>
    </row>
    <row r="57" spans="1:14">
      <c r="A57" s="912"/>
      <c r="B57" s="914" t="s">
        <v>764</v>
      </c>
      <c r="C57" s="1145">
        <v>432</v>
      </c>
      <c r="D57" s="1146">
        <v>248</v>
      </c>
      <c r="E57" s="1147">
        <v>184</v>
      </c>
      <c r="F57" s="1148">
        <v>1</v>
      </c>
      <c r="G57" s="1146">
        <v>0</v>
      </c>
      <c r="H57" s="1148">
        <v>1</v>
      </c>
      <c r="I57" s="1145">
        <v>53</v>
      </c>
      <c r="J57" s="1146">
        <v>30</v>
      </c>
      <c r="K57" s="1147">
        <v>23</v>
      </c>
      <c r="L57" s="1148">
        <v>378</v>
      </c>
      <c r="M57" s="1146">
        <v>218</v>
      </c>
      <c r="N57" s="1148">
        <v>160</v>
      </c>
    </row>
    <row r="58" spans="1:14">
      <c r="A58" s="912"/>
      <c r="B58" s="914" t="s">
        <v>765</v>
      </c>
      <c r="C58" s="1145">
        <v>381</v>
      </c>
      <c r="D58" s="1146">
        <v>203</v>
      </c>
      <c r="E58" s="1147">
        <v>178</v>
      </c>
      <c r="F58" s="1148">
        <v>0</v>
      </c>
      <c r="G58" s="1146">
        <v>0</v>
      </c>
      <c r="H58" s="1148">
        <v>0</v>
      </c>
      <c r="I58" s="1145">
        <v>16</v>
      </c>
      <c r="J58" s="1146">
        <v>8</v>
      </c>
      <c r="K58" s="1147">
        <v>8</v>
      </c>
      <c r="L58" s="1148">
        <v>365</v>
      </c>
      <c r="M58" s="1146">
        <v>195</v>
      </c>
      <c r="N58" s="1148">
        <v>170</v>
      </c>
    </row>
    <row r="59" spans="1:14">
      <c r="A59" s="912"/>
      <c r="B59" s="914" t="s">
        <v>766</v>
      </c>
      <c r="C59" s="1145">
        <v>314</v>
      </c>
      <c r="D59" s="1146">
        <v>153</v>
      </c>
      <c r="E59" s="1147">
        <v>161</v>
      </c>
      <c r="F59" s="1148">
        <v>0</v>
      </c>
      <c r="G59" s="1146">
        <v>0</v>
      </c>
      <c r="H59" s="1148">
        <v>0</v>
      </c>
      <c r="I59" s="1145">
        <v>22</v>
      </c>
      <c r="J59" s="1146">
        <v>16</v>
      </c>
      <c r="K59" s="1147">
        <v>6</v>
      </c>
      <c r="L59" s="1148">
        <v>292</v>
      </c>
      <c r="M59" s="1146">
        <v>137</v>
      </c>
      <c r="N59" s="1148">
        <v>155</v>
      </c>
    </row>
    <row r="60" spans="1:14" s="897" customFormat="1" ht="20.100000000000001" customHeight="1">
      <c r="A60" s="1449" t="s">
        <v>785</v>
      </c>
      <c r="B60" s="1450"/>
      <c r="C60" s="1140">
        <v>4013</v>
      </c>
      <c r="D60" s="1141">
        <v>2056</v>
      </c>
      <c r="E60" s="1142">
        <v>1957</v>
      </c>
      <c r="F60" s="1143">
        <v>11</v>
      </c>
      <c r="G60" s="1141">
        <v>6</v>
      </c>
      <c r="H60" s="1141">
        <v>5</v>
      </c>
      <c r="I60" s="1140">
        <v>362</v>
      </c>
      <c r="J60" s="1141">
        <v>246</v>
      </c>
      <c r="K60" s="1141">
        <v>116</v>
      </c>
      <c r="L60" s="1143">
        <v>3640</v>
      </c>
      <c r="M60" s="1141">
        <v>1804</v>
      </c>
      <c r="N60" s="1140">
        <v>1836</v>
      </c>
    </row>
    <row r="61" spans="1:14">
      <c r="A61" s="912"/>
      <c r="B61" s="914" t="s">
        <v>768</v>
      </c>
      <c r="C61" s="1145">
        <v>2134</v>
      </c>
      <c r="D61" s="1146">
        <v>1110</v>
      </c>
      <c r="E61" s="1147">
        <v>1024</v>
      </c>
      <c r="F61" s="1148">
        <v>10</v>
      </c>
      <c r="G61" s="1146">
        <v>5</v>
      </c>
      <c r="H61" s="1148">
        <v>5</v>
      </c>
      <c r="I61" s="1145">
        <v>196</v>
      </c>
      <c r="J61" s="1146">
        <v>135</v>
      </c>
      <c r="K61" s="1147">
        <v>61</v>
      </c>
      <c r="L61" s="1148">
        <v>1928</v>
      </c>
      <c r="M61" s="1146">
        <v>970</v>
      </c>
      <c r="N61" s="1148">
        <v>958</v>
      </c>
    </row>
    <row r="62" spans="1:14">
      <c r="A62" s="912"/>
      <c r="B62" s="914" t="s">
        <v>769</v>
      </c>
      <c r="C62" s="1145">
        <v>454</v>
      </c>
      <c r="D62" s="1146">
        <v>223</v>
      </c>
      <c r="E62" s="1147">
        <v>231</v>
      </c>
      <c r="F62" s="1148">
        <v>0</v>
      </c>
      <c r="G62" s="1146">
        <v>0</v>
      </c>
      <c r="H62" s="1148">
        <v>0</v>
      </c>
      <c r="I62" s="1145">
        <v>52</v>
      </c>
      <c r="J62" s="1146">
        <v>30</v>
      </c>
      <c r="K62" s="1147">
        <v>22</v>
      </c>
      <c r="L62" s="1148">
        <v>402</v>
      </c>
      <c r="M62" s="1146">
        <v>193</v>
      </c>
      <c r="N62" s="1148">
        <v>209</v>
      </c>
    </row>
    <row r="63" spans="1:14">
      <c r="A63" s="912"/>
      <c r="B63" s="914" t="s">
        <v>770</v>
      </c>
      <c r="C63" s="1145">
        <v>105</v>
      </c>
      <c r="D63" s="1146">
        <v>55</v>
      </c>
      <c r="E63" s="1147">
        <v>50</v>
      </c>
      <c r="F63" s="1148">
        <v>0</v>
      </c>
      <c r="G63" s="1146">
        <v>0</v>
      </c>
      <c r="H63" s="1148">
        <v>0</v>
      </c>
      <c r="I63" s="1145">
        <v>14</v>
      </c>
      <c r="J63" s="1146">
        <v>9</v>
      </c>
      <c r="K63" s="1147">
        <v>5</v>
      </c>
      <c r="L63" s="1148">
        <v>91</v>
      </c>
      <c r="M63" s="1146">
        <v>46</v>
      </c>
      <c r="N63" s="1148">
        <v>45</v>
      </c>
    </row>
    <row r="64" spans="1:14">
      <c r="A64" s="912"/>
      <c r="B64" s="914" t="s">
        <v>771</v>
      </c>
      <c r="C64" s="1145">
        <v>135</v>
      </c>
      <c r="D64" s="1146">
        <v>72</v>
      </c>
      <c r="E64" s="1147">
        <v>63</v>
      </c>
      <c r="F64" s="1148">
        <v>0</v>
      </c>
      <c r="G64" s="1146">
        <v>0</v>
      </c>
      <c r="H64" s="1148">
        <v>0</v>
      </c>
      <c r="I64" s="1145">
        <v>14</v>
      </c>
      <c r="J64" s="1146">
        <v>10</v>
      </c>
      <c r="K64" s="1147">
        <v>4</v>
      </c>
      <c r="L64" s="1148">
        <v>121</v>
      </c>
      <c r="M64" s="1146">
        <v>62</v>
      </c>
      <c r="N64" s="1148">
        <v>59</v>
      </c>
    </row>
    <row r="65" spans="1:17">
      <c r="A65" s="912"/>
      <c r="B65" s="914" t="s">
        <v>772</v>
      </c>
      <c r="C65" s="1145">
        <v>143</v>
      </c>
      <c r="D65" s="1146">
        <v>68</v>
      </c>
      <c r="E65" s="1147">
        <v>75</v>
      </c>
      <c r="F65" s="1148">
        <v>0</v>
      </c>
      <c r="G65" s="1146">
        <v>0</v>
      </c>
      <c r="H65" s="1148">
        <v>0</v>
      </c>
      <c r="I65" s="1145">
        <v>9</v>
      </c>
      <c r="J65" s="1146">
        <v>6</v>
      </c>
      <c r="K65" s="1147">
        <v>3</v>
      </c>
      <c r="L65" s="1148">
        <v>134</v>
      </c>
      <c r="M65" s="1146">
        <v>62</v>
      </c>
      <c r="N65" s="1148">
        <v>72</v>
      </c>
      <c r="Q65" s="145"/>
    </row>
    <row r="66" spans="1:17">
      <c r="A66" s="912"/>
      <c r="B66" s="914" t="s">
        <v>343</v>
      </c>
      <c r="C66" s="1145">
        <v>174</v>
      </c>
      <c r="D66" s="1146">
        <v>89</v>
      </c>
      <c r="E66" s="1147">
        <v>85</v>
      </c>
      <c r="F66" s="1148">
        <v>0</v>
      </c>
      <c r="G66" s="1146">
        <v>0</v>
      </c>
      <c r="H66" s="1148">
        <v>0</v>
      </c>
      <c r="I66" s="1145">
        <v>10</v>
      </c>
      <c r="J66" s="1146">
        <v>8</v>
      </c>
      <c r="K66" s="1147">
        <v>2</v>
      </c>
      <c r="L66" s="1148">
        <v>164</v>
      </c>
      <c r="M66" s="1146">
        <v>81</v>
      </c>
      <c r="N66" s="1148">
        <v>83</v>
      </c>
    </row>
    <row r="67" spans="1:17">
      <c r="A67" s="912"/>
      <c r="B67" s="914" t="s">
        <v>336</v>
      </c>
      <c r="C67" s="1145">
        <v>164</v>
      </c>
      <c r="D67" s="1146">
        <v>96</v>
      </c>
      <c r="E67" s="1147">
        <v>68</v>
      </c>
      <c r="F67" s="1148">
        <v>1</v>
      </c>
      <c r="G67" s="1146">
        <v>1</v>
      </c>
      <c r="H67" s="1148">
        <v>0</v>
      </c>
      <c r="I67" s="1145">
        <v>18</v>
      </c>
      <c r="J67" s="1146">
        <v>15</v>
      </c>
      <c r="K67" s="1147">
        <v>3</v>
      </c>
      <c r="L67" s="1148">
        <v>145</v>
      </c>
      <c r="M67" s="1146">
        <v>80</v>
      </c>
      <c r="N67" s="1148">
        <v>65</v>
      </c>
    </row>
    <row r="68" spans="1:17">
      <c r="A68" s="912"/>
      <c r="B68" s="914" t="s">
        <v>335</v>
      </c>
      <c r="C68" s="1145">
        <v>202</v>
      </c>
      <c r="D68" s="1146">
        <v>80</v>
      </c>
      <c r="E68" s="1147">
        <v>122</v>
      </c>
      <c r="F68" s="1148">
        <v>0</v>
      </c>
      <c r="G68" s="1146">
        <v>0</v>
      </c>
      <c r="H68" s="1148">
        <v>0</v>
      </c>
      <c r="I68" s="1145">
        <v>7</v>
      </c>
      <c r="J68" s="1146">
        <v>6</v>
      </c>
      <c r="K68" s="1147">
        <v>1</v>
      </c>
      <c r="L68" s="1148">
        <v>195</v>
      </c>
      <c r="M68" s="1146">
        <v>74</v>
      </c>
      <c r="N68" s="1148">
        <v>121</v>
      </c>
    </row>
    <row r="69" spans="1:17">
      <c r="A69" s="912"/>
      <c r="B69" s="914" t="s">
        <v>337</v>
      </c>
      <c r="C69" s="1145">
        <v>94</v>
      </c>
      <c r="D69" s="1146">
        <v>51</v>
      </c>
      <c r="E69" s="1147">
        <v>43</v>
      </c>
      <c r="F69" s="1148">
        <v>0</v>
      </c>
      <c r="G69" s="1146">
        <v>0</v>
      </c>
      <c r="H69" s="1148">
        <v>0</v>
      </c>
      <c r="I69" s="1145">
        <v>6</v>
      </c>
      <c r="J69" s="1146">
        <v>3</v>
      </c>
      <c r="K69" s="1147">
        <v>3</v>
      </c>
      <c r="L69" s="1148">
        <v>88</v>
      </c>
      <c r="M69" s="1146">
        <v>48</v>
      </c>
      <c r="N69" s="1148">
        <v>40</v>
      </c>
    </row>
    <row r="70" spans="1:17">
      <c r="A70" s="912"/>
      <c r="B70" s="914" t="s">
        <v>339</v>
      </c>
      <c r="C70" s="1145">
        <v>408</v>
      </c>
      <c r="D70" s="1146">
        <v>212</v>
      </c>
      <c r="E70" s="1147">
        <v>196</v>
      </c>
      <c r="F70" s="1148">
        <v>0</v>
      </c>
      <c r="G70" s="1146">
        <v>0</v>
      </c>
      <c r="H70" s="1148">
        <v>0</v>
      </c>
      <c r="I70" s="1145">
        <v>36</v>
      </c>
      <c r="J70" s="1146">
        <v>24</v>
      </c>
      <c r="K70" s="1147">
        <v>12</v>
      </c>
      <c r="L70" s="1148">
        <v>372</v>
      </c>
      <c r="M70" s="1146">
        <v>188</v>
      </c>
      <c r="N70" s="1148">
        <v>184</v>
      </c>
    </row>
    <row r="71" spans="1:17" s="897" customFormat="1" ht="20.100000000000001" customHeight="1">
      <c r="A71" s="910"/>
      <c r="B71" s="909"/>
      <c r="C71" s="1140"/>
      <c r="D71" s="1141"/>
      <c r="E71" s="1142"/>
      <c r="F71" s="1141"/>
      <c r="G71" s="1141"/>
      <c r="H71" s="1141"/>
      <c r="I71" s="1140"/>
      <c r="J71" s="1141"/>
      <c r="K71" s="1141"/>
      <c r="L71" s="1143"/>
      <c r="M71" s="1141"/>
      <c r="N71" s="1140"/>
    </row>
    <row r="72" spans="1:17" ht="14.25" thickBot="1">
      <c r="A72" s="925"/>
      <c r="B72" s="926"/>
      <c r="C72" s="1151"/>
      <c r="D72" s="1152"/>
      <c r="E72" s="1153"/>
      <c r="F72" s="1154"/>
      <c r="G72" s="1152"/>
      <c r="H72" s="1154"/>
      <c r="I72" s="1151"/>
      <c r="J72" s="1152"/>
      <c r="K72" s="1153"/>
      <c r="L72" s="1154"/>
      <c r="M72" s="1152"/>
      <c r="N72" s="1154"/>
    </row>
    <row r="73" spans="1:17" ht="14.25" thickTop="1">
      <c r="F73" s="927"/>
    </row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pageSetup paperSize="9" scale="80" firstPageNumber="53" orientation="portrait" blackAndWhite="1" useFirstPageNumber="1" r:id="rId1"/>
  <headerFooter>
    <oddFooter>&amp;C&amp;"ＭＳ ゴシック,太字"-&amp;P--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51"/>
  <sheetViews>
    <sheetView zoomScale="75" zoomScaleNormal="75" zoomScaleSheetLayoutView="80" workbookViewId="0"/>
  </sheetViews>
  <sheetFormatPr defaultRowHeight="13.5"/>
  <cols>
    <col min="1" max="1" width="8.75" style="132" customWidth="1"/>
    <col min="2" max="2" width="6.25" style="132" customWidth="1"/>
    <col min="3" max="5" width="14.625" style="132" customWidth="1"/>
    <col min="6" max="8" width="11.625" style="132" customWidth="1"/>
    <col min="9" max="9" width="11.625" style="145" customWidth="1"/>
    <col min="10" max="16384" width="9" style="132"/>
  </cols>
  <sheetData>
    <row r="1" spans="1:9" s="1061" customFormat="1" ht="22.5" customHeight="1" thickBot="1">
      <c r="A1" s="1058" t="s">
        <v>117</v>
      </c>
      <c r="B1" s="1058"/>
      <c r="C1" s="1059"/>
      <c r="D1" s="1059"/>
      <c r="E1" s="1059"/>
      <c r="F1" s="1059"/>
      <c r="G1" s="1059"/>
      <c r="H1" s="1059"/>
      <c r="I1" s="1060"/>
    </row>
    <row r="2" spans="1:9" s="122" customFormat="1" ht="22.5" customHeight="1" thickTop="1">
      <c r="A2" s="1362" t="s">
        <v>118</v>
      </c>
      <c r="B2" s="1363"/>
      <c r="C2" s="1368" t="s">
        <v>119</v>
      </c>
      <c r="D2" s="1369"/>
      <c r="E2" s="1369"/>
      <c r="F2" s="1369"/>
      <c r="G2" s="1369"/>
      <c r="H2" s="1370"/>
      <c r="I2" s="123" t="s">
        <v>120</v>
      </c>
    </row>
    <row r="3" spans="1:9" s="122" customFormat="1" ht="22.5" customHeight="1">
      <c r="A3" s="1364"/>
      <c r="B3" s="1365"/>
      <c r="C3" s="1371" t="s">
        <v>121</v>
      </c>
      <c r="D3" s="1372"/>
      <c r="E3" s="1372"/>
      <c r="F3" s="1373"/>
      <c r="G3" s="124" t="s">
        <v>122</v>
      </c>
      <c r="H3" s="124" t="s">
        <v>123</v>
      </c>
      <c r="I3" s="125" t="s">
        <v>124</v>
      </c>
    </row>
    <row r="4" spans="1:9" ht="22.5" customHeight="1">
      <c r="A4" s="1366"/>
      <c r="B4" s="1367"/>
      <c r="C4" s="126" t="s">
        <v>125</v>
      </c>
      <c r="D4" s="127" t="s">
        <v>126</v>
      </c>
      <c r="E4" s="128" t="s">
        <v>127</v>
      </c>
      <c r="F4" s="129" t="s">
        <v>128</v>
      </c>
      <c r="G4" s="130" t="s">
        <v>129</v>
      </c>
      <c r="H4" s="130" t="s">
        <v>129</v>
      </c>
      <c r="I4" s="131" t="s">
        <v>129</v>
      </c>
    </row>
    <row r="5" spans="1:9" ht="16.5" customHeight="1">
      <c r="A5" s="133"/>
      <c r="B5" s="133"/>
      <c r="C5" s="134" t="s">
        <v>132</v>
      </c>
      <c r="D5" s="135" t="s">
        <v>132</v>
      </c>
      <c r="E5" s="136" t="s">
        <v>132</v>
      </c>
      <c r="F5" s="137"/>
      <c r="G5" s="138"/>
      <c r="H5" s="138"/>
      <c r="I5" s="139"/>
    </row>
    <row r="6" spans="1:9" ht="22.5" customHeight="1">
      <c r="A6" s="1374" t="s">
        <v>133</v>
      </c>
      <c r="B6" s="1375"/>
      <c r="C6" s="140">
        <v>9163279</v>
      </c>
      <c r="D6" s="141">
        <v>4570674</v>
      </c>
      <c r="E6" s="142">
        <v>4592605</v>
      </c>
      <c r="F6" s="143">
        <v>99.522471451387602</v>
      </c>
      <c r="G6" s="143">
        <v>99.670569971575418</v>
      </c>
      <c r="H6" s="143">
        <v>99.778882792340667</v>
      </c>
      <c r="I6" s="144">
        <v>94.75991938337512</v>
      </c>
    </row>
    <row r="7" spans="1:9" ht="22.5" customHeight="1">
      <c r="A7" s="146" t="s">
        <v>914</v>
      </c>
      <c r="B7" s="147" t="s">
        <v>134</v>
      </c>
      <c r="C7" s="140">
        <v>356698</v>
      </c>
      <c r="D7" s="141">
        <v>182617</v>
      </c>
      <c r="E7" s="142">
        <v>174081</v>
      </c>
      <c r="F7" s="143">
        <v>104.90346447917925</v>
      </c>
      <c r="G7" s="143">
        <v>105.00626705006266</v>
      </c>
      <c r="H7" s="143">
        <v>104.8174393669055</v>
      </c>
      <c r="I7" s="144">
        <v>104.89949748743719</v>
      </c>
    </row>
    <row r="8" spans="1:9" ht="22.5" customHeight="1">
      <c r="A8" s="146" t="s">
        <v>915</v>
      </c>
      <c r="B8" s="149"/>
      <c r="C8" s="140">
        <v>375134</v>
      </c>
      <c r="D8" s="141">
        <v>191808</v>
      </c>
      <c r="E8" s="142">
        <v>183326</v>
      </c>
      <c r="F8" s="143">
        <v>104.62673052376641</v>
      </c>
      <c r="G8" s="143">
        <v>104.83389900236553</v>
      </c>
      <c r="H8" s="143">
        <v>104.83598804840824</v>
      </c>
      <c r="I8" s="144">
        <v>104.97064579256362</v>
      </c>
    </row>
    <row r="9" spans="1:9" ht="22.5" customHeight="1">
      <c r="A9" s="150" t="s">
        <v>135</v>
      </c>
      <c r="B9" s="151"/>
      <c r="C9" s="140">
        <v>385207</v>
      </c>
      <c r="D9" s="141">
        <v>197434</v>
      </c>
      <c r="E9" s="142">
        <v>187773</v>
      </c>
      <c r="F9" s="143">
        <v>105.14504215196008</v>
      </c>
      <c r="G9" s="143">
        <v>104.48323588693762</v>
      </c>
      <c r="H9" s="143">
        <v>104.43571056741281</v>
      </c>
      <c r="I9" s="144">
        <v>104.94712990936557</v>
      </c>
    </row>
    <row r="10" spans="1:9" ht="22.5" customHeight="1">
      <c r="A10" s="148" t="s">
        <v>136</v>
      </c>
      <c r="B10" s="149"/>
      <c r="C10" s="140">
        <v>421093</v>
      </c>
      <c r="D10" s="141">
        <v>215620</v>
      </c>
      <c r="E10" s="142">
        <v>205473</v>
      </c>
      <c r="F10" s="143">
        <v>104.93836173122502</v>
      </c>
      <c r="G10" s="143">
        <v>105.88015798017977</v>
      </c>
      <c r="H10" s="143">
        <v>106.90809712544178</v>
      </c>
      <c r="I10" s="144">
        <v>105.46016483516483</v>
      </c>
    </row>
    <row r="11" spans="1:9" ht="22.5" customHeight="1">
      <c r="A11" s="148" t="s">
        <v>137</v>
      </c>
      <c r="B11" s="149"/>
      <c r="C11" s="140">
        <v>504286</v>
      </c>
      <c r="D11" s="141">
        <v>263878</v>
      </c>
      <c r="E11" s="142">
        <v>240408</v>
      </c>
      <c r="F11" s="143">
        <v>109.7625702971615</v>
      </c>
      <c r="G11" s="143">
        <v>110.70342383479721</v>
      </c>
      <c r="H11" s="143">
        <v>110.22050886661528</v>
      </c>
      <c r="I11" s="144">
        <v>106.07461208319577</v>
      </c>
    </row>
    <row r="12" spans="1:9" ht="22.5" customHeight="1">
      <c r="A12" s="148" t="s">
        <v>138</v>
      </c>
      <c r="B12" s="149"/>
      <c r="C12" s="140">
        <v>480103</v>
      </c>
      <c r="D12" s="141">
        <v>250476</v>
      </c>
      <c r="E12" s="142">
        <v>229627</v>
      </c>
      <c r="F12" s="143">
        <v>109.07950720080825</v>
      </c>
      <c r="G12" s="143">
        <v>108.62444373118663</v>
      </c>
      <c r="H12" s="143">
        <v>108.89612873555315</v>
      </c>
      <c r="I12" s="144">
        <v>105.01639344262294</v>
      </c>
    </row>
    <row r="13" spans="1:9" ht="22.5" customHeight="1">
      <c r="A13" s="148" t="s">
        <v>139</v>
      </c>
      <c r="B13" s="149"/>
      <c r="C13" s="140">
        <v>532740</v>
      </c>
      <c r="D13" s="141">
        <v>275555</v>
      </c>
      <c r="E13" s="142">
        <v>257185</v>
      </c>
      <c r="F13" s="143">
        <v>107.14271827672688</v>
      </c>
      <c r="G13" s="143">
        <v>106.97680603309081</v>
      </c>
      <c r="H13" s="143">
        <v>106.46951737229851</v>
      </c>
      <c r="I13" s="144">
        <v>103.51787773933103</v>
      </c>
    </row>
    <row r="14" spans="1:9" ht="22.5" customHeight="1">
      <c r="A14" s="148" t="s">
        <v>140</v>
      </c>
      <c r="B14" s="149"/>
      <c r="C14" s="140">
        <v>596951</v>
      </c>
      <c r="D14" s="141">
        <v>307010</v>
      </c>
      <c r="E14" s="142">
        <v>289941</v>
      </c>
      <c r="F14" s="143">
        <v>105.88705978112789</v>
      </c>
      <c r="G14" s="143">
        <v>105.77341756935448</v>
      </c>
      <c r="H14" s="143">
        <v>105.96202124235596</v>
      </c>
      <c r="I14" s="144">
        <v>102.7187985499741</v>
      </c>
    </row>
    <row r="15" spans="1:9" ht="22.5" customHeight="1">
      <c r="A15" s="148" t="s">
        <v>141</v>
      </c>
      <c r="B15" s="149"/>
      <c r="C15" s="140">
        <v>723364</v>
      </c>
      <c r="D15" s="141">
        <v>371456</v>
      </c>
      <c r="E15" s="142">
        <v>351908</v>
      </c>
      <c r="F15" s="143">
        <v>105.55486092956114</v>
      </c>
      <c r="G15" s="143">
        <v>105.44774995550566</v>
      </c>
      <c r="H15" s="143">
        <v>105.19941466010377</v>
      </c>
      <c r="I15" s="144">
        <v>102.68398268398269</v>
      </c>
    </row>
    <row r="16" spans="1:9" ht="22.5" customHeight="1">
      <c r="A16" s="148" t="s">
        <v>142</v>
      </c>
      <c r="B16" s="149"/>
      <c r="C16" s="140">
        <v>771885</v>
      </c>
      <c r="D16" s="141">
        <v>396968</v>
      </c>
      <c r="E16" s="142">
        <v>374917</v>
      </c>
      <c r="F16" s="143">
        <v>105.88156845381778</v>
      </c>
      <c r="G16" s="143">
        <v>106.92553546982289</v>
      </c>
      <c r="H16" s="143">
        <v>108.1150865774639</v>
      </c>
      <c r="I16" s="144">
        <v>102.12449543233481</v>
      </c>
    </row>
    <row r="17" spans="1:10" ht="22.5" customHeight="1">
      <c r="A17" s="148" t="s">
        <v>143</v>
      </c>
      <c r="B17" s="149"/>
      <c r="C17" s="140">
        <v>653677</v>
      </c>
      <c r="D17" s="141">
        <v>340984</v>
      </c>
      <c r="E17" s="142">
        <v>312693</v>
      </c>
      <c r="F17" s="143">
        <v>109.04753224408606</v>
      </c>
      <c r="G17" s="143">
        <v>109.20437824740972</v>
      </c>
      <c r="H17" s="143">
        <v>109.03305255230296</v>
      </c>
      <c r="I17" s="144">
        <v>100.92977734279422</v>
      </c>
      <c r="J17" s="144"/>
    </row>
    <row r="18" spans="1:10" ht="22.5" customHeight="1">
      <c r="A18" s="148" t="s">
        <v>144</v>
      </c>
      <c r="B18" s="149"/>
      <c r="C18" s="140">
        <v>532925</v>
      </c>
      <c r="D18" s="141">
        <v>274749</v>
      </c>
      <c r="E18" s="142">
        <v>258176</v>
      </c>
      <c r="F18" s="143">
        <v>106.41926437778879</v>
      </c>
      <c r="G18" s="143">
        <v>105.51151845429774</v>
      </c>
      <c r="H18" s="143">
        <v>104.8869183208591</v>
      </c>
      <c r="I18" s="144">
        <v>99.502357255107384</v>
      </c>
      <c r="J18" s="144"/>
    </row>
    <row r="19" spans="1:10" ht="22.5" customHeight="1">
      <c r="A19" s="148" t="s">
        <v>145</v>
      </c>
      <c r="B19" s="149"/>
      <c r="C19" s="140">
        <v>486546</v>
      </c>
      <c r="D19" s="141">
        <v>244181</v>
      </c>
      <c r="E19" s="142">
        <v>242365</v>
      </c>
      <c r="F19" s="143">
        <v>100.74928310605904</v>
      </c>
      <c r="G19" s="143">
        <v>100.02371466514892</v>
      </c>
      <c r="H19" s="143">
        <v>99.32320717694158</v>
      </c>
      <c r="I19" s="144">
        <v>97.245600612088751</v>
      </c>
      <c r="J19" s="144"/>
    </row>
    <row r="20" spans="1:10" ht="22.5" customHeight="1">
      <c r="A20" s="148" t="s">
        <v>146</v>
      </c>
      <c r="B20" s="149"/>
      <c r="C20" s="140">
        <v>626754</v>
      </c>
      <c r="D20" s="141">
        <v>304617</v>
      </c>
      <c r="E20" s="142">
        <v>322137</v>
      </c>
      <c r="F20" s="143">
        <v>94.561320183648562</v>
      </c>
      <c r="G20" s="143">
        <v>94.28595761676533</v>
      </c>
      <c r="H20" s="143">
        <v>94.094935611022393</v>
      </c>
      <c r="I20" s="144">
        <v>93.596837944664031</v>
      </c>
      <c r="J20" s="144"/>
    </row>
    <row r="21" spans="1:10" ht="22.5" customHeight="1">
      <c r="A21" s="148" t="s">
        <v>147</v>
      </c>
      <c r="B21" s="149"/>
      <c r="C21" s="140">
        <v>535473</v>
      </c>
      <c r="D21" s="141">
        <v>252109</v>
      </c>
      <c r="E21" s="142">
        <v>283364</v>
      </c>
      <c r="F21" s="143">
        <v>88.97001736282661</v>
      </c>
      <c r="G21" s="143">
        <v>88.954927815669976</v>
      </c>
      <c r="H21" s="143">
        <v>89.033188516787504</v>
      </c>
      <c r="I21" s="144">
        <v>88.20574162679425</v>
      </c>
      <c r="J21" s="144"/>
    </row>
    <row r="22" spans="1:10" ht="22.5" customHeight="1">
      <c r="A22" s="148" t="s">
        <v>148</v>
      </c>
      <c r="B22" s="149"/>
      <c r="C22" s="140">
        <v>456390</v>
      </c>
      <c r="D22" s="141">
        <v>209151</v>
      </c>
      <c r="E22" s="142">
        <v>247239</v>
      </c>
      <c r="F22" s="143">
        <v>84.594663463288555</v>
      </c>
      <c r="G22" s="143">
        <v>84.997586619378396</v>
      </c>
      <c r="H22" s="143">
        <v>85.352777371955781</v>
      </c>
      <c r="I22" s="144">
        <v>80.713519313304715</v>
      </c>
      <c r="J22" s="144"/>
    </row>
    <row r="23" spans="1:10" ht="22.5" customHeight="1">
      <c r="A23" s="148" t="s">
        <v>149</v>
      </c>
      <c r="B23" s="149"/>
      <c r="C23" s="140">
        <v>333210</v>
      </c>
      <c r="D23" s="141">
        <v>142459</v>
      </c>
      <c r="E23" s="142">
        <v>190751</v>
      </c>
      <c r="F23" s="143">
        <v>74.683225776011668</v>
      </c>
      <c r="G23" s="143">
        <v>73.684670035250079</v>
      </c>
      <c r="H23" s="143">
        <v>72.440013804887158</v>
      </c>
      <c r="I23" s="144">
        <v>68.898762297683277</v>
      </c>
      <c r="J23" s="144"/>
    </row>
    <row r="24" spans="1:10" ht="22.5" customHeight="1">
      <c r="A24" s="148" t="s">
        <v>150</v>
      </c>
      <c r="B24" s="149"/>
      <c r="C24" s="140">
        <v>194978</v>
      </c>
      <c r="D24" s="141">
        <v>70795</v>
      </c>
      <c r="E24" s="142">
        <v>124183</v>
      </c>
      <c r="F24" s="143">
        <v>57.008608263610959</v>
      </c>
      <c r="G24" s="143">
        <v>56.165279429250894</v>
      </c>
      <c r="H24" s="143">
        <v>55.8749496125767</v>
      </c>
      <c r="I24" s="144">
        <v>52.964779313419527</v>
      </c>
      <c r="J24" s="144"/>
    </row>
    <row r="25" spans="1:10" ht="22.5" customHeight="1">
      <c r="A25" s="148" t="s">
        <v>151</v>
      </c>
      <c r="B25" s="149"/>
      <c r="C25" s="140">
        <v>86164</v>
      </c>
      <c r="D25" s="141">
        <v>24614</v>
      </c>
      <c r="E25" s="142">
        <v>61550</v>
      </c>
      <c r="F25" s="143">
        <v>39.990251827782295</v>
      </c>
      <c r="G25" s="143">
        <v>38.573777585460839</v>
      </c>
      <c r="H25" s="143">
        <v>36.21592711445539</v>
      </c>
      <c r="I25" s="144">
        <v>36.0613810741688</v>
      </c>
      <c r="J25" s="144"/>
    </row>
    <row r="26" spans="1:10" ht="22.5" customHeight="1">
      <c r="A26" s="148" t="s">
        <v>152</v>
      </c>
      <c r="B26" s="149"/>
      <c r="C26" s="140">
        <v>22604</v>
      </c>
      <c r="D26" s="141">
        <v>4219</v>
      </c>
      <c r="E26" s="142">
        <v>18385</v>
      </c>
      <c r="F26" s="143">
        <v>22.948055480010879</v>
      </c>
      <c r="G26" s="143">
        <v>22.684222684222686</v>
      </c>
      <c r="H26" s="143">
        <v>23.125857552700513</v>
      </c>
      <c r="I26" s="144">
        <v>20.943952802359885</v>
      </c>
      <c r="J26" s="152"/>
    </row>
    <row r="27" spans="1:10" ht="22.5" customHeight="1">
      <c r="A27" s="1374" t="s">
        <v>153</v>
      </c>
      <c r="B27" s="1375"/>
      <c r="C27" s="140">
        <v>4171</v>
      </c>
      <c r="D27" s="153">
        <v>604</v>
      </c>
      <c r="E27" s="154">
        <v>3567</v>
      </c>
      <c r="F27" s="143">
        <v>16.932996916176059</v>
      </c>
      <c r="G27" s="143">
        <v>16.727053140096618</v>
      </c>
      <c r="H27" s="143">
        <v>16.821499668214994</v>
      </c>
      <c r="I27" s="155">
        <v>15.254237288135593</v>
      </c>
    </row>
    <row r="28" spans="1:10" ht="22.5" customHeight="1">
      <c r="A28" s="1360" t="s">
        <v>154</v>
      </c>
      <c r="B28" s="1361"/>
      <c r="C28" s="140">
        <v>82926</v>
      </c>
      <c r="D28" s="156">
        <v>49370</v>
      </c>
      <c r="E28" s="156">
        <v>33556</v>
      </c>
      <c r="F28" s="157">
        <v>147.12719036833951</v>
      </c>
      <c r="G28" s="158" t="s">
        <v>155</v>
      </c>
      <c r="H28" s="158" t="s">
        <v>156</v>
      </c>
      <c r="I28" s="159" t="s">
        <v>157</v>
      </c>
    </row>
    <row r="29" spans="1:10" ht="22.5" customHeight="1">
      <c r="A29" s="160" t="s">
        <v>916</v>
      </c>
      <c r="B29" s="161" t="s">
        <v>134</v>
      </c>
      <c r="C29" s="162">
        <v>1117039</v>
      </c>
      <c r="D29" s="163">
        <v>571859</v>
      </c>
      <c r="E29" s="163">
        <v>545180</v>
      </c>
      <c r="F29" s="164">
        <v>104.89361311860304</v>
      </c>
      <c r="G29" s="164">
        <v>104.76813500884634</v>
      </c>
      <c r="H29" s="164">
        <v>104.69172494067655</v>
      </c>
      <c r="I29" s="165">
        <v>104.94006059807668</v>
      </c>
    </row>
    <row r="30" spans="1:10" ht="22.5" customHeight="1">
      <c r="A30" s="166" t="s">
        <v>158</v>
      </c>
      <c r="B30" s="167" t="s">
        <v>134</v>
      </c>
      <c r="C30" s="168">
        <v>5703570</v>
      </c>
      <c r="D30" s="163">
        <v>2940877</v>
      </c>
      <c r="E30" s="163">
        <v>2762693</v>
      </c>
      <c r="F30" s="143">
        <v>106.44964894760294</v>
      </c>
      <c r="G30" s="143">
        <v>106.47835875027816</v>
      </c>
      <c r="H30" s="143">
        <v>106.43798666965168</v>
      </c>
      <c r="I30" s="169">
        <v>102.2868579052702</v>
      </c>
    </row>
    <row r="31" spans="1:10" ht="22.5" customHeight="1" thickBot="1">
      <c r="A31" s="1350" t="s">
        <v>159</v>
      </c>
      <c r="B31" s="1351"/>
      <c r="C31" s="170">
        <v>2259744</v>
      </c>
      <c r="D31" s="171">
        <v>1008568</v>
      </c>
      <c r="E31" s="171">
        <v>1251176</v>
      </c>
      <c r="F31" s="172">
        <v>80.609602485981185</v>
      </c>
      <c r="G31" s="172">
        <v>80.74558179330063</v>
      </c>
      <c r="H31" s="172">
        <v>80.78280854478453</v>
      </c>
      <c r="I31" s="173">
        <v>76.737069181758883</v>
      </c>
    </row>
    <row r="32" spans="1:10" ht="22.5" customHeight="1" thickTop="1">
      <c r="C32" s="174"/>
    </row>
    <row r="33" spans="1:9" s="1061" customFormat="1" ht="22.5" customHeight="1" thickBot="1">
      <c r="A33" s="1062" t="s">
        <v>160</v>
      </c>
      <c r="B33" s="1062"/>
      <c r="C33" s="1063"/>
      <c r="D33" s="1063"/>
      <c r="E33" s="1063"/>
      <c r="F33" s="1063"/>
      <c r="G33" s="1063"/>
      <c r="H33" s="1063"/>
      <c r="I33" s="1064"/>
    </row>
    <row r="34" spans="1:9" ht="22.5" customHeight="1" thickTop="1">
      <c r="A34" s="1352" t="s">
        <v>161</v>
      </c>
      <c r="B34" s="1353"/>
      <c r="C34" s="1354" t="s">
        <v>162</v>
      </c>
      <c r="D34" s="176" t="s">
        <v>130</v>
      </c>
      <c r="E34" s="176" t="s">
        <v>131</v>
      </c>
      <c r="F34" s="176" t="s">
        <v>163</v>
      </c>
      <c r="G34" s="1356" t="s">
        <v>164</v>
      </c>
      <c r="H34" s="1356"/>
      <c r="I34" s="1357"/>
    </row>
    <row r="35" spans="1:9" ht="22.5" customHeight="1">
      <c r="A35" s="1358" t="s">
        <v>165</v>
      </c>
      <c r="B35" s="1359"/>
      <c r="C35" s="1355"/>
      <c r="D35" s="130" t="s">
        <v>166</v>
      </c>
      <c r="E35" s="130" t="s">
        <v>167</v>
      </c>
      <c r="F35" s="130" t="s">
        <v>168</v>
      </c>
      <c r="G35" s="130" t="s">
        <v>162</v>
      </c>
      <c r="H35" s="130" t="s">
        <v>130</v>
      </c>
      <c r="I35" s="177" t="s">
        <v>131</v>
      </c>
    </row>
    <row r="36" spans="1:9" ht="22.5" customHeight="1">
      <c r="A36" s="178"/>
      <c r="B36" s="179"/>
      <c r="C36" s="180" t="s">
        <v>134</v>
      </c>
      <c r="D36" s="181" t="s">
        <v>134</v>
      </c>
      <c r="E36" s="166" t="s">
        <v>134</v>
      </c>
      <c r="F36" s="181" t="s">
        <v>134</v>
      </c>
      <c r="G36" s="166" t="s">
        <v>134</v>
      </c>
      <c r="H36" s="181" t="s">
        <v>134</v>
      </c>
      <c r="I36" s="182" t="s">
        <v>134</v>
      </c>
    </row>
    <row r="37" spans="1:9" ht="22.5" customHeight="1">
      <c r="A37" s="166" t="s">
        <v>169</v>
      </c>
      <c r="B37" s="167" t="s">
        <v>170</v>
      </c>
      <c r="C37" s="183">
        <v>45.64</v>
      </c>
      <c r="D37" s="183">
        <v>44.39</v>
      </c>
      <c r="E37" s="184">
        <v>46.88</v>
      </c>
      <c r="F37" s="183">
        <v>2.490000000000002</v>
      </c>
      <c r="G37" s="184">
        <v>0.28000000000000114</v>
      </c>
      <c r="H37" s="183">
        <v>0.27000000000000313</v>
      </c>
      <c r="I37" s="184">
        <v>0.30000000000000426</v>
      </c>
    </row>
    <row r="38" spans="1:9" ht="22.5" customHeight="1">
      <c r="A38" s="166"/>
      <c r="B38" s="167"/>
      <c r="C38" s="185"/>
      <c r="D38" s="185"/>
      <c r="E38" s="186"/>
      <c r="F38" s="185" t="s">
        <v>171</v>
      </c>
      <c r="G38" s="186"/>
      <c r="H38" s="185"/>
      <c r="I38" s="184"/>
    </row>
    <row r="39" spans="1:9" ht="22.5" customHeight="1">
      <c r="A39" s="166">
        <v>29</v>
      </c>
      <c r="B39" s="167" t="s">
        <v>170</v>
      </c>
      <c r="C39" s="183">
        <v>45.36</v>
      </c>
      <c r="D39" s="183">
        <v>44.12</v>
      </c>
      <c r="E39" s="184">
        <v>46.58</v>
      </c>
      <c r="F39" s="183">
        <v>2.4600000000000009</v>
      </c>
      <c r="G39" s="184">
        <v>0.28999999999999915</v>
      </c>
      <c r="H39" s="183">
        <v>0.26999999999999602</v>
      </c>
      <c r="I39" s="184">
        <v>0.28999999999999915</v>
      </c>
    </row>
    <row r="40" spans="1:9" ht="22.5" customHeight="1">
      <c r="A40" s="166">
        <v>28</v>
      </c>
      <c r="B40" s="167" t="s">
        <v>170</v>
      </c>
      <c r="C40" s="183">
        <v>45.07</v>
      </c>
      <c r="D40" s="183">
        <v>43.85</v>
      </c>
      <c r="E40" s="184">
        <v>46.29</v>
      </c>
      <c r="F40" s="183">
        <v>2.4399999999999977</v>
      </c>
      <c r="G40" s="184">
        <v>0.31000000000000227</v>
      </c>
      <c r="H40" s="183">
        <v>0.31000000000000227</v>
      </c>
      <c r="I40" s="184">
        <v>0.32000000000000028</v>
      </c>
    </row>
    <row r="41" spans="1:9" ht="22.5" customHeight="1">
      <c r="A41" s="166">
        <v>27</v>
      </c>
      <c r="B41" s="167" t="s">
        <v>170</v>
      </c>
      <c r="C41" s="183">
        <v>44.76</v>
      </c>
      <c r="D41" s="183">
        <v>43.54</v>
      </c>
      <c r="E41" s="184">
        <v>45.97</v>
      </c>
      <c r="F41" s="183">
        <v>2.4299999999999997</v>
      </c>
      <c r="G41" s="184">
        <v>0.30999999999999517</v>
      </c>
      <c r="H41" s="183">
        <v>0.28999999999999915</v>
      </c>
      <c r="I41" s="184">
        <v>0.32000000000000028</v>
      </c>
    </row>
    <row r="42" spans="1:9" ht="22.5" customHeight="1">
      <c r="A42" s="166">
        <v>26</v>
      </c>
      <c r="B42" s="167" t="s">
        <v>170</v>
      </c>
      <c r="C42" s="183">
        <v>44.45</v>
      </c>
      <c r="D42" s="183">
        <v>43.25</v>
      </c>
      <c r="E42" s="184">
        <v>45.65</v>
      </c>
      <c r="F42" s="183">
        <v>2.3999999999999986</v>
      </c>
      <c r="G42" s="184">
        <v>0.31000000000000227</v>
      </c>
      <c r="H42" s="183">
        <v>0.29999999999999716</v>
      </c>
      <c r="I42" s="184">
        <v>0.32999999999999829</v>
      </c>
    </row>
    <row r="43" spans="1:9" ht="22.5" customHeight="1">
      <c r="A43" s="166">
        <v>25</v>
      </c>
      <c r="B43" s="167" t="s">
        <v>170</v>
      </c>
      <c r="C43" s="185">
        <v>44.14</v>
      </c>
      <c r="D43" s="185">
        <v>42.95</v>
      </c>
      <c r="E43" s="186">
        <v>45.32</v>
      </c>
      <c r="F43" s="183">
        <v>2.3699999999999974</v>
      </c>
      <c r="G43" s="184">
        <v>0.32000000000000028</v>
      </c>
      <c r="H43" s="183">
        <v>0.30000000000000426</v>
      </c>
      <c r="I43" s="184">
        <v>0.32999999999999829</v>
      </c>
    </row>
    <row r="44" spans="1:9" ht="22.5" customHeight="1">
      <c r="A44" s="166">
        <v>24</v>
      </c>
      <c r="B44" s="167" t="s">
        <v>170</v>
      </c>
      <c r="C44" s="185">
        <v>43.82</v>
      </c>
      <c r="D44" s="185">
        <v>42.65</v>
      </c>
      <c r="E44" s="186">
        <v>44.99</v>
      </c>
      <c r="F44" s="183">
        <v>2.3400000000000034</v>
      </c>
      <c r="G44" s="184">
        <v>0.32999999999999829</v>
      </c>
      <c r="H44" s="183">
        <v>0.32000000000000028</v>
      </c>
      <c r="I44" s="184">
        <v>0.34000000000000341</v>
      </c>
    </row>
    <row r="45" spans="1:9" ht="22.5" customHeight="1">
      <c r="A45" s="166">
        <v>23</v>
      </c>
      <c r="B45" s="167" t="s">
        <v>172</v>
      </c>
      <c r="C45" s="185">
        <v>43.49</v>
      </c>
      <c r="D45" s="185">
        <v>42.33</v>
      </c>
      <c r="E45" s="186">
        <v>44.65</v>
      </c>
      <c r="F45" s="183">
        <v>2.3200000000000003</v>
      </c>
      <c r="G45" s="184">
        <v>0.37000000000000455</v>
      </c>
      <c r="H45" s="183">
        <v>0.32999999999999829</v>
      </c>
      <c r="I45" s="184">
        <v>0.39999999999999858</v>
      </c>
    </row>
    <row r="46" spans="1:9" ht="22.5" customHeight="1">
      <c r="A46" s="166">
        <v>22</v>
      </c>
      <c r="B46" s="167" t="s">
        <v>172</v>
      </c>
      <c r="C46" s="185">
        <v>43.12</v>
      </c>
      <c r="D46" s="185">
        <v>42</v>
      </c>
      <c r="E46" s="186">
        <v>44.25</v>
      </c>
      <c r="F46" s="183">
        <v>2.25</v>
      </c>
      <c r="G46" s="184">
        <v>0.30999999999999517</v>
      </c>
      <c r="H46" s="183">
        <v>0.29999999999999716</v>
      </c>
      <c r="I46" s="184">
        <v>0.32000000000000028</v>
      </c>
    </row>
    <row r="47" spans="1:9" ht="22.5" customHeight="1">
      <c r="A47" s="166">
        <v>21</v>
      </c>
      <c r="B47" s="167" t="s">
        <v>172</v>
      </c>
      <c r="C47" s="185">
        <v>42.81</v>
      </c>
      <c r="D47" s="185">
        <v>41.7</v>
      </c>
      <c r="E47" s="186">
        <v>43.93</v>
      </c>
      <c r="F47" s="183">
        <v>2.2299999999999969</v>
      </c>
      <c r="G47" s="184">
        <v>0.30000000000000426</v>
      </c>
      <c r="H47" s="183">
        <v>0.28000000000000114</v>
      </c>
      <c r="I47" s="184">
        <v>0.31000000000000227</v>
      </c>
    </row>
    <row r="48" spans="1:9" ht="22.5" customHeight="1">
      <c r="A48" s="166">
        <v>20</v>
      </c>
      <c r="B48" s="167" t="s">
        <v>172</v>
      </c>
      <c r="C48" s="185">
        <v>42.51</v>
      </c>
      <c r="D48" s="185">
        <v>41.42</v>
      </c>
      <c r="E48" s="186">
        <v>43.62</v>
      </c>
      <c r="F48" s="183">
        <v>2.1999999999999957</v>
      </c>
      <c r="G48" s="184">
        <v>0.29999999999999716</v>
      </c>
      <c r="H48" s="183">
        <v>0.28999999999999915</v>
      </c>
      <c r="I48" s="184">
        <v>0.30999999999999517</v>
      </c>
    </row>
    <row r="49" spans="1:9" ht="22.5" customHeight="1" thickBot="1">
      <c r="A49" s="187">
        <v>19</v>
      </c>
      <c r="B49" s="188" t="s">
        <v>172</v>
      </c>
      <c r="C49" s="189">
        <v>42.21</v>
      </c>
      <c r="D49" s="189">
        <v>41.13</v>
      </c>
      <c r="E49" s="190">
        <v>43.31</v>
      </c>
      <c r="F49" s="191">
        <v>2.1799999999999997</v>
      </c>
      <c r="G49" s="192">
        <v>0.32999999999999829</v>
      </c>
      <c r="H49" s="191">
        <v>0.32000000000000028</v>
      </c>
      <c r="I49" s="192">
        <v>0.35000000000000142</v>
      </c>
    </row>
    <row r="50" spans="1:9" ht="18.75" hidden="1" customHeight="1" thickTop="1">
      <c r="A50" s="193">
        <v>18</v>
      </c>
      <c r="B50" s="194" t="s">
        <v>170</v>
      </c>
      <c r="C50" s="195">
        <v>41.88</v>
      </c>
      <c r="D50" s="195">
        <v>40.81</v>
      </c>
      <c r="E50" s="195">
        <v>42.96</v>
      </c>
      <c r="F50" s="195">
        <f t="shared" ref="F50" si="0">E50-D50</f>
        <v>2.1499999999999986</v>
      </c>
      <c r="G50" s="195"/>
      <c r="H50" s="195"/>
      <c r="I50" s="196"/>
    </row>
    <row r="51" spans="1:9" ht="15" customHeight="1" thickTop="1"/>
  </sheetData>
  <mergeCells count="11">
    <mergeCell ref="A28:B28"/>
    <mergeCell ref="A2:B4"/>
    <mergeCell ref="C2:H2"/>
    <mergeCell ref="C3:F3"/>
    <mergeCell ref="A6:B6"/>
    <mergeCell ref="A27:B27"/>
    <mergeCell ref="A31:B31"/>
    <mergeCell ref="A34:B34"/>
    <mergeCell ref="C34:C35"/>
    <mergeCell ref="G34:I34"/>
    <mergeCell ref="A35:B35"/>
  </mergeCells>
  <phoneticPr fontId="3"/>
  <printOptions gridLinesSet="0"/>
  <pageMargins left="1.1811023622047245" right="0.59055118110236227" top="0.78740157480314965" bottom="0.9055118110236221" header="0.51181102362204722" footer="0.19685039370078741"/>
  <pageSetup paperSize="9" scale="71" firstPageNumber="11" orientation="portrait" useFirstPageNumber="1" r:id="rId1"/>
  <headerFooter differentFirst="1" alignWithMargins="0">
    <oddFooter>&amp;C-9-</oddFooter>
    <firstFooter>&amp;C&amp;"ＭＳ ゴシック,太字"&amp;12-11-</firstFoot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3"/>
  <sheetViews>
    <sheetView zoomScale="80" zoomScaleNormal="80" zoomScaleSheetLayoutView="80" workbookViewId="0">
      <pane xSplit="2" ySplit="4" topLeftCell="C14" activePane="bottomRight" state="frozen"/>
      <selection pane="topRight"/>
      <selection pane="bottomLeft"/>
      <selection pane="bottomRight"/>
    </sheetView>
  </sheetViews>
  <sheetFormatPr defaultRowHeight="13.5"/>
  <cols>
    <col min="1" max="1" width="2.25" style="132" customWidth="1"/>
    <col min="2" max="2" width="13.25" style="132" customWidth="1"/>
    <col min="3" max="5" width="9.625" style="132" bestFit="1" customWidth="1"/>
    <col min="6" max="8" width="8.5" style="132" bestFit="1" customWidth="1"/>
    <col min="9" max="11" width="9.625" style="132" bestFit="1" customWidth="1"/>
    <col min="12" max="12" width="9" style="132"/>
    <col min="13" max="14" width="8.75" style="132" customWidth="1"/>
    <col min="15" max="256" width="9" style="132"/>
    <col min="257" max="257" width="2.75" style="132" customWidth="1"/>
    <col min="258" max="258" width="13.75" style="132" customWidth="1"/>
    <col min="259" max="267" width="9.125" style="132" customWidth="1"/>
    <col min="268" max="512" width="9" style="132"/>
    <col min="513" max="513" width="2.75" style="132" customWidth="1"/>
    <col min="514" max="514" width="13.75" style="132" customWidth="1"/>
    <col min="515" max="523" width="9.125" style="132" customWidth="1"/>
    <col min="524" max="768" width="9" style="132"/>
    <col min="769" max="769" width="2.75" style="132" customWidth="1"/>
    <col min="770" max="770" width="13.75" style="132" customWidth="1"/>
    <col min="771" max="779" width="9.125" style="132" customWidth="1"/>
    <col min="780" max="1024" width="9" style="132"/>
    <col min="1025" max="1025" width="2.75" style="132" customWidth="1"/>
    <col min="1026" max="1026" width="13.75" style="132" customWidth="1"/>
    <col min="1027" max="1035" width="9.125" style="132" customWidth="1"/>
    <col min="1036" max="1280" width="9" style="132"/>
    <col min="1281" max="1281" width="2.75" style="132" customWidth="1"/>
    <col min="1282" max="1282" width="13.75" style="132" customWidth="1"/>
    <col min="1283" max="1291" width="9.125" style="132" customWidth="1"/>
    <col min="1292" max="1536" width="9" style="132"/>
    <col min="1537" max="1537" width="2.75" style="132" customWidth="1"/>
    <col min="1538" max="1538" width="13.75" style="132" customWidth="1"/>
    <col min="1539" max="1547" width="9.125" style="132" customWidth="1"/>
    <col min="1548" max="1792" width="9" style="132"/>
    <col min="1793" max="1793" width="2.75" style="132" customWidth="1"/>
    <col min="1794" max="1794" width="13.75" style="132" customWidth="1"/>
    <col min="1795" max="1803" width="9.125" style="132" customWidth="1"/>
    <col min="1804" max="2048" width="9" style="132"/>
    <col min="2049" max="2049" width="2.75" style="132" customWidth="1"/>
    <col min="2050" max="2050" width="13.75" style="132" customWidth="1"/>
    <col min="2051" max="2059" width="9.125" style="132" customWidth="1"/>
    <col min="2060" max="2304" width="9" style="132"/>
    <col min="2305" max="2305" width="2.75" style="132" customWidth="1"/>
    <col min="2306" max="2306" width="13.75" style="132" customWidth="1"/>
    <col min="2307" max="2315" width="9.125" style="132" customWidth="1"/>
    <col min="2316" max="2560" width="9" style="132"/>
    <col min="2561" max="2561" width="2.75" style="132" customWidth="1"/>
    <col min="2562" max="2562" width="13.75" style="132" customWidth="1"/>
    <col min="2563" max="2571" width="9.125" style="132" customWidth="1"/>
    <col min="2572" max="2816" width="9" style="132"/>
    <col min="2817" max="2817" width="2.75" style="132" customWidth="1"/>
    <col min="2818" max="2818" width="13.75" style="132" customWidth="1"/>
    <col min="2819" max="2827" width="9.125" style="132" customWidth="1"/>
    <col min="2828" max="3072" width="9" style="132"/>
    <col min="3073" max="3073" width="2.75" style="132" customWidth="1"/>
    <col min="3074" max="3074" width="13.75" style="132" customWidth="1"/>
    <col min="3075" max="3083" width="9.125" style="132" customWidth="1"/>
    <col min="3084" max="3328" width="9" style="132"/>
    <col min="3329" max="3329" width="2.75" style="132" customWidth="1"/>
    <col min="3330" max="3330" width="13.75" style="132" customWidth="1"/>
    <col min="3331" max="3339" width="9.125" style="132" customWidth="1"/>
    <col min="3340" max="3584" width="9" style="132"/>
    <col min="3585" max="3585" width="2.75" style="132" customWidth="1"/>
    <col min="3586" max="3586" width="13.75" style="132" customWidth="1"/>
    <col min="3587" max="3595" width="9.125" style="132" customWidth="1"/>
    <col min="3596" max="3840" width="9" style="132"/>
    <col min="3841" max="3841" width="2.75" style="132" customWidth="1"/>
    <col min="3842" max="3842" width="13.75" style="132" customWidth="1"/>
    <col min="3843" max="3851" width="9.125" style="132" customWidth="1"/>
    <col min="3852" max="4096" width="9" style="132"/>
    <col min="4097" max="4097" width="2.75" style="132" customWidth="1"/>
    <col min="4098" max="4098" width="13.75" style="132" customWidth="1"/>
    <col min="4099" max="4107" width="9.125" style="132" customWidth="1"/>
    <col min="4108" max="4352" width="9" style="132"/>
    <col min="4353" max="4353" width="2.75" style="132" customWidth="1"/>
    <col min="4354" max="4354" width="13.75" style="132" customWidth="1"/>
    <col min="4355" max="4363" width="9.125" style="132" customWidth="1"/>
    <col min="4364" max="4608" width="9" style="132"/>
    <col min="4609" max="4609" width="2.75" style="132" customWidth="1"/>
    <col min="4610" max="4610" width="13.75" style="132" customWidth="1"/>
    <col min="4611" max="4619" width="9.125" style="132" customWidth="1"/>
    <col min="4620" max="4864" width="9" style="132"/>
    <col min="4865" max="4865" width="2.75" style="132" customWidth="1"/>
    <col min="4866" max="4866" width="13.75" style="132" customWidth="1"/>
    <col min="4867" max="4875" width="9.125" style="132" customWidth="1"/>
    <col min="4876" max="5120" width="9" style="132"/>
    <col min="5121" max="5121" width="2.75" style="132" customWidth="1"/>
    <col min="5122" max="5122" width="13.75" style="132" customWidth="1"/>
    <col min="5123" max="5131" width="9.125" style="132" customWidth="1"/>
    <col min="5132" max="5376" width="9" style="132"/>
    <col min="5377" max="5377" width="2.75" style="132" customWidth="1"/>
    <col min="5378" max="5378" width="13.75" style="132" customWidth="1"/>
    <col min="5379" max="5387" width="9.125" style="132" customWidth="1"/>
    <col min="5388" max="5632" width="9" style="132"/>
    <col min="5633" max="5633" width="2.75" style="132" customWidth="1"/>
    <col min="5634" max="5634" width="13.75" style="132" customWidth="1"/>
    <col min="5635" max="5643" width="9.125" style="132" customWidth="1"/>
    <col min="5644" max="5888" width="9" style="132"/>
    <col min="5889" max="5889" width="2.75" style="132" customWidth="1"/>
    <col min="5890" max="5890" width="13.75" style="132" customWidth="1"/>
    <col min="5891" max="5899" width="9.125" style="132" customWidth="1"/>
    <col min="5900" max="6144" width="9" style="132"/>
    <col min="6145" max="6145" width="2.75" style="132" customWidth="1"/>
    <col min="6146" max="6146" width="13.75" style="132" customWidth="1"/>
    <col min="6147" max="6155" width="9.125" style="132" customWidth="1"/>
    <col min="6156" max="6400" width="9" style="132"/>
    <col min="6401" max="6401" width="2.75" style="132" customWidth="1"/>
    <col min="6402" max="6402" width="13.75" style="132" customWidth="1"/>
    <col min="6403" max="6411" width="9.125" style="132" customWidth="1"/>
    <col min="6412" max="6656" width="9" style="132"/>
    <col min="6657" max="6657" width="2.75" style="132" customWidth="1"/>
    <col min="6658" max="6658" width="13.75" style="132" customWidth="1"/>
    <col min="6659" max="6667" width="9.125" style="132" customWidth="1"/>
    <col min="6668" max="6912" width="9" style="132"/>
    <col min="6913" max="6913" width="2.75" style="132" customWidth="1"/>
    <col min="6914" max="6914" width="13.75" style="132" customWidth="1"/>
    <col min="6915" max="6923" width="9.125" style="132" customWidth="1"/>
    <col min="6924" max="7168" width="9" style="132"/>
    <col min="7169" max="7169" width="2.75" style="132" customWidth="1"/>
    <col min="7170" max="7170" width="13.75" style="132" customWidth="1"/>
    <col min="7171" max="7179" width="9.125" style="132" customWidth="1"/>
    <col min="7180" max="7424" width="9" style="132"/>
    <col min="7425" max="7425" width="2.75" style="132" customWidth="1"/>
    <col min="7426" max="7426" width="13.75" style="132" customWidth="1"/>
    <col min="7427" max="7435" width="9.125" style="132" customWidth="1"/>
    <col min="7436" max="7680" width="9" style="132"/>
    <col min="7681" max="7681" width="2.75" style="132" customWidth="1"/>
    <col min="7682" max="7682" width="13.75" style="132" customWidth="1"/>
    <col min="7683" max="7691" width="9.125" style="132" customWidth="1"/>
    <col min="7692" max="7936" width="9" style="132"/>
    <col min="7937" max="7937" width="2.75" style="132" customWidth="1"/>
    <col min="7938" max="7938" width="13.75" style="132" customWidth="1"/>
    <col min="7939" max="7947" width="9.125" style="132" customWidth="1"/>
    <col min="7948" max="8192" width="9" style="132"/>
    <col min="8193" max="8193" width="2.75" style="132" customWidth="1"/>
    <col min="8194" max="8194" width="13.75" style="132" customWidth="1"/>
    <col min="8195" max="8203" width="9.125" style="132" customWidth="1"/>
    <col min="8204" max="8448" width="9" style="132"/>
    <col min="8449" max="8449" width="2.75" style="132" customWidth="1"/>
    <col min="8450" max="8450" width="13.75" style="132" customWidth="1"/>
    <col min="8451" max="8459" width="9.125" style="132" customWidth="1"/>
    <col min="8460" max="8704" width="9" style="132"/>
    <col min="8705" max="8705" width="2.75" style="132" customWidth="1"/>
    <col min="8706" max="8706" width="13.75" style="132" customWidth="1"/>
    <col min="8707" max="8715" width="9.125" style="132" customWidth="1"/>
    <col min="8716" max="8960" width="9" style="132"/>
    <col min="8961" max="8961" width="2.75" style="132" customWidth="1"/>
    <col min="8962" max="8962" width="13.75" style="132" customWidth="1"/>
    <col min="8963" max="8971" width="9.125" style="132" customWidth="1"/>
    <col min="8972" max="9216" width="9" style="132"/>
    <col min="9217" max="9217" width="2.75" style="132" customWidth="1"/>
    <col min="9218" max="9218" width="13.75" style="132" customWidth="1"/>
    <col min="9219" max="9227" width="9.125" style="132" customWidth="1"/>
    <col min="9228" max="9472" width="9" style="132"/>
    <col min="9473" max="9473" width="2.75" style="132" customWidth="1"/>
    <col min="9474" max="9474" width="13.75" style="132" customWidth="1"/>
    <col min="9475" max="9483" width="9.125" style="132" customWidth="1"/>
    <col min="9484" max="9728" width="9" style="132"/>
    <col min="9729" max="9729" width="2.75" style="132" customWidth="1"/>
    <col min="9730" max="9730" width="13.75" style="132" customWidth="1"/>
    <col min="9731" max="9739" width="9.125" style="132" customWidth="1"/>
    <col min="9740" max="9984" width="9" style="132"/>
    <col min="9985" max="9985" width="2.75" style="132" customWidth="1"/>
    <col min="9986" max="9986" width="13.75" style="132" customWidth="1"/>
    <col min="9987" max="9995" width="9.125" style="132" customWidth="1"/>
    <col min="9996" max="10240" width="9" style="132"/>
    <col min="10241" max="10241" width="2.75" style="132" customWidth="1"/>
    <col min="10242" max="10242" width="13.75" style="132" customWidth="1"/>
    <col min="10243" max="10251" width="9.125" style="132" customWidth="1"/>
    <col min="10252" max="10496" width="9" style="132"/>
    <col min="10497" max="10497" width="2.75" style="132" customWidth="1"/>
    <col min="10498" max="10498" width="13.75" style="132" customWidth="1"/>
    <col min="10499" max="10507" width="9.125" style="132" customWidth="1"/>
    <col min="10508" max="10752" width="9" style="132"/>
    <col min="10753" max="10753" width="2.75" style="132" customWidth="1"/>
    <col min="10754" max="10754" width="13.75" style="132" customWidth="1"/>
    <col min="10755" max="10763" width="9.125" style="132" customWidth="1"/>
    <col min="10764" max="11008" width="9" style="132"/>
    <col min="11009" max="11009" width="2.75" style="132" customWidth="1"/>
    <col min="11010" max="11010" width="13.75" style="132" customWidth="1"/>
    <col min="11011" max="11019" width="9.125" style="132" customWidth="1"/>
    <col min="11020" max="11264" width="9" style="132"/>
    <col min="11265" max="11265" width="2.75" style="132" customWidth="1"/>
    <col min="11266" max="11266" width="13.75" style="132" customWidth="1"/>
    <col min="11267" max="11275" width="9.125" style="132" customWidth="1"/>
    <col min="11276" max="11520" width="9" style="132"/>
    <col min="11521" max="11521" width="2.75" style="132" customWidth="1"/>
    <col min="11522" max="11522" width="13.75" style="132" customWidth="1"/>
    <col min="11523" max="11531" width="9.125" style="132" customWidth="1"/>
    <col min="11532" max="11776" width="9" style="132"/>
    <col min="11777" max="11777" width="2.75" style="132" customWidth="1"/>
    <col min="11778" max="11778" width="13.75" style="132" customWidth="1"/>
    <col min="11779" max="11787" width="9.125" style="132" customWidth="1"/>
    <col min="11788" max="12032" width="9" style="132"/>
    <col min="12033" max="12033" width="2.75" style="132" customWidth="1"/>
    <col min="12034" max="12034" width="13.75" style="132" customWidth="1"/>
    <col min="12035" max="12043" width="9.125" style="132" customWidth="1"/>
    <col min="12044" max="12288" width="9" style="132"/>
    <col min="12289" max="12289" width="2.75" style="132" customWidth="1"/>
    <col min="12290" max="12290" width="13.75" style="132" customWidth="1"/>
    <col min="12291" max="12299" width="9.125" style="132" customWidth="1"/>
    <col min="12300" max="12544" width="9" style="132"/>
    <col min="12545" max="12545" width="2.75" style="132" customWidth="1"/>
    <col min="12546" max="12546" width="13.75" style="132" customWidth="1"/>
    <col min="12547" max="12555" width="9.125" style="132" customWidth="1"/>
    <col min="12556" max="12800" width="9" style="132"/>
    <col min="12801" max="12801" width="2.75" style="132" customWidth="1"/>
    <col min="12802" max="12802" width="13.75" style="132" customWidth="1"/>
    <col min="12803" max="12811" width="9.125" style="132" customWidth="1"/>
    <col min="12812" max="13056" width="9" style="132"/>
    <col min="13057" max="13057" width="2.75" style="132" customWidth="1"/>
    <col min="13058" max="13058" width="13.75" style="132" customWidth="1"/>
    <col min="13059" max="13067" width="9.125" style="132" customWidth="1"/>
    <col min="13068" max="13312" width="9" style="132"/>
    <col min="13313" max="13313" width="2.75" style="132" customWidth="1"/>
    <col min="13314" max="13314" width="13.75" style="132" customWidth="1"/>
    <col min="13315" max="13323" width="9.125" style="132" customWidth="1"/>
    <col min="13324" max="13568" width="9" style="132"/>
    <col min="13569" max="13569" width="2.75" style="132" customWidth="1"/>
    <col min="13570" max="13570" width="13.75" style="132" customWidth="1"/>
    <col min="13571" max="13579" width="9.125" style="132" customWidth="1"/>
    <col min="13580" max="13824" width="9" style="132"/>
    <col min="13825" max="13825" width="2.75" style="132" customWidth="1"/>
    <col min="13826" max="13826" width="13.75" style="132" customWidth="1"/>
    <col min="13827" max="13835" width="9.125" style="132" customWidth="1"/>
    <col min="13836" max="14080" width="9" style="132"/>
    <col min="14081" max="14081" width="2.75" style="132" customWidth="1"/>
    <col min="14082" max="14082" width="13.75" style="132" customWidth="1"/>
    <col min="14083" max="14091" width="9.125" style="132" customWidth="1"/>
    <col min="14092" max="14336" width="9" style="132"/>
    <col min="14337" max="14337" width="2.75" style="132" customWidth="1"/>
    <col min="14338" max="14338" width="13.75" style="132" customWidth="1"/>
    <col min="14339" max="14347" width="9.125" style="132" customWidth="1"/>
    <col min="14348" max="14592" width="9" style="132"/>
    <col min="14593" max="14593" width="2.75" style="132" customWidth="1"/>
    <col min="14594" max="14594" width="13.75" style="132" customWidth="1"/>
    <col min="14595" max="14603" width="9.125" style="132" customWidth="1"/>
    <col min="14604" max="14848" width="9" style="132"/>
    <col min="14849" max="14849" width="2.75" style="132" customWidth="1"/>
    <col min="14850" max="14850" width="13.75" style="132" customWidth="1"/>
    <col min="14851" max="14859" width="9.125" style="132" customWidth="1"/>
    <col min="14860" max="15104" width="9" style="132"/>
    <col min="15105" max="15105" width="2.75" style="132" customWidth="1"/>
    <col min="15106" max="15106" width="13.75" style="132" customWidth="1"/>
    <col min="15107" max="15115" width="9.125" style="132" customWidth="1"/>
    <col min="15116" max="15360" width="9" style="132"/>
    <col min="15361" max="15361" width="2.75" style="132" customWidth="1"/>
    <col min="15362" max="15362" width="13.75" style="132" customWidth="1"/>
    <col min="15363" max="15371" width="9.125" style="132" customWidth="1"/>
    <col min="15372" max="15616" width="9" style="132"/>
    <col min="15617" max="15617" width="2.75" style="132" customWidth="1"/>
    <col min="15618" max="15618" width="13.75" style="132" customWidth="1"/>
    <col min="15619" max="15627" width="9.125" style="132" customWidth="1"/>
    <col min="15628" max="15872" width="9" style="132"/>
    <col min="15873" max="15873" width="2.75" style="132" customWidth="1"/>
    <col min="15874" max="15874" width="13.75" style="132" customWidth="1"/>
    <col min="15875" max="15883" width="9.125" style="132" customWidth="1"/>
    <col min="15884" max="16128" width="9" style="132"/>
    <col min="16129" max="16129" width="2.75" style="132" customWidth="1"/>
    <col min="16130" max="16130" width="13.75" style="132" customWidth="1"/>
    <col min="16131" max="16139" width="9.125" style="132" customWidth="1"/>
    <col min="16140" max="16384" width="9" style="132"/>
  </cols>
  <sheetData>
    <row r="1" spans="1:15" ht="17.25">
      <c r="A1" s="1066" t="s">
        <v>786</v>
      </c>
    </row>
    <row r="2" spans="1:15" ht="15" customHeight="1" thickBot="1">
      <c r="A2" s="897" t="s">
        <v>787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15" ht="14.25" thickTop="1">
      <c r="A3" s="898"/>
      <c r="B3" s="898"/>
      <c r="C3" s="923"/>
      <c r="D3" s="900" t="s">
        <v>775</v>
      </c>
      <c r="E3" s="924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15">
      <c r="A4" s="905" t="s">
        <v>710</v>
      </c>
      <c r="B4" s="905" t="s">
        <v>711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28" t="s">
        <v>238</v>
      </c>
      <c r="J4" s="928" t="s">
        <v>554</v>
      </c>
      <c r="K4" s="929" t="s">
        <v>555</v>
      </c>
      <c r="L4" s="908" t="s">
        <v>238</v>
      </c>
      <c r="M4" s="906" t="s">
        <v>554</v>
      </c>
      <c r="N4" s="906" t="s">
        <v>555</v>
      </c>
    </row>
    <row r="5" spans="1:15" s="897" customFormat="1" ht="20.100000000000001" customHeight="1">
      <c r="A5" s="909"/>
      <c r="B5" s="1175" t="s">
        <v>788</v>
      </c>
      <c r="C5" s="1115">
        <v>496793</v>
      </c>
      <c r="D5" s="1114">
        <v>265660</v>
      </c>
      <c r="E5" s="1116">
        <v>231133</v>
      </c>
      <c r="F5" s="1113">
        <v>48841</v>
      </c>
      <c r="G5" s="1114">
        <v>24837</v>
      </c>
      <c r="H5" s="1114">
        <v>24004</v>
      </c>
      <c r="I5" s="1114">
        <v>417064</v>
      </c>
      <c r="J5" s="1114">
        <v>227514</v>
      </c>
      <c r="K5" s="1114">
        <v>189550</v>
      </c>
      <c r="L5" s="1113">
        <v>30888</v>
      </c>
      <c r="M5" s="1114">
        <v>13309</v>
      </c>
      <c r="N5" s="1113">
        <v>17579</v>
      </c>
    </row>
    <row r="6" spans="1:15" s="911" customFormat="1" ht="20.100000000000001" customHeight="1">
      <c r="A6" s="1453" t="s">
        <v>778</v>
      </c>
      <c r="B6" s="1454"/>
      <c r="C6" s="1115">
        <v>215726</v>
      </c>
      <c r="D6" s="1114">
        <v>114075</v>
      </c>
      <c r="E6" s="1116">
        <v>101651</v>
      </c>
      <c r="F6" s="1113">
        <v>21770</v>
      </c>
      <c r="G6" s="1114">
        <v>11072</v>
      </c>
      <c r="H6" s="1114">
        <v>10698</v>
      </c>
      <c r="I6" s="1114">
        <v>180316</v>
      </c>
      <c r="J6" s="1114">
        <v>97178</v>
      </c>
      <c r="K6" s="1116">
        <v>83138</v>
      </c>
      <c r="L6" s="1113">
        <v>13640</v>
      </c>
      <c r="M6" s="1114">
        <v>5825</v>
      </c>
      <c r="N6" s="1113">
        <v>7815</v>
      </c>
    </row>
    <row r="7" spans="1:15">
      <c r="A7" s="912"/>
      <c r="B7" s="913" t="s">
        <v>715</v>
      </c>
      <c r="C7" s="1122">
        <v>18782</v>
      </c>
      <c r="D7" s="1121">
        <v>10532</v>
      </c>
      <c r="E7" s="1129">
        <v>8250</v>
      </c>
      <c r="F7" s="1120">
        <v>1441</v>
      </c>
      <c r="G7" s="1121">
        <v>743</v>
      </c>
      <c r="H7" s="1121">
        <v>698</v>
      </c>
      <c r="I7" s="1121">
        <v>16654</v>
      </c>
      <c r="J7" s="1121">
        <v>9490</v>
      </c>
      <c r="K7" s="1121">
        <v>7164</v>
      </c>
      <c r="L7" s="1120">
        <v>687</v>
      </c>
      <c r="M7" s="1121">
        <v>299</v>
      </c>
      <c r="N7" s="1122">
        <v>388</v>
      </c>
      <c r="O7" s="178"/>
    </row>
    <row r="8" spans="1:15">
      <c r="A8" s="912"/>
      <c r="B8" s="913" t="s">
        <v>716</v>
      </c>
      <c r="C8" s="1122">
        <v>17647</v>
      </c>
      <c r="D8" s="1121">
        <v>9385</v>
      </c>
      <c r="E8" s="1129">
        <v>8262</v>
      </c>
      <c r="F8" s="1120">
        <v>1319</v>
      </c>
      <c r="G8" s="1121">
        <v>657</v>
      </c>
      <c r="H8" s="1121">
        <v>662</v>
      </c>
      <c r="I8" s="1121">
        <v>15575</v>
      </c>
      <c r="J8" s="1121">
        <v>8411</v>
      </c>
      <c r="K8" s="1121">
        <v>7164</v>
      </c>
      <c r="L8" s="1120">
        <v>753</v>
      </c>
      <c r="M8" s="1121">
        <v>317</v>
      </c>
      <c r="N8" s="1122">
        <v>436</v>
      </c>
      <c r="O8" s="178"/>
    </row>
    <row r="9" spans="1:15">
      <c r="A9" s="912"/>
      <c r="B9" s="913" t="s">
        <v>717</v>
      </c>
      <c r="C9" s="1122">
        <v>9844</v>
      </c>
      <c r="D9" s="1121">
        <v>5325</v>
      </c>
      <c r="E9" s="1129">
        <v>4519</v>
      </c>
      <c r="F9" s="1120">
        <v>753</v>
      </c>
      <c r="G9" s="1121">
        <v>389</v>
      </c>
      <c r="H9" s="1121">
        <v>364</v>
      </c>
      <c r="I9" s="1121">
        <v>8690</v>
      </c>
      <c r="J9" s="1121">
        <v>4760</v>
      </c>
      <c r="K9" s="1121">
        <v>3930</v>
      </c>
      <c r="L9" s="1120">
        <v>401</v>
      </c>
      <c r="M9" s="1121">
        <v>176</v>
      </c>
      <c r="N9" s="1122">
        <v>225</v>
      </c>
      <c r="O9" s="178"/>
    </row>
    <row r="10" spans="1:15">
      <c r="A10" s="912"/>
      <c r="B10" s="914" t="s">
        <v>718</v>
      </c>
      <c r="C10" s="1122">
        <v>13546</v>
      </c>
      <c r="D10" s="1121">
        <v>7676</v>
      </c>
      <c r="E10" s="1129">
        <v>5870</v>
      </c>
      <c r="F10" s="1120">
        <v>1273</v>
      </c>
      <c r="G10" s="1121">
        <v>653</v>
      </c>
      <c r="H10" s="1121">
        <v>620</v>
      </c>
      <c r="I10" s="1121">
        <v>11399</v>
      </c>
      <c r="J10" s="1121">
        <v>6516</v>
      </c>
      <c r="K10" s="1121">
        <v>4883</v>
      </c>
      <c r="L10" s="1120">
        <v>874</v>
      </c>
      <c r="M10" s="1121">
        <v>507</v>
      </c>
      <c r="N10" s="1122">
        <v>367</v>
      </c>
      <c r="O10" s="178"/>
    </row>
    <row r="11" spans="1:15">
      <c r="A11" s="912"/>
      <c r="B11" s="914" t="s">
        <v>719</v>
      </c>
      <c r="C11" s="1122">
        <v>13328</v>
      </c>
      <c r="D11" s="1121">
        <v>7113</v>
      </c>
      <c r="E11" s="1129">
        <v>6215</v>
      </c>
      <c r="F11" s="1120">
        <v>1004</v>
      </c>
      <c r="G11" s="1121">
        <v>541</v>
      </c>
      <c r="H11" s="1121">
        <v>463</v>
      </c>
      <c r="I11" s="1121">
        <v>11470</v>
      </c>
      <c r="J11" s="1121">
        <v>6161</v>
      </c>
      <c r="K11" s="1121">
        <v>5309</v>
      </c>
      <c r="L11" s="1120">
        <v>854</v>
      </c>
      <c r="M11" s="1121">
        <v>411</v>
      </c>
      <c r="N11" s="1122">
        <v>443</v>
      </c>
      <c r="O11" s="178"/>
    </row>
    <row r="12" spans="1:15">
      <c r="A12" s="912"/>
      <c r="B12" s="914" t="s">
        <v>721</v>
      </c>
      <c r="C12" s="1122">
        <v>11726</v>
      </c>
      <c r="D12" s="1121">
        <v>6319</v>
      </c>
      <c r="E12" s="1129">
        <v>5407</v>
      </c>
      <c r="F12" s="1120">
        <v>1051</v>
      </c>
      <c r="G12" s="1121">
        <v>507</v>
      </c>
      <c r="H12" s="1121">
        <v>544</v>
      </c>
      <c r="I12" s="1121">
        <v>9943</v>
      </c>
      <c r="J12" s="1121">
        <v>5506</v>
      </c>
      <c r="K12" s="1121">
        <v>4437</v>
      </c>
      <c r="L12" s="1120">
        <v>732</v>
      </c>
      <c r="M12" s="1121">
        <v>306</v>
      </c>
      <c r="N12" s="1122">
        <v>426</v>
      </c>
      <c r="O12" s="178"/>
    </row>
    <row r="13" spans="1:15">
      <c r="A13" s="912"/>
      <c r="B13" s="914" t="s">
        <v>722</v>
      </c>
      <c r="C13" s="1122">
        <v>9323</v>
      </c>
      <c r="D13" s="1121">
        <v>4883</v>
      </c>
      <c r="E13" s="1129">
        <v>4440</v>
      </c>
      <c r="F13" s="1120">
        <v>1013</v>
      </c>
      <c r="G13" s="1121">
        <v>515</v>
      </c>
      <c r="H13" s="1121">
        <v>498</v>
      </c>
      <c r="I13" s="1121">
        <v>7640</v>
      </c>
      <c r="J13" s="1121">
        <v>4094</v>
      </c>
      <c r="K13" s="1121">
        <v>3546</v>
      </c>
      <c r="L13" s="1120">
        <v>670</v>
      </c>
      <c r="M13" s="1121">
        <v>274</v>
      </c>
      <c r="N13" s="1122">
        <v>396</v>
      </c>
      <c r="O13" s="178"/>
    </row>
    <row r="14" spans="1:15">
      <c r="A14" s="912"/>
      <c r="B14" s="914" t="s">
        <v>723</v>
      </c>
      <c r="C14" s="1122">
        <v>8674</v>
      </c>
      <c r="D14" s="1121">
        <v>4477</v>
      </c>
      <c r="E14" s="1129">
        <v>4197</v>
      </c>
      <c r="F14" s="1120">
        <v>971</v>
      </c>
      <c r="G14" s="1121">
        <v>520</v>
      </c>
      <c r="H14" s="1121">
        <v>451</v>
      </c>
      <c r="I14" s="1121">
        <v>7038</v>
      </c>
      <c r="J14" s="1121">
        <v>3699</v>
      </c>
      <c r="K14" s="1121">
        <v>3339</v>
      </c>
      <c r="L14" s="1120">
        <v>665</v>
      </c>
      <c r="M14" s="1121">
        <v>258</v>
      </c>
      <c r="N14" s="1122">
        <v>407</v>
      </c>
      <c r="O14" s="178"/>
    </row>
    <row r="15" spans="1:15">
      <c r="A15" s="912"/>
      <c r="B15" s="914" t="s">
        <v>724</v>
      </c>
      <c r="C15" s="1122">
        <v>24059</v>
      </c>
      <c r="D15" s="1121">
        <v>12346</v>
      </c>
      <c r="E15" s="1129">
        <v>11713</v>
      </c>
      <c r="F15" s="1120">
        <v>1816</v>
      </c>
      <c r="G15" s="1121">
        <v>904</v>
      </c>
      <c r="H15" s="1121">
        <v>912</v>
      </c>
      <c r="I15" s="1121">
        <v>21275</v>
      </c>
      <c r="J15" s="1121">
        <v>11044</v>
      </c>
      <c r="K15" s="1121">
        <v>10231</v>
      </c>
      <c r="L15" s="1120">
        <v>968</v>
      </c>
      <c r="M15" s="1121">
        <v>398</v>
      </c>
      <c r="N15" s="1122">
        <v>570</v>
      </c>
      <c r="O15" s="178"/>
    </row>
    <row r="16" spans="1:15">
      <c r="A16" s="912"/>
      <c r="B16" s="914" t="s">
        <v>725</v>
      </c>
      <c r="C16" s="1122">
        <v>13990</v>
      </c>
      <c r="D16" s="1121">
        <v>7320</v>
      </c>
      <c r="E16" s="1129">
        <v>6670</v>
      </c>
      <c r="F16" s="1120">
        <v>1747</v>
      </c>
      <c r="G16" s="1121">
        <v>901</v>
      </c>
      <c r="H16" s="1121">
        <v>846</v>
      </c>
      <c r="I16" s="1121">
        <v>11228</v>
      </c>
      <c r="J16" s="1121">
        <v>6010</v>
      </c>
      <c r="K16" s="1121">
        <v>5218</v>
      </c>
      <c r="L16" s="1120">
        <v>1015</v>
      </c>
      <c r="M16" s="1121">
        <v>409</v>
      </c>
      <c r="N16" s="1122">
        <v>606</v>
      </c>
      <c r="O16" s="178"/>
    </row>
    <row r="17" spans="1:15">
      <c r="A17" s="912"/>
      <c r="B17" s="914" t="s">
        <v>726</v>
      </c>
      <c r="C17" s="1122">
        <v>9656</v>
      </c>
      <c r="D17" s="1121">
        <v>4933</v>
      </c>
      <c r="E17" s="1129">
        <v>4723</v>
      </c>
      <c r="F17" s="1120">
        <v>1094</v>
      </c>
      <c r="G17" s="1121">
        <v>528</v>
      </c>
      <c r="H17" s="1121">
        <v>566</v>
      </c>
      <c r="I17" s="1121">
        <v>7755</v>
      </c>
      <c r="J17" s="1121">
        <v>4065</v>
      </c>
      <c r="K17" s="1121">
        <v>3690</v>
      </c>
      <c r="L17" s="1120">
        <v>807</v>
      </c>
      <c r="M17" s="1121">
        <v>340</v>
      </c>
      <c r="N17" s="1122">
        <v>467</v>
      </c>
      <c r="O17" s="178"/>
    </row>
    <row r="18" spans="1:15">
      <c r="A18" s="912"/>
      <c r="B18" s="914" t="s">
        <v>727</v>
      </c>
      <c r="C18" s="1122">
        <v>10279</v>
      </c>
      <c r="D18" s="1121">
        <v>5245</v>
      </c>
      <c r="E18" s="1129">
        <v>5034</v>
      </c>
      <c r="F18" s="1120">
        <v>1156</v>
      </c>
      <c r="G18" s="1121">
        <v>572</v>
      </c>
      <c r="H18" s="1121">
        <v>584</v>
      </c>
      <c r="I18" s="1121">
        <v>8122</v>
      </c>
      <c r="J18" s="1121">
        <v>4261</v>
      </c>
      <c r="K18" s="1121">
        <v>3861</v>
      </c>
      <c r="L18" s="1120">
        <v>1001</v>
      </c>
      <c r="M18" s="1121">
        <v>412</v>
      </c>
      <c r="N18" s="1122">
        <v>589</v>
      </c>
      <c r="O18" s="178"/>
    </row>
    <row r="19" spans="1:15">
      <c r="A19" s="912"/>
      <c r="B19" s="914" t="s">
        <v>728</v>
      </c>
      <c r="C19" s="1122">
        <v>9691</v>
      </c>
      <c r="D19" s="1121">
        <v>4977</v>
      </c>
      <c r="E19" s="1129">
        <v>4714</v>
      </c>
      <c r="F19" s="1120">
        <v>1168</v>
      </c>
      <c r="G19" s="1121">
        <v>592</v>
      </c>
      <c r="H19" s="1121">
        <v>576</v>
      </c>
      <c r="I19" s="1121">
        <v>7892</v>
      </c>
      <c r="J19" s="1121">
        <v>4135</v>
      </c>
      <c r="K19" s="1121">
        <v>3757</v>
      </c>
      <c r="L19" s="1120">
        <v>631</v>
      </c>
      <c r="M19" s="1121">
        <v>250</v>
      </c>
      <c r="N19" s="1122">
        <v>381</v>
      </c>
      <c r="O19" s="178"/>
    </row>
    <row r="20" spans="1:15">
      <c r="A20" s="912"/>
      <c r="B20" s="914" t="s">
        <v>729</v>
      </c>
      <c r="C20" s="1122">
        <v>5230</v>
      </c>
      <c r="D20" s="1121">
        <v>2716</v>
      </c>
      <c r="E20" s="1129">
        <v>2514</v>
      </c>
      <c r="F20" s="1120">
        <v>620</v>
      </c>
      <c r="G20" s="1121">
        <v>319</v>
      </c>
      <c r="H20" s="1121">
        <v>301</v>
      </c>
      <c r="I20" s="1121">
        <v>4092</v>
      </c>
      <c r="J20" s="1121">
        <v>2180</v>
      </c>
      <c r="K20" s="1121">
        <v>1912</v>
      </c>
      <c r="L20" s="1120">
        <v>518</v>
      </c>
      <c r="M20" s="1121">
        <v>217</v>
      </c>
      <c r="N20" s="1122">
        <v>301</v>
      </c>
      <c r="O20" s="178"/>
    </row>
    <row r="21" spans="1:15">
      <c r="A21" s="912"/>
      <c r="B21" s="914" t="s">
        <v>730</v>
      </c>
      <c r="C21" s="1122">
        <v>5476</v>
      </c>
      <c r="D21" s="1121">
        <v>2907</v>
      </c>
      <c r="E21" s="1129">
        <v>2569</v>
      </c>
      <c r="F21" s="1120">
        <v>593</v>
      </c>
      <c r="G21" s="1121">
        <v>290</v>
      </c>
      <c r="H21" s="1121">
        <v>303</v>
      </c>
      <c r="I21" s="1121">
        <v>4421</v>
      </c>
      <c r="J21" s="1121">
        <v>2414</v>
      </c>
      <c r="K21" s="1121">
        <v>2007</v>
      </c>
      <c r="L21" s="1120">
        <v>462</v>
      </c>
      <c r="M21" s="1121">
        <v>203</v>
      </c>
      <c r="N21" s="1122">
        <v>259</v>
      </c>
      <c r="O21" s="178"/>
    </row>
    <row r="22" spans="1:15">
      <c r="A22" s="912"/>
      <c r="B22" s="914" t="s">
        <v>731</v>
      </c>
      <c r="C22" s="1122">
        <v>6308</v>
      </c>
      <c r="D22" s="1121">
        <v>3268</v>
      </c>
      <c r="E22" s="1129">
        <v>3040</v>
      </c>
      <c r="F22" s="1120">
        <v>851</v>
      </c>
      <c r="G22" s="1121">
        <v>430</v>
      </c>
      <c r="H22" s="1121">
        <v>421</v>
      </c>
      <c r="I22" s="1121">
        <v>4870</v>
      </c>
      <c r="J22" s="1121">
        <v>2580</v>
      </c>
      <c r="K22" s="1121">
        <v>2290</v>
      </c>
      <c r="L22" s="1120">
        <v>587</v>
      </c>
      <c r="M22" s="1121">
        <v>258</v>
      </c>
      <c r="N22" s="1122">
        <v>329</v>
      </c>
      <c r="O22" s="178"/>
    </row>
    <row r="23" spans="1:15">
      <c r="A23" s="912"/>
      <c r="B23" s="914" t="s">
        <v>732</v>
      </c>
      <c r="C23" s="1122">
        <v>17032</v>
      </c>
      <c r="D23" s="1121">
        <v>8806</v>
      </c>
      <c r="E23" s="1129">
        <v>8226</v>
      </c>
      <c r="F23" s="1120">
        <v>2212</v>
      </c>
      <c r="G23" s="1121">
        <v>1147</v>
      </c>
      <c r="H23" s="1121">
        <v>1065</v>
      </c>
      <c r="I23" s="1121">
        <v>13654</v>
      </c>
      <c r="J23" s="1121">
        <v>7213</v>
      </c>
      <c r="K23" s="1121">
        <v>6441</v>
      </c>
      <c r="L23" s="1120">
        <v>1166</v>
      </c>
      <c r="M23" s="1121">
        <v>446</v>
      </c>
      <c r="N23" s="1122">
        <v>720</v>
      </c>
      <c r="O23" s="178"/>
    </row>
    <row r="24" spans="1:15">
      <c r="A24" s="912"/>
      <c r="B24" s="914" t="s">
        <v>334</v>
      </c>
      <c r="C24" s="1122">
        <v>11135</v>
      </c>
      <c r="D24" s="1121">
        <v>5847</v>
      </c>
      <c r="E24" s="1129">
        <v>5288</v>
      </c>
      <c r="F24" s="1120">
        <v>1688</v>
      </c>
      <c r="G24" s="1121">
        <v>864</v>
      </c>
      <c r="H24" s="1121">
        <v>824</v>
      </c>
      <c r="I24" s="1121">
        <v>8598</v>
      </c>
      <c r="J24" s="1121">
        <v>4639</v>
      </c>
      <c r="K24" s="1121">
        <v>3959</v>
      </c>
      <c r="L24" s="1120">
        <v>849</v>
      </c>
      <c r="M24" s="1121">
        <v>344</v>
      </c>
      <c r="N24" s="1122">
        <v>505</v>
      </c>
      <c r="O24" s="178"/>
    </row>
    <row r="25" spans="1:15" s="911" customFormat="1" ht="20.100000000000001" customHeight="1">
      <c r="A25" s="1453" t="s">
        <v>781</v>
      </c>
      <c r="B25" s="1454"/>
      <c r="C25" s="1115">
        <v>107936</v>
      </c>
      <c r="D25" s="1114">
        <v>57760</v>
      </c>
      <c r="E25" s="1116">
        <v>50176</v>
      </c>
      <c r="F25" s="1113">
        <v>8141</v>
      </c>
      <c r="G25" s="1114">
        <v>4121</v>
      </c>
      <c r="H25" s="1113">
        <v>4020</v>
      </c>
      <c r="I25" s="1114">
        <v>94779</v>
      </c>
      <c r="J25" s="1114">
        <v>51348</v>
      </c>
      <c r="K25" s="1116">
        <v>43431</v>
      </c>
      <c r="L25" s="1113">
        <v>5016</v>
      </c>
      <c r="M25" s="1114">
        <v>2291</v>
      </c>
      <c r="N25" s="1113">
        <v>2725</v>
      </c>
    </row>
    <row r="26" spans="1:15">
      <c r="A26" s="912"/>
      <c r="B26" s="914" t="s">
        <v>735</v>
      </c>
      <c r="C26" s="1122">
        <v>17298</v>
      </c>
      <c r="D26" s="1121">
        <v>10412</v>
      </c>
      <c r="E26" s="1129">
        <v>6886</v>
      </c>
      <c r="F26" s="1120">
        <v>967</v>
      </c>
      <c r="G26" s="1121">
        <v>495</v>
      </c>
      <c r="H26" s="1120">
        <v>472</v>
      </c>
      <c r="I26" s="1121">
        <v>15528</v>
      </c>
      <c r="J26" s="1121">
        <v>9438</v>
      </c>
      <c r="K26" s="1129">
        <v>6090</v>
      </c>
      <c r="L26" s="1120">
        <v>803</v>
      </c>
      <c r="M26" s="1121">
        <v>479</v>
      </c>
      <c r="N26" s="1122">
        <v>324</v>
      </c>
      <c r="O26" s="178"/>
    </row>
    <row r="27" spans="1:15">
      <c r="A27" s="912"/>
      <c r="B27" s="914" t="s">
        <v>736</v>
      </c>
      <c r="C27" s="1122">
        <v>12023</v>
      </c>
      <c r="D27" s="1121">
        <v>6587</v>
      </c>
      <c r="E27" s="1129">
        <v>5436</v>
      </c>
      <c r="F27" s="1120">
        <v>914</v>
      </c>
      <c r="G27" s="1121">
        <v>467</v>
      </c>
      <c r="H27" s="1120">
        <v>447</v>
      </c>
      <c r="I27" s="1121">
        <v>10556</v>
      </c>
      <c r="J27" s="1121">
        <v>5843</v>
      </c>
      <c r="K27" s="1129">
        <v>4713</v>
      </c>
      <c r="L27" s="1120">
        <v>553</v>
      </c>
      <c r="M27" s="1121">
        <v>277</v>
      </c>
      <c r="N27" s="1122">
        <v>276</v>
      </c>
      <c r="O27" s="178"/>
    </row>
    <row r="28" spans="1:15">
      <c r="A28" s="912"/>
      <c r="B28" s="914" t="s">
        <v>737</v>
      </c>
      <c r="C28" s="1122">
        <v>21420</v>
      </c>
      <c r="D28" s="1121">
        <v>11121</v>
      </c>
      <c r="E28" s="1129">
        <v>10299</v>
      </c>
      <c r="F28" s="1120">
        <v>1440</v>
      </c>
      <c r="G28" s="1121">
        <v>703</v>
      </c>
      <c r="H28" s="1120">
        <v>737</v>
      </c>
      <c r="I28" s="1121">
        <v>19398</v>
      </c>
      <c r="J28" s="1121">
        <v>10176</v>
      </c>
      <c r="K28" s="1129">
        <v>9222</v>
      </c>
      <c r="L28" s="1120">
        <v>582</v>
      </c>
      <c r="M28" s="1121">
        <v>242</v>
      </c>
      <c r="N28" s="1122">
        <v>340</v>
      </c>
      <c r="O28" s="178"/>
    </row>
    <row r="29" spans="1:15">
      <c r="A29" s="912"/>
      <c r="B29" s="914" t="s">
        <v>738</v>
      </c>
      <c r="C29" s="1122">
        <v>16426</v>
      </c>
      <c r="D29" s="1121">
        <v>8605</v>
      </c>
      <c r="E29" s="1129">
        <v>7821</v>
      </c>
      <c r="F29" s="1120">
        <v>1152</v>
      </c>
      <c r="G29" s="1121">
        <v>591</v>
      </c>
      <c r="H29" s="1120">
        <v>561</v>
      </c>
      <c r="I29" s="1121">
        <v>14419</v>
      </c>
      <c r="J29" s="1121">
        <v>7667</v>
      </c>
      <c r="K29" s="1129">
        <v>6752</v>
      </c>
      <c r="L29" s="1120">
        <v>855</v>
      </c>
      <c r="M29" s="1121">
        <v>347</v>
      </c>
      <c r="N29" s="1122">
        <v>508</v>
      </c>
      <c r="O29" s="178"/>
    </row>
    <row r="30" spans="1:15">
      <c r="A30" s="912"/>
      <c r="B30" s="914" t="s">
        <v>739</v>
      </c>
      <c r="C30" s="1122">
        <v>15830</v>
      </c>
      <c r="D30" s="1121">
        <v>8322</v>
      </c>
      <c r="E30" s="1129">
        <v>7508</v>
      </c>
      <c r="F30" s="1120">
        <v>863</v>
      </c>
      <c r="G30" s="1121">
        <v>434</v>
      </c>
      <c r="H30" s="1120">
        <v>429</v>
      </c>
      <c r="I30" s="1121">
        <v>14308</v>
      </c>
      <c r="J30" s="1121">
        <v>7603</v>
      </c>
      <c r="K30" s="1129">
        <v>6705</v>
      </c>
      <c r="L30" s="1120">
        <v>659</v>
      </c>
      <c r="M30" s="1121">
        <v>285</v>
      </c>
      <c r="N30" s="1122">
        <v>374</v>
      </c>
      <c r="O30" s="178"/>
    </row>
    <row r="31" spans="1:15">
      <c r="A31" s="912"/>
      <c r="B31" s="914" t="s">
        <v>338</v>
      </c>
      <c r="C31" s="1122">
        <v>14512</v>
      </c>
      <c r="D31" s="1121">
        <v>7397</v>
      </c>
      <c r="E31" s="1129">
        <v>7115</v>
      </c>
      <c r="F31" s="1120">
        <v>1655</v>
      </c>
      <c r="G31" s="1121">
        <v>860</v>
      </c>
      <c r="H31" s="1120">
        <v>795</v>
      </c>
      <c r="I31" s="1121">
        <v>11997</v>
      </c>
      <c r="J31" s="1121">
        <v>6185</v>
      </c>
      <c r="K31" s="1129">
        <v>5812</v>
      </c>
      <c r="L31" s="1120">
        <v>860</v>
      </c>
      <c r="M31" s="1121">
        <v>352</v>
      </c>
      <c r="N31" s="1122">
        <v>508</v>
      </c>
      <c r="O31" s="178"/>
    </row>
    <row r="32" spans="1:15">
      <c r="A32" s="912"/>
      <c r="B32" s="914" t="s">
        <v>740</v>
      </c>
      <c r="C32" s="1122">
        <v>10427</v>
      </c>
      <c r="D32" s="1121">
        <v>5316</v>
      </c>
      <c r="E32" s="1129">
        <v>5111</v>
      </c>
      <c r="F32" s="1120">
        <v>1150</v>
      </c>
      <c r="G32" s="1121">
        <v>571</v>
      </c>
      <c r="H32" s="1120">
        <v>579</v>
      </c>
      <c r="I32" s="1121">
        <v>8573</v>
      </c>
      <c r="J32" s="1121">
        <v>4436</v>
      </c>
      <c r="K32" s="1129">
        <v>4137</v>
      </c>
      <c r="L32" s="1120">
        <v>704</v>
      </c>
      <c r="M32" s="1121">
        <v>309</v>
      </c>
      <c r="N32" s="1122">
        <v>395</v>
      </c>
      <c r="O32" s="178"/>
    </row>
    <row r="33" spans="1:15" s="897" customFormat="1" ht="20.100000000000001" customHeight="1">
      <c r="A33" s="1449" t="s">
        <v>741</v>
      </c>
      <c r="B33" s="1450"/>
      <c r="C33" s="1115">
        <v>27716</v>
      </c>
      <c r="D33" s="1114">
        <v>15510</v>
      </c>
      <c r="E33" s="1116">
        <v>12206</v>
      </c>
      <c r="F33" s="1113">
        <v>3225</v>
      </c>
      <c r="G33" s="1114">
        <v>1593</v>
      </c>
      <c r="H33" s="1113">
        <v>1632</v>
      </c>
      <c r="I33" s="1114">
        <v>22444</v>
      </c>
      <c r="J33" s="1114">
        <v>13041</v>
      </c>
      <c r="K33" s="1113">
        <v>9403</v>
      </c>
      <c r="L33" s="1113">
        <v>2047</v>
      </c>
      <c r="M33" s="1114">
        <v>876</v>
      </c>
      <c r="N33" s="1113">
        <v>1171</v>
      </c>
    </row>
    <row r="34" spans="1:15">
      <c r="A34" s="912"/>
      <c r="B34" s="914" t="s">
        <v>742</v>
      </c>
      <c r="C34" s="1122">
        <v>14917</v>
      </c>
      <c r="D34" s="1121">
        <v>9193</v>
      </c>
      <c r="E34" s="1129">
        <v>5724</v>
      </c>
      <c r="F34" s="1120">
        <v>1472</v>
      </c>
      <c r="G34" s="1121">
        <v>699</v>
      </c>
      <c r="H34" s="1120">
        <v>773</v>
      </c>
      <c r="I34" s="1121">
        <v>12596</v>
      </c>
      <c r="J34" s="1121">
        <v>8117</v>
      </c>
      <c r="K34" s="1129">
        <v>4479</v>
      </c>
      <c r="L34" s="1120">
        <v>849</v>
      </c>
      <c r="M34" s="1121">
        <v>377</v>
      </c>
      <c r="N34" s="1122">
        <v>472</v>
      </c>
      <c r="O34" s="178"/>
    </row>
    <row r="35" spans="1:15">
      <c r="A35" s="912"/>
      <c r="B35" s="914" t="s">
        <v>743</v>
      </c>
      <c r="C35" s="1122">
        <v>7753</v>
      </c>
      <c r="D35" s="1121">
        <v>3848</v>
      </c>
      <c r="E35" s="1129">
        <v>3905</v>
      </c>
      <c r="F35" s="1120">
        <v>975</v>
      </c>
      <c r="G35" s="1121">
        <v>496</v>
      </c>
      <c r="H35" s="1120">
        <v>479</v>
      </c>
      <c r="I35" s="1121">
        <v>6154</v>
      </c>
      <c r="J35" s="1121">
        <v>3110</v>
      </c>
      <c r="K35" s="1129">
        <v>3044</v>
      </c>
      <c r="L35" s="1120">
        <v>624</v>
      </c>
      <c r="M35" s="1121">
        <v>242</v>
      </c>
      <c r="N35" s="1122">
        <v>382</v>
      </c>
      <c r="O35" s="178"/>
    </row>
    <row r="36" spans="1:15">
      <c r="A36" s="912"/>
      <c r="B36" s="914" t="s">
        <v>744</v>
      </c>
      <c r="C36" s="1122">
        <v>2514</v>
      </c>
      <c r="D36" s="1121">
        <v>1232</v>
      </c>
      <c r="E36" s="1129">
        <v>1282</v>
      </c>
      <c r="F36" s="1120">
        <v>394</v>
      </c>
      <c r="G36" s="1121">
        <v>200</v>
      </c>
      <c r="H36" s="1120">
        <v>194</v>
      </c>
      <c r="I36" s="1121">
        <v>1882</v>
      </c>
      <c r="J36" s="1121">
        <v>928</v>
      </c>
      <c r="K36" s="1129">
        <v>954</v>
      </c>
      <c r="L36" s="1120">
        <v>238</v>
      </c>
      <c r="M36" s="1121">
        <v>104</v>
      </c>
      <c r="N36" s="1122">
        <v>134</v>
      </c>
      <c r="O36" s="178"/>
    </row>
    <row r="37" spans="1:15">
      <c r="A37" s="912"/>
      <c r="B37" s="914" t="s">
        <v>745</v>
      </c>
      <c r="C37" s="1122">
        <v>1146</v>
      </c>
      <c r="D37" s="1121">
        <v>592</v>
      </c>
      <c r="E37" s="1129">
        <v>554</v>
      </c>
      <c r="F37" s="1120">
        <v>118</v>
      </c>
      <c r="G37" s="1121">
        <v>65</v>
      </c>
      <c r="H37" s="1120">
        <v>53</v>
      </c>
      <c r="I37" s="1121">
        <v>828</v>
      </c>
      <c r="J37" s="1121">
        <v>437</v>
      </c>
      <c r="K37" s="1129">
        <v>391</v>
      </c>
      <c r="L37" s="1120">
        <v>200</v>
      </c>
      <c r="M37" s="1121">
        <v>90</v>
      </c>
      <c r="N37" s="1122">
        <v>110</v>
      </c>
      <c r="O37" s="178"/>
    </row>
    <row r="38" spans="1:15">
      <c r="A38" s="912"/>
      <c r="B38" s="914" t="s">
        <v>746</v>
      </c>
      <c r="C38" s="1122">
        <v>1386</v>
      </c>
      <c r="D38" s="1121">
        <v>645</v>
      </c>
      <c r="E38" s="1129">
        <v>741</v>
      </c>
      <c r="F38" s="1120">
        <v>266</v>
      </c>
      <c r="G38" s="1121">
        <v>133</v>
      </c>
      <c r="H38" s="1120">
        <v>133</v>
      </c>
      <c r="I38" s="1121">
        <v>984</v>
      </c>
      <c r="J38" s="1121">
        <v>449</v>
      </c>
      <c r="K38" s="1129">
        <v>535</v>
      </c>
      <c r="L38" s="1120">
        <v>136</v>
      </c>
      <c r="M38" s="1121">
        <v>63</v>
      </c>
      <c r="N38" s="1122">
        <v>73</v>
      </c>
      <c r="O38" s="178"/>
    </row>
    <row r="39" spans="1:15" s="897" customFormat="1" ht="20.100000000000001" customHeight="1">
      <c r="A39" s="1449" t="s">
        <v>789</v>
      </c>
      <c r="B39" s="1450"/>
      <c r="C39" s="1115">
        <v>77857</v>
      </c>
      <c r="D39" s="1114">
        <v>42461</v>
      </c>
      <c r="E39" s="1116">
        <v>35396</v>
      </c>
      <c r="F39" s="1113">
        <v>8006</v>
      </c>
      <c r="G39" s="1114">
        <v>4114</v>
      </c>
      <c r="H39" s="1113">
        <v>3892</v>
      </c>
      <c r="I39" s="1114">
        <v>64946</v>
      </c>
      <c r="J39" s="1114">
        <v>36245</v>
      </c>
      <c r="K39" s="1116">
        <v>28701</v>
      </c>
      <c r="L39" s="1113">
        <v>4905</v>
      </c>
      <c r="M39" s="1114">
        <v>2102</v>
      </c>
      <c r="N39" s="1113">
        <v>2803</v>
      </c>
    </row>
    <row r="40" spans="1:15" s="897" customFormat="1">
      <c r="A40" s="1451" t="s">
        <v>790</v>
      </c>
      <c r="B40" s="1452"/>
      <c r="C40" s="1122">
        <v>35207</v>
      </c>
      <c r="D40" s="1121">
        <v>18689</v>
      </c>
      <c r="E40" s="1129">
        <v>16518</v>
      </c>
      <c r="F40" s="1120">
        <v>3444</v>
      </c>
      <c r="G40" s="1121">
        <v>1756</v>
      </c>
      <c r="H40" s="1120">
        <v>1688</v>
      </c>
      <c r="I40" s="1121">
        <v>29314</v>
      </c>
      <c r="J40" s="1121">
        <v>15884</v>
      </c>
      <c r="K40" s="1129">
        <v>13430</v>
      </c>
      <c r="L40" s="1120">
        <v>2449</v>
      </c>
      <c r="M40" s="1121">
        <v>1049</v>
      </c>
      <c r="N40" s="1122">
        <v>1400</v>
      </c>
    </row>
    <row r="41" spans="1:15" s="897" customFormat="1">
      <c r="A41" s="910"/>
      <c r="B41" s="914" t="s">
        <v>749</v>
      </c>
      <c r="C41" s="1122">
        <v>7097</v>
      </c>
      <c r="D41" s="1121">
        <v>3878</v>
      </c>
      <c r="E41" s="1129">
        <v>3219</v>
      </c>
      <c r="F41" s="1120">
        <v>715</v>
      </c>
      <c r="G41" s="1121">
        <v>339</v>
      </c>
      <c r="H41" s="1120">
        <v>376</v>
      </c>
      <c r="I41" s="1121">
        <v>5892</v>
      </c>
      <c r="J41" s="1121">
        <v>3320</v>
      </c>
      <c r="K41" s="1129">
        <v>2572</v>
      </c>
      <c r="L41" s="1120">
        <v>490</v>
      </c>
      <c r="M41" s="1121">
        <v>219</v>
      </c>
      <c r="N41" s="1122">
        <v>271</v>
      </c>
    </row>
    <row r="42" spans="1:15" s="897" customFormat="1">
      <c r="A42" s="910"/>
      <c r="B42" s="914" t="s">
        <v>751</v>
      </c>
      <c r="C42" s="1122">
        <v>13181</v>
      </c>
      <c r="D42" s="1121">
        <v>7067</v>
      </c>
      <c r="E42" s="1129">
        <v>6114</v>
      </c>
      <c r="F42" s="1120">
        <v>1368</v>
      </c>
      <c r="G42" s="1121">
        <v>724</v>
      </c>
      <c r="H42" s="1120">
        <v>644</v>
      </c>
      <c r="I42" s="1121">
        <v>10805</v>
      </c>
      <c r="J42" s="1121">
        <v>5901</v>
      </c>
      <c r="K42" s="1129">
        <v>4904</v>
      </c>
      <c r="L42" s="1120">
        <v>1008</v>
      </c>
      <c r="M42" s="1121">
        <v>442</v>
      </c>
      <c r="N42" s="1122">
        <v>566</v>
      </c>
    </row>
    <row r="43" spans="1:15" s="897" customFormat="1" ht="18.75" customHeight="1">
      <c r="A43" s="910"/>
      <c r="B43" s="915" t="s">
        <v>752</v>
      </c>
      <c r="C43" s="1155">
        <v>14929</v>
      </c>
      <c r="D43" s="1132">
        <v>7744</v>
      </c>
      <c r="E43" s="1156">
        <v>7185</v>
      </c>
      <c r="F43" s="1157">
        <v>1361</v>
      </c>
      <c r="G43" s="1132">
        <v>693</v>
      </c>
      <c r="H43" s="1157">
        <v>668</v>
      </c>
      <c r="I43" s="1132">
        <v>12617</v>
      </c>
      <c r="J43" s="1132">
        <v>6663</v>
      </c>
      <c r="K43" s="1156">
        <v>5954</v>
      </c>
      <c r="L43" s="1157">
        <v>951</v>
      </c>
      <c r="M43" s="1132">
        <v>388</v>
      </c>
      <c r="N43" s="1155">
        <v>563</v>
      </c>
    </row>
    <row r="44" spans="1:15">
      <c r="A44" s="912"/>
      <c r="B44" s="914" t="s">
        <v>753</v>
      </c>
      <c r="C44" s="1122">
        <v>10989</v>
      </c>
      <c r="D44" s="1121">
        <v>6425</v>
      </c>
      <c r="E44" s="1129">
        <v>4564</v>
      </c>
      <c r="F44" s="1120">
        <v>1120</v>
      </c>
      <c r="G44" s="1121">
        <v>552</v>
      </c>
      <c r="H44" s="1120">
        <v>568</v>
      </c>
      <c r="I44" s="1121">
        <v>9208</v>
      </c>
      <c r="J44" s="1121">
        <v>5584</v>
      </c>
      <c r="K44" s="1129">
        <v>3624</v>
      </c>
      <c r="L44" s="1120">
        <v>661</v>
      </c>
      <c r="M44" s="1121">
        <v>289</v>
      </c>
      <c r="N44" s="1122">
        <v>372</v>
      </c>
      <c r="O44" s="178"/>
    </row>
    <row r="45" spans="1:15">
      <c r="A45" s="912"/>
      <c r="B45" s="914" t="s">
        <v>754</v>
      </c>
      <c r="C45" s="1122">
        <v>12399</v>
      </c>
      <c r="D45" s="1121">
        <v>6607</v>
      </c>
      <c r="E45" s="1129">
        <v>5792</v>
      </c>
      <c r="F45" s="1120">
        <v>1195</v>
      </c>
      <c r="G45" s="1121">
        <v>601</v>
      </c>
      <c r="H45" s="1120">
        <v>594</v>
      </c>
      <c r="I45" s="1121">
        <v>10532</v>
      </c>
      <c r="J45" s="1121">
        <v>5735</v>
      </c>
      <c r="K45" s="1129">
        <v>4797</v>
      </c>
      <c r="L45" s="1120">
        <v>672</v>
      </c>
      <c r="M45" s="1121">
        <v>271</v>
      </c>
      <c r="N45" s="1122">
        <v>401</v>
      </c>
      <c r="O45" s="178"/>
    </row>
    <row r="46" spans="1:15">
      <c r="A46" s="912"/>
      <c r="B46" s="914" t="s">
        <v>755</v>
      </c>
      <c r="C46" s="1122">
        <v>6320</v>
      </c>
      <c r="D46" s="1121">
        <v>3490</v>
      </c>
      <c r="E46" s="1129">
        <v>2830</v>
      </c>
      <c r="F46" s="1120">
        <v>742</v>
      </c>
      <c r="G46" s="1121">
        <v>383</v>
      </c>
      <c r="H46" s="1120">
        <v>359</v>
      </c>
      <c r="I46" s="1121">
        <v>5257</v>
      </c>
      <c r="J46" s="1121">
        <v>2968</v>
      </c>
      <c r="K46" s="1129">
        <v>2289</v>
      </c>
      <c r="L46" s="1120">
        <v>321</v>
      </c>
      <c r="M46" s="1121">
        <v>139</v>
      </c>
      <c r="N46" s="1122">
        <v>182</v>
      </c>
      <c r="O46" s="178"/>
    </row>
    <row r="47" spans="1:15">
      <c r="A47" s="912"/>
      <c r="B47" s="914" t="s">
        <v>756</v>
      </c>
      <c r="C47" s="1122">
        <v>6816</v>
      </c>
      <c r="D47" s="1121">
        <v>3656</v>
      </c>
      <c r="E47" s="1129">
        <v>3160</v>
      </c>
      <c r="F47" s="1120">
        <v>689</v>
      </c>
      <c r="G47" s="1121">
        <v>386</v>
      </c>
      <c r="H47" s="1120">
        <v>303</v>
      </c>
      <c r="I47" s="1121">
        <v>5680</v>
      </c>
      <c r="J47" s="1121">
        <v>3081</v>
      </c>
      <c r="K47" s="1129">
        <v>2599</v>
      </c>
      <c r="L47" s="1120">
        <v>447</v>
      </c>
      <c r="M47" s="1121">
        <v>189</v>
      </c>
      <c r="N47" s="1122">
        <v>258</v>
      </c>
      <c r="O47" s="178"/>
    </row>
    <row r="48" spans="1:15">
      <c r="A48" s="912"/>
      <c r="B48" s="914" t="s">
        <v>340</v>
      </c>
      <c r="C48" s="1122">
        <v>4217</v>
      </c>
      <c r="D48" s="1121">
        <v>2443</v>
      </c>
      <c r="E48" s="1129">
        <v>1774</v>
      </c>
      <c r="F48" s="1120">
        <v>574</v>
      </c>
      <c r="G48" s="1121">
        <v>304</v>
      </c>
      <c r="H48" s="1120">
        <v>270</v>
      </c>
      <c r="I48" s="1121">
        <v>3405</v>
      </c>
      <c r="J48" s="1121">
        <v>2034</v>
      </c>
      <c r="K48" s="1129">
        <v>1371</v>
      </c>
      <c r="L48" s="1120">
        <v>238</v>
      </c>
      <c r="M48" s="1121">
        <v>105</v>
      </c>
      <c r="N48" s="1122">
        <v>133</v>
      </c>
      <c r="O48" s="178"/>
    </row>
    <row r="49" spans="1:15">
      <c r="A49" s="912"/>
      <c r="B49" s="914" t="s">
        <v>757</v>
      </c>
      <c r="C49" s="1122">
        <v>1817</v>
      </c>
      <c r="D49" s="1121">
        <v>1104</v>
      </c>
      <c r="E49" s="1129">
        <v>713</v>
      </c>
      <c r="F49" s="1120">
        <v>222</v>
      </c>
      <c r="G49" s="1121">
        <v>123</v>
      </c>
      <c r="H49" s="1120">
        <v>99</v>
      </c>
      <c r="I49" s="1121">
        <v>1487</v>
      </c>
      <c r="J49" s="1121">
        <v>928</v>
      </c>
      <c r="K49" s="1129">
        <v>559</v>
      </c>
      <c r="L49" s="1120">
        <v>108</v>
      </c>
      <c r="M49" s="1121">
        <v>53</v>
      </c>
      <c r="N49" s="1122">
        <v>55</v>
      </c>
      <c r="O49" s="178"/>
    </row>
    <row r="50" spans="1:15">
      <c r="A50" s="912"/>
      <c r="B50" s="914" t="s">
        <v>758</v>
      </c>
      <c r="C50" s="1122">
        <v>92</v>
      </c>
      <c r="D50" s="1121">
        <v>47</v>
      </c>
      <c r="E50" s="1129">
        <v>45</v>
      </c>
      <c r="F50" s="1120">
        <v>20</v>
      </c>
      <c r="G50" s="1121">
        <v>9</v>
      </c>
      <c r="H50" s="1120">
        <v>11</v>
      </c>
      <c r="I50" s="1121">
        <v>63</v>
      </c>
      <c r="J50" s="1121">
        <v>31</v>
      </c>
      <c r="K50" s="1129">
        <v>32</v>
      </c>
      <c r="L50" s="1120">
        <v>9</v>
      </c>
      <c r="M50" s="1121">
        <v>7</v>
      </c>
      <c r="N50" s="1122">
        <v>2</v>
      </c>
      <c r="O50" s="178"/>
    </row>
    <row r="51" spans="1:15" s="897" customFormat="1" ht="20.100000000000001" customHeight="1">
      <c r="A51" s="1449" t="s">
        <v>791</v>
      </c>
      <c r="B51" s="1450"/>
      <c r="C51" s="1115">
        <v>53987</v>
      </c>
      <c r="D51" s="1114">
        <v>28843</v>
      </c>
      <c r="E51" s="1116">
        <v>25144</v>
      </c>
      <c r="F51" s="1113">
        <v>6292</v>
      </c>
      <c r="G51" s="1114">
        <v>3225</v>
      </c>
      <c r="H51" s="1113">
        <v>3067</v>
      </c>
      <c r="I51" s="1114">
        <v>43701</v>
      </c>
      <c r="J51" s="1114">
        <v>23982</v>
      </c>
      <c r="K51" s="1116">
        <v>19719</v>
      </c>
      <c r="L51" s="1113">
        <v>3994</v>
      </c>
      <c r="M51" s="1114">
        <v>1636</v>
      </c>
      <c r="N51" s="1113">
        <v>2358</v>
      </c>
    </row>
    <row r="52" spans="1:15">
      <c r="A52" s="912"/>
      <c r="B52" s="914" t="s">
        <v>760</v>
      </c>
      <c r="C52" s="1122">
        <v>9691</v>
      </c>
      <c r="D52" s="1121">
        <v>5274</v>
      </c>
      <c r="E52" s="1129">
        <v>4417</v>
      </c>
      <c r="F52" s="1120">
        <v>1198</v>
      </c>
      <c r="G52" s="1121">
        <v>609</v>
      </c>
      <c r="H52" s="1121">
        <v>589</v>
      </c>
      <c r="I52" s="1121">
        <v>7796</v>
      </c>
      <c r="J52" s="1121">
        <v>4374</v>
      </c>
      <c r="K52" s="1129">
        <v>3422</v>
      </c>
      <c r="L52" s="1120">
        <v>697</v>
      </c>
      <c r="M52" s="1121">
        <v>291</v>
      </c>
      <c r="N52" s="1120">
        <v>406</v>
      </c>
    </row>
    <row r="53" spans="1:15">
      <c r="A53" s="912"/>
      <c r="B53" s="914" t="s">
        <v>342</v>
      </c>
      <c r="C53" s="1122">
        <v>19416</v>
      </c>
      <c r="D53" s="1121">
        <v>10227</v>
      </c>
      <c r="E53" s="1129">
        <v>9189</v>
      </c>
      <c r="F53" s="1120">
        <v>2152</v>
      </c>
      <c r="G53" s="1121">
        <v>1106</v>
      </c>
      <c r="H53" s="1121">
        <v>1046</v>
      </c>
      <c r="I53" s="1121">
        <v>15859</v>
      </c>
      <c r="J53" s="1121">
        <v>8572</v>
      </c>
      <c r="K53" s="1129">
        <v>7287</v>
      </c>
      <c r="L53" s="1120">
        <v>1405</v>
      </c>
      <c r="M53" s="1121">
        <v>549</v>
      </c>
      <c r="N53" s="1120">
        <v>856</v>
      </c>
    </row>
    <row r="54" spans="1:15">
      <c r="A54" s="912"/>
      <c r="B54" s="914" t="s">
        <v>761</v>
      </c>
      <c r="C54" s="1122">
        <v>9671</v>
      </c>
      <c r="D54" s="1121">
        <v>4923</v>
      </c>
      <c r="E54" s="1129">
        <v>4748</v>
      </c>
      <c r="F54" s="1120">
        <v>1252</v>
      </c>
      <c r="G54" s="1121">
        <v>636</v>
      </c>
      <c r="H54" s="1121">
        <v>616</v>
      </c>
      <c r="I54" s="1121">
        <v>7709</v>
      </c>
      <c r="J54" s="1121">
        <v>4002</v>
      </c>
      <c r="K54" s="1129">
        <v>3707</v>
      </c>
      <c r="L54" s="1120">
        <v>710</v>
      </c>
      <c r="M54" s="1121">
        <v>285</v>
      </c>
      <c r="N54" s="1120">
        <v>425</v>
      </c>
    </row>
    <row r="55" spans="1:15">
      <c r="A55" s="912"/>
      <c r="B55" s="914" t="s">
        <v>762</v>
      </c>
      <c r="C55" s="1122">
        <v>5783</v>
      </c>
      <c r="D55" s="1121">
        <v>3224</v>
      </c>
      <c r="E55" s="1129">
        <v>2559</v>
      </c>
      <c r="F55" s="1120">
        <v>567</v>
      </c>
      <c r="G55" s="1121">
        <v>303</v>
      </c>
      <c r="H55" s="1121">
        <v>264</v>
      </c>
      <c r="I55" s="1121">
        <v>4753</v>
      </c>
      <c r="J55" s="1121">
        <v>2717</v>
      </c>
      <c r="K55" s="1129">
        <v>2036</v>
      </c>
      <c r="L55" s="1120">
        <v>463</v>
      </c>
      <c r="M55" s="1121">
        <v>204</v>
      </c>
      <c r="N55" s="1120">
        <v>259</v>
      </c>
    </row>
    <row r="56" spans="1:15">
      <c r="A56" s="912"/>
      <c r="B56" s="914" t="s">
        <v>763</v>
      </c>
      <c r="C56" s="1122">
        <v>5054</v>
      </c>
      <c r="D56" s="1121">
        <v>2879</v>
      </c>
      <c r="E56" s="1129">
        <v>2175</v>
      </c>
      <c r="F56" s="1120">
        <v>482</v>
      </c>
      <c r="G56" s="1121">
        <v>240</v>
      </c>
      <c r="H56" s="1121">
        <v>242</v>
      </c>
      <c r="I56" s="1121">
        <v>4284</v>
      </c>
      <c r="J56" s="1121">
        <v>2522</v>
      </c>
      <c r="K56" s="1129">
        <v>1762</v>
      </c>
      <c r="L56" s="1120">
        <v>288</v>
      </c>
      <c r="M56" s="1121">
        <v>117</v>
      </c>
      <c r="N56" s="1120">
        <v>171</v>
      </c>
    </row>
    <row r="57" spans="1:15">
      <c r="A57" s="912"/>
      <c r="B57" s="914" t="s">
        <v>764</v>
      </c>
      <c r="C57" s="1122">
        <v>2043</v>
      </c>
      <c r="D57" s="1121">
        <v>1120</v>
      </c>
      <c r="E57" s="1129">
        <v>923</v>
      </c>
      <c r="F57" s="1120">
        <v>276</v>
      </c>
      <c r="G57" s="1121">
        <v>141</v>
      </c>
      <c r="H57" s="1121">
        <v>135</v>
      </c>
      <c r="I57" s="1121">
        <v>1596</v>
      </c>
      <c r="J57" s="1121">
        <v>911</v>
      </c>
      <c r="K57" s="1129">
        <v>685</v>
      </c>
      <c r="L57" s="1120">
        <v>171</v>
      </c>
      <c r="M57" s="1121">
        <v>68</v>
      </c>
      <c r="N57" s="1120">
        <v>103</v>
      </c>
    </row>
    <row r="58" spans="1:15">
      <c r="A58" s="912"/>
      <c r="B58" s="914" t="s">
        <v>765</v>
      </c>
      <c r="C58" s="1122">
        <v>1300</v>
      </c>
      <c r="D58" s="1121">
        <v>666</v>
      </c>
      <c r="E58" s="1129">
        <v>634</v>
      </c>
      <c r="F58" s="1120">
        <v>211</v>
      </c>
      <c r="G58" s="1121">
        <v>112</v>
      </c>
      <c r="H58" s="1121">
        <v>99</v>
      </c>
      <c r="I58" s="1121">
        <v>936</v>
      </c>
      <c r="J58" s="1121">
        <v>489</v>
      </c>
      <c r="K58" s="1129">
        <v>447</v>
      </c>
      <c r="L58" s="1120">
        <v>153</v>
      </c>
      <c r="M58" s="1121">
        <v>65</v>
      </c>
      <c r="N58" s="1120">
        <v>88</v>
      </c>
    </row>
    <row r="59" spans="1:15">
      <c r="A59" s="912"/>
      <c r="B59" s="914" t="s">
        <v>766</v>
      </c>
      <c r="C59" s="1122">
        <v>1029</v>
      </c>
      <c r="D59" s="1121">
        <v>530</v>
      </c>
      <c r="E59" s="1129">
        <v>499</v>
      </c>
      <c r="F59" s="1120">
        <v>154</v>
      </c>
      <c r="G59" s="1121">
        <v>78</v>
      </c>
      <c r="H59" s="1121">
        <v>76</v>
      </c>
      <c r="I59" s="1121">
        <v>768</v>
      </c>
      <c r="J59" s="1121">
        <v>395</v>
      </c>
      <c r="K59" s="1129">
        <v>373</v>
      </c>
      <c r="L59" s="1120">
        <v>107</v>
      </c>
      <c r="M59" s="1121">
        <v>57</v>
      </c>
      <c r="N59" s="1120">
        <v>50</v>
      </c>
    </row>
    <row r="60" spans="1:15" s="897" customFormat="1" ht="20.100000000000001" customHeight="1">
      <c r="A60" s="1449" t="s">
        <v>792</v>
      </c>
      <c r="B60" s="1450"/>
      <c r="C60" s="1115">
        <v>13571</v>
      </c>
      <c r="D60" s="1114">
        <v>7011</v>
      </c>
      <c r="E60" s="1116">
        <v>6560</v>
      </c>
      <c r="F60" s="1113">
        <v>1407</v>
      </c>
      <c r="G60" s="1114">
        <v>712</v>
      </c>
      <c r="H60" s="1114">
        <v>695</v>
      </c>
      <c r="I60" s="1114">
        <v>10878</v>
      </c>
      <c r="J60" s="1114">
        <v>5720</v>
      </c>
      <c r="K60" s="1114">
        <v>5158</v>
      </c>
      <c r="L60" s="1113">
        <v>1286</v>
      </c>
      <c r="M60" s="1114">
        <v>579</v>
      </c>
      <c r="N60" s="1115">
        <v>707</v>
      </c>
    </row>
    <row r="61" spans="1:15">
      <c r="A61" s="912"/>
      <c r="B61" s="914" t="s">
        <v>768</v>
      </c>
      <c r="C61" s="1122">
        <v>6801</v>
      </c>
      <c r="D61" s="1121">
        <v>3606</v>
      </c>
      <c r="E61" s="1129">
        <v>3195</v>
      </c>
      <c r="F61" s="1120">
        <v>754</v>
      </c>
      <c r="G61" s="1121">
        <v>378</v>
      </c>
      <c r="H61" s="1121">
        <v>376</v>
      </c>
      <c r="I61" s="1121">
        <v>5463</v>
      </c>
      <c r="J61" s="1121">
        <v>2960</v>
      </c>
      <c r="K61" s="1129">
        <v>2503</v>
      </c>
      <c r="L61" s="1120">
        <v>584</v>
      </c>
      <c r="M61" s="1121">
        <v>268</v>
      </c>
      <c r="N61" s="1122">
        <v>316</v>
      </c>
      <c r="O61" s="178"/>
    </row>
    <row r="62" spans="1:15">
      <c r="A62" s="912"/>
      <c r="B62" s="914" t="s">
        <v>769</v>
      </c>
      <c r="C62" s="1122">
        <v>1450</v>
      </c>
      <c r="D62" s="1121">
        <v>772</v>
      </c>
      <c r="E62" s="1129">
        <v>678</v>
      </c>
      <c r="F62" s="1120">
        <v>161</v>
      </c>
      <c r="G62" s="1121">
        <v>85</v>
      </c>
      <c r="H62" s="1121">
        <v>76</v>
      </c>
      <c r="I62" s="1121">
        <v>1124</v>
      </c>
      <c r="J62" s="1121">
        <v>625</v>
      </c>
      <c r="K62" s="1129">
        <v>499</v>
      </c>
      <c r="L62" s="1120">
        <v>165</v>
      </c>
      <c r="M62" s="1121">
        <v>62</v>
      </c>
      <c r="N62" s="1122">
        <v>103</v>
      </c>
      <c r="O62" s="178"/>
    </row>
    <row r="63" spans="1:15">
      <c r="A63" s="912"/>
      <c r="B63" s="914" t="s">
        <v>770</v>
      </c>
      <c r="C63" s="1122">
        <v>355</v>
      </c>
      <c r="D63" s="1121">
        <v>198</v>
      </c>
      <c r="E63" s="1129">
        <v>157</v>
      </c>
      <c r="F63" s="1120">
        <v>46</v>
      </c>
      <c r="G63" s="1121">
        <v>27</v>
      </c>
      <c r="H63" s="1121">
        <v>19</v>
      </c>
      <c r="I63" s="1121">
        <v>277</v>
      </c>
      <c r="J63" s="1121">
        <v>150</v>
      </c>
      <c r="K63" s="1129">
        <v>127</v>
      </c>
      <c r="L63" s="1120">
        <v>32</v>
      </c>
      <c r="M63" s="1121">
        <v>21</v>
      </c>
      <c r="N63" s="1122">
        <v>11</v>
      </c>
      <c r="O63" s="178"/>
    </row>
    <row r="64" spans="1:15">
      <c r="A64" s="912"/>
      <c r="B64" s="914" t="s">
        <v>771</v>
      </c>
      <c r="C64" s="1122">
        <v>731</v>
      </c>
      <c r="D64" s="1121">
        <v>388</v>
      </c>
      <c r="E64" s="1129">
        <v>343</v>
      </c>
      <c r="F64" s="1120">
        <v>91</v>
      </c>
      <c r="G64" s="1121">
        <v>44</v>
      </c>
      <c r="H64" s="1121">
        <v>47</v>
      </c>
      <c r="I64" s="1121">
        <v>598</v>
      </c>
      <c r="J64" s="1121">
        <v>327</v>
      </c>
      <c r="K64" s="1129">
        <v>271</v>
      </c>
      <c r="L64" s="1120">
        <v>42</v>
      </c>
      <c r="M64" s="1121">
        <v>17</v>
      </c>
      <c r="N64" s="1122">
        <v>25</v>
      </c>
      <c r="O64" s="178"/>
    </row>
    <row r="65" spans="1:15">
      <c r="A65" s="912"/>
      <c r="B65" s="914" t="s">
        <v>772</v>
      </c>
      <c r="C65" s="1122">
        <v>414</v>
      </c>
      <c r="D65" s="1121">
        <v>209</v>
      </c>
      <c r="E65" s="1129">
        <v>205</v>
      </c>
      <c r="F65" s="1120">
        <v>38</v>
      </c>
      <c r="G65" s="1121">
        <v>16</v>
      </c>
      <c r="H65" s="1121">
        <v>22</v>
      </c>
      <c r="I65" s="1121">
        <v>347</v>
      </c>
      <c r="J65" s="1121">
        <v>184</v>
      </c>
      <c r="K65" s="1129">
        <v>163</v>
      </c>
      <c r="L65" s="1120">
        <v>29</v>
      </c>
      <c r="M65" s="1121">
        <v>9</v>
      </c>
      <c r="N65" s="1122">
        <v>20</v>
      </c>
      <c r="O65" s="178"/>
    </row>
    <row r="66" spans="1:15">
      <c r="A66" s="912"/>
      <c r="B66" s="914" t="s">
        <v>343</v>
      </c>
      <c r="C66" s="1122">
        <v>193</v>
      </c>
      <c r="D66" s="1121">
        <v>109</v>
      </c>
      <c r="E66" s="1129">
        <v>84</v>
      </c>
      <c r="F66" s="1120">
        <v>15</v>
      </c>
      <c r="G66" s="1121">
        <v>7</v>
      </c>
      <c r="H66" s="1121">
        <v>8</v>
      </c>
      <c r="I66" s="1121">
        <v>152</v>
      </c>
      <c r="J66" s="1121">
        <v>90</v>
      </c>
      <c r="K66" s="1129">
        <v>62</v>
      </c>
      <c r="L66" s="1120">
        <v>26</v>
      </c>
      <c r="M66" s="1121">
        <v>12</v>
      </c>
      <c r="N66" s="1122">
        <v>14</v>
      </c>
      <c r="O66" s="178"/>
    </row>
    <row r="67" spans="1:15">
      <c r="A67" s="912"/>
      <c r="B67" s="914" t="s">
        <v>336</v>
      </c>
      <c r="C67" s="1122">
        <v>810</v>
      </c>
      <c r="D67" s="1121">
        <v>409</v>
      </c>
      <c r="E67" s="1129">
        <v>401</v>
      </c>
      <c r="F67" s="1120">
        <v>120</v>
      </c>
      <c r="G67" s="1121">
        <v>61</v>
      </c>
      <c r="H67" s="1121">
        <v>59</v>
      </c>
      <c r="I67" s="1121">
        <v>636</v>
      </c>
      <c r="J67" s="1121">
        <v>327</v>
      </c>
      <c r="K67" s="1129">
        <v>309</v>
      </c>
      <c r="L67" s="1120">
        <v>54</v>
      </c>
      <c r="M67" s="1121">
        <v>21</v>
      </c>
      <c r="N67" s="1122">
        <v>33</v>
      </c>
      <c r="O67" s="178"/>
    </row>
    <row r="68" spans="1:15">
      <c r="A68" s="912"/>
      <c r="B68" s="914" t="s">
        <v>335</v>
      </c>
      <c r="C68" s="1122">
        <v>1382</v>
      </c>
      <c r="D68" s="1121">
        <v>641</v>
      </c>
      <c r="E68" s="1129">
        <v>741</v>
      </c>
      <c r="F68" s="1120">
        <v>53</v>
      </c>
      <c r="G68" s="1121">
        <v>26</v>
      </c>
      <c r="H68" s="1121">
        <v>27</v>
      </c>
      <c r="I68" s="1121">
        <v>1246</v>
      </c>
      <c r="J68" s="1121">
        <v>566</v>
      </c>
      <c r="K68" s="1129">
        <v>680</v>
      </c>
      <c r="L68" s="1120">
        <v>83</v>
      </c>
      <c r="M68" s="1121">
        <v>49</v>
      </c>
      <c r="N68" s="1122">
        <v>34</v>
      </c>
    </row>
    <row r="69" spans="1:15">
      <c r="A69" s="912"/>
      <c r="B69" s="914" t="s">
        <v>337</v>
      </c>
      <c r="C69" s="1122">
        <v>267</v>
      </c>
      <c r="D69" s="1121">
        <v>122</v>
      </c>
      <c r="E69" s="1129">
        <v>145</v>
      </c>
      <c r="F69" s="1120">
        <v>35</v>
      </c>
      <c r="G69" s="1121">
        <v>16</v>
      </c>
      <c r="H69" s="1121">
        <v>19</v>
      </c>
      <c r="I69" s="1121">
        <v>184</v>
      </c>
      <c r="J69" s="1121">
        <v>81</v>
      </c>
      <c r="K69" s="1129">
        <v>103</v>
      </c>
      <c r="L69" s="1120">
        <v>48</v>
      </c>
      <c r="M69" s="1121">
        <v>25</v>
      </c>
      <c r="N69" s="1122">
        <v>23</v>
      </c>
    </row>
    <row r="70" spans="1:15">
      <c r="A70" s="912"/>
      <c r="B70" s="914" t="s">
        <v>339</v>
      </c>
      <c r="C70" s="1122">
        <v>1168</v>
      </c>
      <c r="D70" s="1121">
        <v>557</v>
      </c>
      <c r="E70" s="1129">
        <v>611</v>
      </c>
      <c r="F70" s="1120">
        <v>94</v>
      </c>
      <c r="G70" s="1121">
        <v>52</v>
      </c>
      <c r="H70" s="1121">
        <v>42</v>
      </c>
      <c r="I70" s="1121">
        <v>851</v>
      </c>
      <c r="J70" s="1121">
        <v>410</v>
      </c>
      <c r="K70" s="1129">
        <v>441</v>
      </c>
      <c r="L70" s="1120">
        <v>223</v>
      </c>
      <c r="M70" s="1121">
        <v>95</v>
      </c>
      <c r="N70" s="1122">
        <v>128</v>
      </c>
    </row>
    <row r="71" spans="1:15" s="897" customFormat="1" ht="20.100000000000001" customHeight="1">
      <c r="A71" s="910"/>
      <c r="B71" s="909"/>
      <c r="C71" s="1115"/>
      <c r="D71" s="1114"/>
      <c r="E71" s="1116"/>
      <c r="F71" s="1113"/>
      <c r="G71" s="1114"/>
      <c r="H71" s="1114"/>
      <c r="I71" s="1114"/>
      <c r="J71" s="1114"/>
      <c r="K71" s="1114"/>
      <c r="L71" s="1113"/>
      <c r="M71" s="1114"/>
      <c r="N71" s="1115"/>
    </row>
    <row r="72" spans="1:15" ht="14.25" thickBot="1">
      <c r="A72" s="925"/>
      <c r="B72" s="926"/>
      <c r="C72" s="1138"/>
      <c r="D72" s="1137"/>
      <c r="E72" s="1139"/>
      <c r="F72" s="1136"/>
      <c r="G72" s="1137"/>
      <c r="H72" s="1137"/>
      <c r="I72" s="1137"/>
      <c r="J72" s="1137"/>
      <c r="K72" s="1139"/>
      <c r="L72" s="1136"/>
      <c r="M72" s="1137"/>
      <c r="N72" s="1138"/>
      <c r="O72" s="178"/>
    </row>
    <row r="73" spans="1:15" ht="14.25" thickTop="1"/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pageSetup paperSize="9" scale="75" firstPageNumber="54" orientation="portrait" blackAndWhite="1" useFirstPageNumber="1" r:id="rId1"/>
  <headerFooter>
    <oddFooter>&amp;C&amp;"ＭＳ ゴシック,太字"-&amp;P--</oddFoot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73"/>
  <sheetViews>
    <sheetView zoomScale="80" zoomScaleNormal="80" zoomScaleSheetLayoutView="80" workbookViewId="0">
      <pane xSplit="2" ySplit="4" topLeftCell="C5" activePane="bottomRight" state="frozen"/>
      <selection pane="topRight"/>
      <selection pane="bottomLeft"/>
      <selection pane="bottomRight" activeCell="A2" sqref="A2"/>
    </sheetView>
  </sheetViews>
  <sheetFormatPr defaultRowHeight="13.5"/>
  <cols>
    <col min="1" max="1" width="2.75" style="132" customWidth="1"/>
    <col min="2" max="2" width="13.75" style="132" customWidth="1"/>
    <col min="3" max="3" width="9.125" style="132" customWidth="1"/>
    <col min="4" max="5" width="9.625" style="132" bestFit="1" customWidth="1"/>
    <col min="6" max="8" width="8.25" style="132" customWidth="1"/>
    <col min="9" max="9" width="9.125" style="132" customWidth="1"/>
    <col min="10" max="11" width="9.625" style="132" bestFit="1" customWidth="1"/>
    <col min="12" max="12" width="9" style="132"/>
    <col min="13" max="14" width="7.625" style="132" customWidth="1"/>
    <col min="15" max="256" width="9" style="132"/>
    <col min="257" max="257" width="2.75" style="132" customWidth="1"/>
    <col min="258" max="258" width="13.75" style="132" customWidth="1"/>
    <col min="259" max="267" width="9.125" style="132" customWidth="1"/>
    <col min="268" max="512" width="9" style="132"/>
    <col min="513" max="513" width="2.75" style="132" customWidth="1"/>
    <col min="514" max="514" width="13.75" style="132" customWidth="1"/>
    <col min="515" max="523" width="9.125" style="132" customWidth="1"/>
    <col min="524" max="768" width="9" style="132"/>
    <col min="769" max="769" width="2.75" style="132" customWidth="1"/>
    <col min="770" max="770" width="13.75" style="132" customWidth="1"/>
    <col min="771" max="779" width="9.125" style="132" customWidth="1"/>
    <col min="780" max="1024" width="9" style="132"/>
    <col min="1025" max="1025" width="2.75" style="132" customWidth="1"/>
    <col min="1026" max="1026" width="13.75" style="132" customWidth="1"/>
    <col min="1027" max="1035" width="9.125" style="132" customWidth="1"/>
    <col min="1036" max="1280" width="9" style="132"/>
    <col min="1281" max="1281" width="2.75" style="132" customWidth="1"/>
    <col min="1282" max="1282" width="13.75" style="132" customWidth="1"/>
    <col min="1283" max="1291" width="9.125" style="132" customWidth="1"/>
    <col min="1292" max="1536" width="9" style="132"/>
    <col min="1537" max="1537" width="2.75" style="132" customWidth="1"/>
    <col min="1538" max="1538" width="13.75" style="132" customWidth="1"/>
    <col min="1539" max="1547" width="9.125" style="132" customWidth="1"/>
    <col min="1548" max="1792" width="9" style="132"/>
    <col min="1793" max="1793" width="2.75" style="132" customWidth="1"/>
    <col min="1794" max="1794" width="13.75" style="132" customWidth="1"/>
    <col min="1795" max="1803" width="9.125" style="132" customWidth="1"/>
    <col min="1804" max="2048" width="9" style="132"/>
    <col min="2049" max="2049" width="2.75" style="132" customWidth="1"/>
    <col min="2050" max="2050" width="13.75" style="132" customWidth="1"/>
    <col min="2051" max="2059" width="9.125" style="132" customWidth="1"/>
    <col min="2060" max="2304" width="9" style="132"/>
    <col min="2305" max="2305" width="2.75" style="132" customWidth="1"/>
    <col min="2306" max="2306" width="13.75" style="132" customWidth="1"/>
    <col min="2307" max="2315" width="9.125" style="132" customWidth="1"/>
    <col min="2316" max="2560" width="9" style="132"/>
    <col min="2561" max="2561" width="2.75" style="132" customWidth="1"/>
    <col min="2562" max="2562" width="13.75" style="132" customWidth="1"/>
    <col min="2563" max="2571" width="9.125" style="132" customWidth="1"/>
    <col min="2572" max="2816" width="9" style="132"/>
    <col min="2817" max="2817" width="2.75" style="132" customWidth="1"/>
    <col min="2818" max="2818" width="13.75" style="132" customWidth="1"/>
    <col min="2819" max="2827" width="9.125" style="132" customWidth="1"/>
    <col min="2828" max="3072" width="9" style="132"/>
    <col min="3073" max="3073" width="2.75" style="132" customWidth="1"/>
    <col min="3074" max="3074" width="13.75" style="132" customWidth="1"/>
    <col min="3075" max="3083" width="9.125" style="132" customWidth="1"/>
    <col min="3084" max="3328" width="9" style="132"/>
    <col min="3329" max="3329" width="2.75" style="132" customWidth="1"/>
    <col min="3330" max="3330" width="13.75" style="132" customWidth="1"/>
    <col min="3331" max="3339" width="9.125" style="132" customWidth="1"/>
    <col min="3340" max="3584" width="9" style="132"/>
    <col min="3585" max="3585" width="2.75" style="132" customWidth="1"/>
    <col min="3586" max="3586" width="13.75" style="132" customWidth="1"/>
    <col min="3587" max="3595" width="9.125" style="132" customWidth="1"/>
    <col min="3596" max="3840" width="9" style="132"/>
    <col min="3841" max="3841" width="2.75" style="132" customWidth="1"/>
    <col min="3842" max="3842" width="13.75" style="132" customWidth="1"/>
    <col min="3843" max="3851" width="9.125" style="132" customWidth="1"/>
    <col min="3852" max="4096" width="9" style="132"/>
    <col min="4097" max="4097" width="2.75" style="132" customWidth="1"/>
    <col min="4098" max="4098" width="13.75" style="132" customWidth="1"/>
    <col min="4099" max="4107" width="9.125" style="132" customWidth="1"/>
    <col min="4108" max="4352" width="9" style="132"/>
    <col min="4353" max="4353" width="2.75" style="132" customWidth="1"/>
    <col min="4354" max="4354" width="13.75" style="132" customWidth="1"/>
    <col min="4355" max="4363" width="9.125" style="132" customWidth="1"/>
    <col min="4364" max="4608" width="9" style="132"/>
    <col min="4609" max="4609" width="2.75" style="132" customWidth="1"/>
    <col min="4610" max="4610" width="13.75" style="132" customWidth="1"/>
    <col min="4611" max="4619" width="9.125" style="132" customWidth="1"/>
    <col min="4620" max="4864" width="9" style="132"/>
    <col min="4865" max="4865" width="2.75" style="132" customWidth="1"/>
    <col min="4866" max="4866" width="13.75" style="132" customWidth="1"/>
    <col min="4867" max="4875" width="9.125" style="132" customWidth="1"/>
    <col min="4876" max="5120" width="9" style="132"/>
    <col min="5121" max="5121" width="2.75" style="132" customWidth="1"/>
    <col min="5122" max="5122" width="13.75" style="132" customWidth="1"/>
    <col min="5123" max="5131" width="9.125" style="132" customWidth="1"/>
    <col min="5132" max="5376" width="9" style="132"/>
    <col min="5377" max="5377" width="2.75" style="132" customWidth="1"/>
    <col min="5378" max="5378" width="13.75" style="132" customWidth="1"/>
    <col min="5379" max="5387" width="9.125" style="132" customWidth="1"/>
    <col min="5388" max="5632" width="9" style="132"/>
    <col min="5633" max="5633" width="2.75" style="132" customWidth="1"/>
    <col min="5634" max="5634" width="13.75" style="132" customWidth="1"/>
    <col min="5635" max="5643" width="9.125" style="132" customWidth="1"/>
    <col min="5644" max="5888" width="9" style="132"/>
    <col min="5889" max="5889" width="2.75" style="132" customWidth="1"/>
    <col min="5890" max="5890" width="13.75" style="132" customWidth="1"/>
    <col min="5891" max="5899" width="9.125" style="132" customWidth="1"/>
    <col min="5900" max="6144" width="9" style="132"/>
    <col min="6145" max="6145" width="2.75" style="132" customWidth="1"/>
    <col min="6146" max="6146" width="13.75" style="132" customWidth="1"/>
    <col min="6147" max="6155" width="9.125" style="132" customWidth="1"/>
    <col min="6156" max="6400" width="9" style="132"/>
    <col min="6401" max="6401" width="2.75" style="132" customWidth="1"/>
    <col min="6402" max="6402" width="13.75" style="132" customWidth="1"/>
    <col min="6403" max="6411" width="9.125" style="132" customWidth="1"/>
    <col min="6412" max="6656" width="9" style="132"/>
    <col min="6657" max="6657" width="2.75" style="132" customWidth="1"/>
    <col min="6658" max="6658" width="13.75" style="132" customWidth="1"/>
    <col min="6659" max="6667" width="9.125" style="132" customWidth="1"/>
    <col min="6668" max="6912" width="9" style="132"/>
    <col min="6913" max="6913" width="2.75" style="132" customWidth="1"/>
    <col min="6914" max="6914" width="13.75" style="132" customWidth="1"/>
    <col min="6915" max="6923" width="9.125" style="132" customWidth="1"/>
    <col min="6924" max="7168" width="9" style="132"/>
    <col min="7169" max="7169" width="2.75" style="132" customWidth="1"/>
    <col min="7170" max="7170" width="13.75" style="132" customWidth="1"/>
    <col min="7171" max="7179" width="9.125" style="132" customWidth="1"/>
    <col min="7180" max="7424" width="9" style="132"/>
    <col min="7425" max="7425" width="2.75" style="132" customWidth="1"/>
    <col min="7426" max="7426" width="13.75" style="132" customWidth="1"/>
    <col min="7427" max="7435" width="9.125" style="132" customWidth="1"/>
    <col min="7436" max="7680" width="9" style="132"/>
    <col min="7681" max="7681" width="2.75" style="132" customWidth="1"/>
    <col min="7682" max="7682" width="13.75" style="132" customWidth="1"/>
    <col min="7683" max="7691" width="9.125" style="132" customWidth="1"/>
    <col min="7692" max="7936" width="9" style="132"/>
    <col min="7937" max="7937" width="2.75" style="132" customWidth="1"/>
    <col min="7938" max="7938" width="13.75" style="132" customWidth="1"/>
    <col min="7939" max="7947" width="9.125" style="132" customWidth="1"/>
    <col min="7948" max="8192" width="9" style="132"/>
    <col min="8193" max="8193" width="2.75" style="132" customWidth="1"/>
    <col min="8194" max="8194" width="13.75" style="132" customWidth="1"/>
    <col min="8195" max="8203" width="9.125" style="132" customWidth="1"/>
    <col min="8204" max="8448" width="9" style="132"/>
    <col min="8449" max="8449" width="2.75" style="132" customWidth="1"/>
    <col min="8450" max="8450" width="13.75" style="132" customWidth="1"/>
    <col min="8451" max="8459" width="9.125" style="132" customWidth="1"/>
    <col min="8460" max="8704" width="9" style="132"/>
    <col min="8705" max="8705" width="2.75" style="132" customWidth="1"/>
    <col min="8706" max="8706" width="13.75" style="132" customWidth="1"/>
    <col min="8707" max="8715" width="9.125" style="132" customWidth="1"/>
    <col min="8716" max="8960" width="9" style="132"/>
    <col min="8961" max="8961" width="2.75" style="132" customWidth="1"/>
    <col min="8962" max="8962" width="13.75" style="132" customWidth="1"/>
    <col min="8963" max="8971" width="9.125" style="132" customWidth="1"/>
    <col min="8972" max="9216" width="9" style="132"/>
    <col min="9217" max="9217" width="2.75" style="132" customWidth="1"/>
    <col min="9218" max="9218" width="13.75" style="132" customWidth="1"/>
    <col min="9219" max="9227" width="9.125" style="132" customWidth="1"/>
    <col min="9228" max="9472" width="9" style="132"/>
    <col min="9473" max="9473" width="2.75" style="132" customWidth="1"/>
    <col min="9474" max="9474" width="13.75" style="132" customWidth="1"/>
    <col min="9475" max="9483" width="9.125" style="132" customWidth="1"/>
    <col min="9484" max="9728" width="9" style="132"/>
    <col min="9729" max="9729" width="2.75" style="132" customWidth="1"/>
    <col min="9730" max="9730" width="13.75" style="132" customWidth="1"/>
    <col min="9731" max="9739" width="9.125" style="132" customWidth="1"/>
    <col min="9740" max="9984" width="9" style="132"/>
    <col min="9985" max="9985" width="2.75" style="132" customWidth="1"/>
    <col min="9986" max="9986" width="13.75" style="132" customWidth="1"/>
    <col min="9987" max="9995" width="9.125" style="132" customWidth="1"/>
    <col min="9996" max="10240" width="9" style="132"/>
    <col min="10241" max="10241" width="2.75" style="132" customWidth="1"/>
    <col min="10242" max="10242" width="13.75" style="132" customWidth="1"/>
    <col min="10243" max="10251" width="9.125" style="132" customWidth="1"/>
    <col min="10252" max="10496" width="9" style="132"/>
    <col min="10497" max="10497" width="2.75" style="132" customWidth="1"/>
    <col min="10498" max="10498" width="13.75" style="132" customWidth="1"/>
    <col min="10499" max="10507" width="9.125" style="132" customWidth="1"/>
    <col min="10508" max="10752" width="9" style="132"/>
    <col min="10753" max="10753" width="2.75" style="132" customWidth="1"/>
    <col min="10754" max="10754" width="13.75" style="132" customWidth="1"/>
    <col min="10755" max="10763" width="9.125" style="132" customWidth="1"/>
    <col min="10764" max="11008" width="9" style="132"/>
    <col min="11009" max="11009" width="2.75" style="132" customWidth="1"/>
    <col min="11010" max="11010" width="13.75" style="132" customWidth="1"/>
    <col min="11011" max="11019" width="9.125" style="132" customWidth="1"/>
    <col min="11020" max="11264" width="9" style="132"/>
    <col min="11265" max="11265" width="2.75" style="132" customWidth="1"/>
    <col min="11266" max="11266" width="13.75" style="132" customWidth="1"/>
    <col min="11267" max="11275" width="9.125" style="132" customWidth="1"/>
    <col min="11276" max="11520" width="9" style="132"/>
    <col min="11521" max="11521" width="2.75" style="132" customWidth="1"/>
    <col min="11522" max="11522" width="13.75" style="132" customWidth="1"/>
    <col min="11523" max="11531" width="9.125" style="132" customWidth="1"/>
    <col min="11532" max="11776" width="9" style="132"/>
    <col min="11777" max="11777" width="2.75" style="132" customWidth="1"/>
    <col min="11778" max="11778" width="13.75" style="132" customWidth="1"/>
    <col min="11779" max="11787" width="9.125" style="132" customWidth="1"/>
    <col min="11788" max="12032" width="9" style="132"/>
    <col min="12033" max="12033" width="2.75" style="132" customWidth="1"/>
    <col min="12034" max="12034" width="13.75" style="132" customWidth="1"/>
    <col min="12035" max="12043" width="9.125" style="132" customWidth="1"/>
    <col min="12044" max="12288" width="9" style="132"/>
    <col min="12289" max="12289" width="2.75" style="132" customWidth="1"/>
    <col min="12290" max="12290" width="13.75" style="132" customWidth="1"/>
    <col min="12291" max="12299" width="9.125" style="132" customWidth="1"/>
    <col min="12300" max="12544" width="9" style="132"/>
    <col min="12545" max="12545" width="2.75" style="132" customWidth="1"/>
    <col min="12546" max="12546" width="13.75" style="132" customWidth="1"/>
    <col min="12547" max="12555" width="9.125" style="132" customWidth="1"/>
    <col min="12556" max="12800" width="9" style="132"/>
    <col min="12801" max="12801" width="2.75" style="132" customWidth="1"/>
    <col min="12802" max="12802" width="13.75" style="132" customWidth="1"/>
    <col min="12803" max="12811" width="9.125" style="132" customWidth="1"/>
    <col min="12812" max="13056" width="9" style="132"/>
    <col min="13057" max="13057" width="2.75" style="132" customWidth="1"/>
    <col min="13058" max="13058" width="13.75" style="132" customWidth="1"/>
    <col min="13059" max="13067" width="9.125" style="132" customWidth="1"/>
    <col min="13068" max="13312" width="9" style="132"/>
    <col min="13313" max="13313" width="2.75" style="132" customWidth="1"/>
    <col min="13314" max="13314" width="13.75" style="132" customWidth="1"/>
    <col min="13315" max="13323" width="9.125" style="132" customWidth="1"/>
    <col min="13324" max="13568" width="9" style="132"/>
    <col min="13569" max="13569" width="2.75" style="132" customWidth="1"/>
    <col min="13570" max="13570" width="13.75" style="132" customWidth="1"/>
    <col min="13571" max="13579" width="9.125" style="132" customWidth="1"/>
    <col min="13580" max="13824" width="9" style="132"/>
    <col min="13825" max="13825" width="2.75" style="132" customWidth="1"/>
    <col min="13826" max="13826" width="13.75" style="132" customWidth="1"/>
    <col min="13827" max="13835" width="9.125" style="132" customWidth="1"/>
    <col min="13836" max="14080" width="9" style="132"/>
    <col min="14081" max="14081" width="2.75" style="132" customWidth="1"/>
    <col min="14082" max="14082" width="13.75" style="132" customWidth="1"/>
    <col min="14083" max="14091" width="9.125" style="132" customWidth="1"/>
    <col min="14092" max="14336" width="9" style="132"/>
    <col min="14337" max="14337" width="2.75" style="132" customWidth="1"/>
    <col min="14338" max="14338" width="13.75" style="132" customWidth="1"/>
    <col min="14339" max="14347" width="9.125" style="132" customWidth="1"/>
    <col min="14348" max="14592" width="9" style="132"/>
    <col min="14593" max="14593" width="2.75" style="132" customWidth="1"/>
    <col min="14594" max="14594" width="13.75" style="132" customWidth="1"/>
    <col min="14595" max="14603" width="9.125" style="132" customWidth="1"/>
    <col min="14604" max="14848" width="9" style="132"/>
    <col min="14849" max="14849" width="2.75" style="132" customWidth="1"/>
    <col min="14850" max="14850" width="13.75" style="132" customWidth="1"/>
    <col min="14851" max="14859" width="9.125" style="132" customWidth="1"/>
    <col min="14860" max="15104" width="9" style="132"/>
    <col min="15105" max="15105" width="2.75" style="132" customWidth="1"/>
    <col min="15106" max="15106" width="13.75" style="132" customWidth="1"/>
    <col min="15107" max="15115" width="9.125" style="132" customWidth="1"/>
    <col min="15116" max="15360" width="9" style="132"/>
    <col min="15361" max="15361" width="2.75" style="132" customWidth="1"/>
    <col min="15362" max="15362" width="13.75" style="132" customWidth="1"/>
    <col min="15363" max="15371" width="9.125" style="132" customWidth="1"/>
    <col min="15372" max="15616" width="9" style="132"/>
    <col min="15617" max="15617" width="2.75" style="132" customWidth="1"/>
    <col min="15618" max="15618" width="13.75" style="132" customWidth="1"/>
    <col min="15619" max="15627" width="9.125" style="132" customWidth="1"/>
    <col min="15628" max="15872" width="9" style="132"/>
    <col min="15873" max="15873" width="2.75" style="132" customWidth="1"/>
    <col min="15874" max="15874" width="13.75" style="132" customWidth="1"/>
    <col min="15875" max="15883" width="9.125" style="132" customWidth="1"/>
    <col min="15884" max="16128" width="9" style="132"/>
    <col min="16129" max="16129" width="2.75" style="132" customWidth="1"/>
    <col min="16130" max="16130" width="13.75" style="132" customWidth="1"/>
    <col min="16131" max="16139" width="9.125" style="132" customWidth="1"/>
    <col min="16140" max="16384" width="9" style="132"/>
  </cols>
  <sheetData>
    <row r="1" spans="1:20" ht="17.25">
      <c r="A1" s="1066" t="s">
        <v>793</v>
      </c>
    </row>
    <row r="2" spans="1:20" ht="15" customHeight="1" thickBot="1">
      <c r="A2" s="897" t="s">
        <v>794</v>
      </c>
      <c r="B2" s="178"/>
      <c r="C2" s="178"/>
      <c r="D2" s="178"/>
      <c r="E2" s="178"/>
      <c r="F2" s="178"/>
      <c r="G2" s="178"/>
      <c r="H2" s="178"/>
      <c r="I2" s="178"/>
      <c r="J2" s="920"/>
      <c r="K2" s="178"/>
      <c r="L2" s="920" t="s">
        <v>917</v>
      </c>
    </row>
    <row r="3" spans="1:20" ht="14.25" thickTop="1">
      <c r="A3" s="898"/>
      <c r="B3" s="898"/>
      <c r="C3" s="923"/>
      <c r="D3" s="900" t="s">
        <v>775</v>
      </c>
      <c r="E3" s="924"/>
      <c r="F3" s="922"/>
      <c r="G3" s="903" t="s">
        <v>776</v>
      </c>
      <c r="H3" s="922"/>
      <c r="I3" s="923"/>
      <c r="J3" s="903" t="s">
        <v>376</v>
      </c>
      <c r="K3" s="924"/>
      <c r="L3" s="922"/>
      <c r="M3" s="903" t="s">
        <v>377</v>
      </c>
      <c r="N3" s="922"/>
    </row>
    <row r="4" spans="1:20">
      <c r="A4" s="905" t="s">
        <v>710</v>
      </c>
      <c r="B4" s="930" t="s">
        <v>795</v>
      </c>
      <c r="C4" s="906" t="s">
        <v>238</v>
      </c>
      <c r="D4" s="906" t="s">
        <v>554</v>
      </c>
      <c r="E4" s="907" t="s">
        <v>555</v>
      </c>
      <c r="F4" s="908" t="s">
        <v>238</v>
      </c>
      <c r="G4" s="906" t="s">
        <v>554</v>
      </c>
      <c r="H4" s="906" t="s">
        <v>555</v>
      </c>
      <c r="I4" s="928" t="s">
        <v>238</v>
      </c>
      <c r="J4" s="928" t="s">
        <v>554</v>
      </c>
      <c r="K4" s="929" t="s">
        <v>555</v>
      </c>
      <c r="L4" s="908" t="s">
        <v>238</v>
      </c>
      <c r="M4" s="906" t="s">
        <v>554</v>
      </c>
      <c r="N4" s="906" t="s">
        <v>555</v>
      </c>
    </row>
    <row r="5" spans="1:20" s="897" customFormat="1" ht="20.100000000000001" customHeight="1">
      <c r="A5" s="909"/>
      <c r="B5" s="1175" t="s">
        <v>796</v>
      </c>
      <c r="C5" s="1115">
        <v>469831</v>
      </c>
      <c r="D5" s="1114">
        <v>253155</v>
      </c>
      <c r="E5" s="1116">
        <v>216676</v>
      </c>
      <c r="F5" s="1113">
        <v>49559</v>
      </c>
      <c r="G5" s="1114">
        <v>25254</v>
      </c>
      <c r="H5" s="1114">
        <v>24305</v>
      </c>
      <c r="I5" s="1114">
        <v>390673</v>
      </c>
      <c r="J5" s="1114">
        <v>214736</v>
      </c>
      <c r="K5" s="1114">
        <v>175937</v>
      </c>
      <c r="L5" s="1113">
        <v>29599</v>
      </c>
      <c r="M5" s="1114">
        <v>13165</v>
      </c>
      <c r="N5" s="1113">
        <v>16434</v>
      </c>
    </row>
    <row r="6" spans="1:20" s="911" customFormat="1" ht="20.100000000000001" customHeight="1">
      <c r="A6" s="1453" t="s">
        <v>778</v>
      </c>
      <c r="B6" s="1454"/>
      <c r="C6" s="1115">
        <v>209665</v>
      </c>
      <c r="D6" s="1114">
        <v>112249</v>
      </c>
      <c r="E6" s="1116">
        <v>97416</v>
      </c>
      <c r="F6" s="1113">
        <v>22812</v>
      </c>
      <c r="G6" s="1114">
        <v>11637</v>
      </c>
      <c r="H6" s="1114">
        <v>11175</v>
      </c>
      <c r="I6" s="1114">
        <v>173064</v>
      </c>
      <c r="J6" s="1114">
        <v>94441</v>
      </c>
      <c r="K6" s="1116">
        <v>78623</v>
      </c>
      <c r="L6" s="1113">
        <v>13789</v>
      </c>
      <c r="M6" s="1114">
        <v>6171</v>
      </c>
      <c r="N6" s="1113">
        <v>7618</v>
      </c>
    </row>
    <row r="7" spans="1:20">
      <c r="A7" s="912"/>
      <c r="B7" s="913" t="s">
        <v>715</v>
      </c>
      <c r="C7" s="1122">
        <v>17421</v>
      </c>
      <c r="D7" s="1121">
        <v>9845</v>
      </c>
      <c r="E7" s="1129">
        <v>7576</v>
      </c>
      <c r="F7" s="1120">
        <v>1711</v>
      </c>
      <c r="G7" s="1121">
        <v>873</v>
      </c>
      <c r="H7" s="1121">
        <v>838</v>
      </c>
      <c r="I7" s="1121">
        <v>14663</v>
      </c>
      <c r="J7" s="1121">
        <v>8465</v>
      </c>
      <c r="K7" s="1121">
        <v>6198</v>
      </c>
      <c r="L7" s="1120">
        <v>1047</v>
      </c>
      <c r="M7" s="1121">
        <v>507</v>
      </c>
      <c r="N7" s="1122">
        <v>540</v>
      </c>
      <c r="O7" s="178"/>
    </row>
    <row r="8" spans="1:20">
      <c r="A8" s="912"/>
      <c r="B8" s="913" t="s">
        <v>716</v>
      </c>
      <c r="C8" s="1122">
        <v>16204</v>
      </c>
      <c r="D8" s="1121">
        <v>8844</v>
      </c>
      <c r="E8" s="1129">
        <v>7360</v>
      </c>
      <c r="F8" s="1120">
        <v>1551</v>
      </c>
      <c r="G8" s="1121">
        <v>790</v>
      </c>
      <c r="H8" s="1121">
        <v>761</v>
      </c>
      <c r="I8" s="1121">
        <v>13710</v>
      </c>
      <c r="J8" s="1121">
        <v>7631</v>
      </c>
      <c r="K8" s="1121">
        <v>6079</v>
      </c>
      <c r="L8" s="1120">
        <v>943</v>
      </c>
      <c r="M8" s="1121">
        <v>423</v>
      </c>
      <c r="N8" s="1122">
        <v>520</v>
      </c>
      <c r="O8" s="178"/>
    </row>
    <row r="9" spans="1:20">
      <c r="A9" s="912"/>
      <c r="B9" s="913" t="s">
        <v>717</v>
      </c>
      <c r="C9" s="1122">
        <v>8433</v>
      </c>
      <c r="D9" s="1121">
        <v>4546</v>
      </c>
      <c r="E9" s="1129">
        <v>3887</v>
      </c>
      <c r="F9" s="1120">
        <v>761</v>
      </c>
      <c r="G9" s="1121">
        <v>375</v>
      </c>
      <c r="H9" s="1121">
        <v>386</v>
      </c>
      <c r="I9" s="1121">
        <v>7274</v>
      </c>
      <c r="J9" s="1121">
        <v>3991</v>
      </c>
      <c r="K9" s="1121">
        <v>3283</v>
      </c>
      <c r="L9" s="1120">
        <v>398</v>
      </c>
      <c r="M9" s="1121">
        <v>180</v>
      </c>
      <c r="N9" s="1122">
        <v>218</v>
      </c>
      <c r="O9" s="178"/>
    </row>
    <row r="10" spans="1:20">
      <c r="A10" s="912"/>
      <c r="B10" s="914" t="s">
        <v>718</v>
      </c>
      <c r="C10" s="1122">
        <v>12900</v>
      </c>
      <c r="D10" s="1121">
        <v>7324</v>
      </c>
      <c r="E10" s="1129">
        <v>5576</v>
      </c>
      <c r="F10" s="1120">
        <v>1294</v>
      </c>
      <c r="G10" s="1121">
        <v>690</v>
      </c>
      <c r="H10" s="1121">
        <v>604</v>
      </c>
      <c r="I10" s="1121">
        <v>10682</v>
      </c>
      <c r="J10" s="1121">
        <v>6110</v>
      </c>
      <c r="K10" s="1121">
        <v>4572</v>
      </c>
      <c r="L10" s="1120">
        <v>924</v>
      </c>
      <c r="M10" s="1121">
        <v>524</v>
      </c>
      <c r="N10" s="1122">
        <v>400</v>
      </c>
      <c r="O10" s="178"/>
    </row>
    <row r="11" spans="1:20">
      <c r="A11" s="912"/>
      <c r="B11" s="914" t="s">
        <v>719</v>
      </c>
      <c r="C11" s="1122">
        <v>12195</v>
      </c>
      <c r="D11" s="1121">
        <v>6451</v>
      </c>
      <c r="E11" s="1129">
        <v>5744</v>
      </c>
      <c r="F11" s="1120">
        <v>1078</v>
      </c>
      <c r="G11" s="1121">
        <v>526</v>
      </c>
      <c r="H11" s="1121">
        <v>552</v>
      </c>
      <c r="I11" s="1121">
        <v>10230</v>
      </c>
      <c r="J11" s="1121">
        <v>5538</v>
      </c>
      <c r="K11" s="1121">
        <v>4692</v>
      </c>
      <c r="L11" s="1120">
        <v>887</v>
      </c>
      <c r="M11" s="1121">
        <v>387</v>
      </c>
      <c r="N11" s="1122">
        <v>500</v>
      </c>
      <c r="O11" s="178"/>
    </row>
    <row r="12" spans="1:20">
      <c r="A12" s="912"/>
      <c r="B12" s="914" t="s">
        <v>779</v>
      </c>
      <c r="C12" s="1122">
        <v>11233</v>
      </c>
      <c r="D12" s="1121">
        <v>6081</v>
      </c>
      <c r="E12" s="1129">
        <v>5152</v>
      </c>
      <c r="F12" s="1120">
        <v>1036</v>
      </c>
      <c r="G12" s="1121">
        <v>559</v>
      </c>
      <c r="H12" s="1121">
        <v>477</v>
      </c>
      <c r="I12" s="1121">
        <v>9355</v>
      </c>
      <c r="J12" s="1121">
        <v>5165</v>
      </c>
      <c r="K12" s="1121">
        <v>4190</v>
      </c>
      <c r="L12" s="1120">
        <v>842</v>
      </c>
      <c r="M12" s="1121">
        <v>357</v>
      </c>
      <c r="N12" s="1122">
        <v>485</v>
      </c>
      <c r="O12" s="178"/>
    </row>
    <row r="13" spans="1:20">
      <c r="A13" s="912"/>
      <c r="B13" s="914" t="s">
        <v>722</v>
      </c>
      <c r="C13" s="1122">
        <v>8845</v>
      </c>
      <c r="D13" s="1121">
        <v>4711</v>
      </c>
      <c r="E13" s="1129">
        <v>4134</v>
      </c>
      <c r="F13" s="1120">
        <v>986</v>
      </c>
      <c r="G13" s="1121">
        <v>520</v>
      </c>
      <c r="H13" s="1121">
        <v>466</v>
      </c>
      <c r="I13" s="1121">
        <v>7090</v>
      </c>
      <c r="J13" s="1121">
        <v>3880</v>
      </c>
      <c r="K13" s="1121">
        <v>3210</v>
      </c>
      <c r="L13" s="1120">
        <v>769</v>
      </c>
      <c r="M13" s="1121">
        <v>311</v>
      </c>
      <c r="N13" s="1122">
        <v>458</v>
      </c>
      <c r="O13" s="178"/>
      <c r="T13" s="931"/>
    </row>
    <row r="14" spans="1:20">
      <c r="A14" s="912"/>
      <c r="B14" s="914" t="s">
        <v>723</v>
      </c>
      <c r="C14" s="1122">
        <v>8797</v>
      </c>
      <c r="D14" s="1121">
        <v>4628</v>
      </c>
      <c r="E14" s="1129">
        <v>4169</v>
      </c>
      <c r="F14" s="1120">
        <v>854</v>
      </c>
      <c r="G14" s="1121">
        <v>448</v>
      </c>
      <c r="H14" s="1121">
        <v>406</v>
      </c>
      <c r="I14" s="1121">
        <v>7281</v>
      </c>
      <c r="J14" s="1121">
        <v>3888</v>
      </c>
      <c r="K14" s="1121">
        <v>3393</v>
      </c>
      <c r="L14" s="1120">
        <v>662</v>
      </c>
      <c r="M14" s="1121">
        <v>292</v>
      </c>
      <c r="N14" s="1122">
        <v>370</v>
      </c>
      <c r="O14" s="178"/>
    </row>
    <row r="15" spans="1:20">
      <c r="A15" s="912"/>
      <c r="B15" s="914" t="s">
        <v>724</v>
      </c>
      <c r="C15" s="1122">
        <v>23213</v>
      </c>
      <c r="D15" s="1121">
        <v>12239</v>
      </c>
      <c r="E15" s="1129">
        <v>10974</v>
      </c>
      <c r="F15" s="1120">
        <v>2396</v>
      </c>
      <c r="G15" s="1121">
        <v>1189</v>
      </c>
      <c r="H15" s="1121">
        <v>1207</v>
      </c>
      <c r="I15" s="1121">
        <v>19762</v>
      </c>
      <c r="J15" s="1121">
        <v>10568</v>
      </c>
      <c r="K15" s="1121">
        <v>9194</v>
      </c>
      <c r="L15" s="1120">
        <v>1055</v>
      </c>
      <c r="M15" s="1121">
        <v>482</v>
      </c>
      <c r="N15" s="1122">
        <v>573</v>
      </c>
      <c r="O15" s="178"/>
    </row>
    <row r="16" spans="1:20">
      <c r="A16" s="912"/>
      <c r="B16" s="914" t="s">
        <v>725</v>
      </c>
      <c r="C16" s="1122">
        <v>12830</v>
      </c>
      <c r="D16" s="1121">
        <v>6865</v>
      </c>
      <c r="E16" s="1129">
        <v>5965</v>
      </c>
      <c r="F16" s="1120">
        <v>1499</v>
      </c>
      <c r="G16" s="1121">
        <v>768</v>
      </c>
      <c r="H16" s="1121">
        <v>731</v>
      </c>
      <c r="I16" s="1121">
        <v>10453</v>
      </c>
      <c r="J16" s="1121">
        <v>5729</v>
      </c>
      <c r="K16" s="1121">
        <v>4724</v>
      </c>
      <c r="L16" s="1120">
        <v>878</v>
      </c>
      <c r="M16" s="1121">
        <v>368</v>
      </c>
      <c r="N16" s="1122">
        <v>510</v>
      </c>
      <c r="O16" s="178"/>
    </row>
    <row r="17" spans="1:15">
      <c r="A17" s="912"/>
      <c r="B17" s="914" t="s">
        <v>726</v>
      </c>
      <c r="C17" s="1122">
        <v>9622</v>
      </c>
      <c r="D17" s="1121">
        <v>5043</v>
      </c>
      <c r="E17" s="1129">
        <v>4579</v>
      </c>
      <c r="F17" s="1120">
        <v>1088</v>
      </c>
      <c r="G17" s="1121">
        <v>558</v>
      </c>
      <c r="H17" s="1121">
        <v>530</v>
      </c>
      <c r="I17" s="1121">
        <v>7756</v>
      </c>
      <c r="J17" s="1121">
        <v>4142</v>
      </c>
      <c r="K17" s="1121">
        <v>3614</v>
      </c>
      <c r="L17" s="1120">
        <v>778</v>
      </c>
      <c r="M17" s="1121">
        <v>343</v>
      </c>
      <c r="N17" s="1122">
        <v>435</v>
      </c>
      <c r="O17" s="178"/>
    </row>
    <row r="18" spans="1:15">
      <c r="A18" s="912"/>
      <c r="B18" s="914" t="s">
        <v>727</v>
      </c>
      <c r="C18" s="1122">
        <v>10097</v>
      </c>
      <c r="D18" s="1121">
        <v>5214</v>
      </c>
      <c r="E18" s="1129">
        <v>4883</v>
      </c>
      <c r="F18" s="1120">
        <v>1093</v>
      </c>
      <c r="G18" s="1121">
        <v>529</v>
      </c>
      <c r="H18" s="1121">
        <v>564</v>
      </c>
      <c r="I18" s="1121">
        <v>8123</v>
      </c>
      <c r="J18" s="1121">
        <v>4296</v>
      </c>
      <c r="K18" s="1121">
        <v>3827</v>
      </c>
      <c r="L18" s="1120">
        <v>881</v>
      </c>
      <c r="M18" s="1121">
        <v>389</v>
      </c>
      <c r="N18" s="1122">
        <v>492</v>
      </c>
      <c r="O18" s="178"/>
    </row>
    <row r="19" spans="1:15">
      <c r="A19" s="912"/>
      <c r="B19" s="914" t="s">
        <v>728</v>
      </c>
      <c r="C19" s="1122">
        <v>9656</v>
      </c>
      <c r="D19" s="1121">
        <v>5021</v>
      </c>
      <c r="E19" s="1129">
        <v>4635</v>
      </c>
      <c r="F19" s="1120">
        <v>1229</v>
      </c>
      <c r="G19" s="1121">
        <v>589</v>
      </c>
      <c r="H19" s="1121">
        <v>640</v>
      </c>
      <c r="I19" s="1121">
        <v>7783</v>
      </c>
      <c r="J19" s="1121">
        <v>4151</v>
      </c>
      <c r="K19" s="1121">
        <v>3632</v>
      </c>
      <c r="L19" s="1120">
        <v>644</v>
      </c>
      <c r="M19" s="1121">
        <v>281</v>
      </c>
      <c r="N19" s="1122">
        <v>363</v>
      </c>
      <c r="O19" s="178"/>
    </row>
    <row r="20" spans="1:15">
      <c r="A20" s="912"/>
      <c r="B20" s="914" t="s">
        <v>729</v>
      </c>
      <c r="C20" s="1122">
        <v>5410</v>
      </c>
      <c r="D20" s="1121">
        <v>2859</v>
      </c>
      <c r="E20" s="1129">
        <v>2551</v>
      </c>
      <c r="F20" s="1120">
        <v>621</v>
      </c>
      <c r="G20" s="1121">
        <v>318</v>
      </c>
      <c r="H20" s="1121">
        <v>303</v>
      </c>
      <c r="I20" s="1121">
        <v>4355</v>
      </c>
      <c r="J20" s="1121">
        <v>2360</v>
      </c>
      <c r="K20" s="1121">
        <v>1995</v>
      </c>
      <c r="L20" s="1120">
        <v>434</v>
      </c>
      <c r="M20" s="1121">
        <v>181</v>
      </c>
      <c r="N20" s="1122">
        <v>253</v>
      </c>
      <c r="O20" s="178"/>
    </row>
    <row r="21" spans="1:15">
      <c r="A21" s="912"/>
      <c r="B21" s="914" t="s">
        <v>730</v>
      </c>
      <c r="C21" s="1122">
        <v>5631</v>
      </c>
      <c r="D21" s="1121">
        <v>2994</v>
      </c>
      <c r="E21" s="1129">
        <v>2637</v>
      </c>
      <c r="F21" s="1120">
        <v>611</v>
      </c>
      <c r="G21" s="1121">
        <v>322</v>
      </c>
      <c r="H21" s="1121">
        <v>289</v>
      </c>
      <c r="I21" s="1121">
        <v>4533</v>
      </c>
      <c r="J21" s="1121">
        <v>2477</v>
      </c>
      <c r="K21" s="1121">
        <v>2056</v>
      </c>
      <c r="L21" s="1120">
        <v>487</v>
      </c>
      <c r="M21" s="1121">
        <v>195</v>
      </c>
      <c r="N21" s="1122">
        <v>292</v>
      </c>
      <c r="O21" s="178"/>
    </row>
    <row r="22" spans="1:15">
      <c r="A22" s="912"/>
      <c r="B22" s="914" t="s">
        <v>731</v>
      </c>
      <c r="C22" s="1122">
        <v>6640</v>
      </c>
      <c r="D22" s="1121">
        <v>3469</v>
      </c>
      <c r="E22" s="1129">
        <v>3171</v>
      </c>
      <c r="F22" s="1120">
        <v>860</v>
      </c>
      <c r="G22" s="1121">
        <v>449</v>
      </c>
      <c r="H22" s="1121">
        <v>411</v>
      </c>
      <c r="I22" s="1121">
        <v>5292</v>
      </c>
      <c r="J22" s="1121">
        <v>2798</v>
      </c>
      <c r="K22" s="1121">
        <v>2494</v>
      </c>
      <c r="L22" s="1120">
        <v>488</v>
      </c>
      <c r="M22" s="1121">
        <v>222</v>
      </c>
      <c r="N22" s="1122">
        <v>266</v>
      </c>
      <c r="O22" s="178"/>
    </row>
    <row r="23" spans="1:15">
      <c r="A23" s="912"/>
      <c r="B23" s="914" t="s">
        <v>732</v>
      </c>
      <c r="C23" s="1122">
        <v>18005</v>
      </c>
      <c r="D23" s="1121">
        <v>9470</v>
      </c>
      <c r="E23" s="1129">
        <v>8535</v>
      </c>
      <c r="F23" s="1120">
        <v>2236</v>
      </c>
      <c r="G23" s="1121">
        <v>1124</v>
      </c>
      <c r="H23" s="1121">
        <v>1112</v>
      </c>
      <c r="I23" s="1121">
        <v>14707</v>
      </c>
      <c r="J23" s="1121">
        <v>7882</v>
      </c>
      <c r="K23" s="1121">
        <v>6825</v>
      </c>
      <c r="L23" s="1120">
        <v>1062</v>
      </c>
      <c r="M23" s="1121">
        <v>464</v>
      </c>
      <c r="N23" s="1122">
        <v>598</v>
      </c>
      <c r="O23" s="178"/>
    </row>
    <row r="24" spans="1:15">
      <c r="A24" s="912"/>
      <c r="B24" s="914" t="s">
        <v>334</v>
      </c>
      <c r="C24" s="1122">
        <v>12533</v>
      </c>
      <c r="D24" s="1121">
        <v>6645</v>
      </c>
      <c r="E24" s="1129">
        <v>5888</v>
      </c>
      <c r="F24" s="1120">
        <v>1908</v>
      </c>
      <c r="G24" s="1121">
        <v>1010</v>
      </c>
      <c r="H24" s="1121">
        <v>898</v>
      </c>
      <c r="I24" s="1121">
        <v>10015</v>
      </c>
      <c r="J24" s="1121">
        <v>5370</v>
      </c>
      <c r="K24" s="1121">
        <v>4645</v>
      </c>
      <c r="L24" s="1120">
        <v>610</v>
      </c>
      <c r="M24" s="1121">
        <v>265</v>
      </c>
      <c r="N24" s="1122">
        <v>345</v>
      </c>
      <c r="O24" s="178"/>
    </row>
    <row r="25" spans="1:15" s="911" customFormat="1" ht="20.100000000000001" customHeight="1">
      <c r="A25" s="1453" t="s">
        <v>781</v>
      </c>
      <c r="B25" s="1454"/>
      <c r="C25" s="1115">
        <v>97150</v>
      </c>
      <c r="D25" s="1114">
        <v>52760</v>
      </c>
      <c r="E25" s="1116">
        <v>44390</v>
      </c>
      <c r="F25" s="1113">
        <v>9908</v>
      </c>
      <c r="G25" s="1114">
        <v>5040</v>
      </c>
      <c r="H25" s="1113">
        <v>4868</v>
      </c>
      <c r="I25" s="1114">
        <v>82313</v>
      </c>
      <c r="J25" s="1114">
        <v>45393</v>
      </c>
      <c r="K25" s="1116">
        <v>36920</v>
      </c>
      <c r="L25" s="1113">
        <v>4929</v>
      </c>
      <c r="M25" s="1114">
        <v>2327</v>
      </c>
      <c r="N25" s="1113">
        <v>2602</v>
      </c>
    </row>
    <row r="26" spans="1:15">
      <c r="A26" s="912"/>
      <c r="B26" s="914" t="s">
        <v>735</v>
      </c>
      <c r="C26" s="1122">
        <v>13600</v>
      </c>
      <c r="D26" s="1121">
        <v>8165</v>
      </c>
      <c r="E26" s="1129">
        <v>5435</v>
      </c>
      <c r="F26" s="1120">
        <v>1142</v>
      </c>
      <c r="G26" s="1121">
        <v>586</v>
      </c>
      <c r="H26" s="1120">
        <v>556</v>
      </c>
      <c r="I26" s="1121">
        <v>11652</v>
      </c>
      <c r="J26" s="1121">
        <v>7128</v>
      </c>
      <c r="K26" s="1129">
        <v>4524</v>
      </c>
      <c r="L26" s="1120">
        <v>806</v>
      </c>
      <c r="M26" s="1121">
        <v>451</v>
      </c>
      <c r="N26" s="1122">
        <v>355</v>
      </c>
      <c r="O26" s="178"/>
    </row>
    <row r="27" spans="1:15">
      <c r="A27" s="912"/>
      <c r="B27" s="914" t="s">
        <v>736</v>
      </c>
      <c r="C27" s="1122">
        <v>9713</v>
      </c>
      <c r="D27" s="1121">
        <v>5399</v>
      </c>
      <c r="E27" s="1129">
        <v>4314</v>
      </c>
      <c r="F27" s="1120">
        <v>936</v>
      </c>
      <c r="G27" s="1121">
        <v>471</v>
      </c>
      <c r="H27" s="1120">
        <v>465</v>
      </c>
      <c r="I27" s="1121">
        <v>8186</v>
      </c>
      <c r="J27" s="1121">
        <v>4637</v>
      </c>
      <c r="K27" s="1129">
        <v>3549</v>
      </c>
      <c r="L27" s="1120">
        <v>591</v>
      </c>
      <c r="M27" s="1121">
        <v>291</v>
      </c>
      <c r="N27" s="1122">
        <v>300</v>
      </c>
      <c r="O27" s="178"/>
    </row>
    <row r="28" spans="1:15">
      <c r="A28" s="912"/>
      <c r="B28" s="914" t="s">
        <v>737</v>
      </c>
      <c r="C28" s="1122">
        <v>19903</v>
      </c>
      <c r="D28" s="1121">
        <v>10710</v>
      </c>
      <c r="E28" s="1129">
        <v>9193</v>
      </c>
      <c r="F28" s="1120">
        <v>2143</v>
      </c>
      <c r="G28" s="1121">
        <v>1091</v>
      </c>
      <c r="H28" s="1120">
        <v>1052</v>
      </c>
      <c r="I28" s="1121">
        <v>17060</v>
      </c>
      <c r="J28" s="1121">
        <v>9294</v>
      </c>
      <c r="K28" s="1129">
        <v>7766</v>
      </c>
      <c r="L28" s="1120">
        <v>700</v>
      </c>
      <c r="M28" s="1121">
        <v>325</v>
      </c>
      <c r="N28" s="1122">
        <v>375</v>
      </c>
      <c r="O28" s="178"/>
    </row>
    <row r="29" spans="1:15">
      <c r="A29" s="912"/>
      <c r="B29" s="914" t="s">
        <v>738</v>
      </c>
      <c r="C29" s="1122">
        <v>15889</v>
      </c>
      <c r="D29" s="1121">
        <v>8467</v>
      </c>
      <c r="E29" s="1129">
        <v>7422</v>
      </c>
      <c r="F29" s="1120">
        <v>1689</v>
      </c>
      <c r="G29" s="1121">
        <v>855</v>
      </c>
      <c r="H29" s="1120">
        <v>834</v>
      </c>
      <c r="I29" s="1121">
        <v>13455</v>
      </c>
      <c r="J29" s="1121">
        <v>7256</v>
      </c>
      <c r="K29" s="1129">
        <v>6199</v>
      </c>
      <c r="L29" s="1120">
        <v>745</v>
      </c>
      <c r="M29" s="1121">
        <v>356</v>
      </c>
      <c r="N29" s="1122">
        <v>389</v>
      </c>
      <c r="O29" s="178"/>
    </row>
    <row r="30" spans="1:15">
      <c r="A30" s="912"/>
      <c r="B30" s="914" t="s">
        <v>739</v>
      </c>
      <c r="C30" s="1122">
        <v>15352</v>
      </c>
      <c r="D30" s="1121">
        <v>8287</v>
      </c>
      <c r="E30" s="1129">
        <v>7065</v>
      </c>
      <c r="F30" s="1120">
        <v>1443</v>
      </c>
      <c r="G30" s="1121">
        <v>753</v>
      </c>
      <c r="H30" s="1120">
        <v>690</v>
      </c>
      <c r="I30" s="1121">
        <v>13243</v>
      </c>
      <c r="J30" s="1121">
        <v>7243</v>
      </c>
      <c r="K30" s="1129">
        <v>6000</v>
      </c>
      <c r="L30" s="1120">
        <v>666</v>
      </c>
      <c r="M30" s="1121">
        <v>291</v>
      </c>
      <c r="N30" s="1122">
        <v>375</v>
      </c>
      <c r="O30" s="178"/>
    </row>
    <row r="31" spans="1:15">
      <c r="A31" s="912"/>
      <c r="B31" s="914" t="s">
        <v>338</v>
      </c>
      <c r="C31" s="1122">
        <v>13114</v>
      </c>
      <c r="D31" s="1121">
        <v>6827</v>
      </c>
      <c r="E31" s="1129">
        <v>6287</v>
      </c>
      <c r="F31" s="1120">
        <v>1549</v>
      </c>
      <c r="G31" s="1121">
        <v>793</v>
      </c>
      <c r="H31" s="1120">
        <v>756</v>
      </c>
      <c r="I31" s="1121">
        <v>10785</v>
      </c>
      <c r="J31" s="1121">
        <v>5698</v>
      </c>
      <c r="K31" s="1129">
        <v>5087</v>
      </c>
      <c r="L31" s="1120">
        <v>780</v>
      </c>
      <c r="M31" s="1121">
        <v>336</v>
      </c>
      <c r="N31" s="1122">
        <v>444</v>
      </c>
      <c r="O31" s="178"/>
    </row>
    <row r="32" spans="1:15">
      <c r="A32" s="912"/>
      <c r="B32" s="914" t="s">
        <v>740</v>
      </c>
      <c r="C32" s="1122">
        <v>9579</v>
      </c>
      <c r="D32" s="1121">
        <v>4905</v>
      </c>
      <c r="E32" s="1129">
        <v>4674</v>
      </c>
      <c r="F32" s="1120">
        <v>1006</v>
      </c>
      <c r="G32" s="1121">
        <v>491</v>
      </c>
      <c r="H32" s="1120">
        <v>515</v>
      </c>
      <c r="I32" s="1121">
        <v>7932</v>
      </c>
      <c r="J32" s="1121">
        <v>4137</v>
      </c>
      <c r="K32" s="1129">
        <v>3795</v>
      </c>
      <c r="L32" s="1120">
        <v>641</v>
      </c>
      <c r="M32" s="1121">
        <v>277</v>
      </c>
      <c r="N32" s="1122">
        <v>364</v>
      </c>
      <c r="O32" s="178"/>
    </row>
    <row r="33" spans="1:15" s="897" customFormat="1" ht="20.100000000000001" customHeight="1">
      <c r="A33" s="1449" t="s">
        <v>741</v>
      </c>
      <c r="B33" s="1450"/>
      <c r="C33" s="1115">
        <v>27935</v>
      </c>
      <c r="D33" s="1114">
        <v>15657</v>
      </c>
      <c r="E33" s="1116">
        <v>12278</v>
      </c>
      <c r="F33" s="1113">
        <v>2820</v>
      </c>
      <c r="G33" s="1114">
        <v>1489</v>
      </c>
      <c r="H33" s="1113">
        <v>1331</v>
      </c>
      <c r="I33" s="1114">
        <v>22846</v>
      </c>
      <c r="J33" s="1114">
        <v>13270</v>
      </c>
      <c r="K33" s="1116">
        <v>9576</v>
      </c>
      <c r="L33" s="1113">
        <v>2269</v>
      </c>
      <c r="M33" s="1114">
        <v>898</v>
      </c>
      <c r="N33" s="1113">
        <v>1371</v>
      </c>
    </row>
    <row r="34" spans="1:15">
      <c r="A34" s="912"/>
      <c r="B34" s="914" t="s">
        <v>742</v>
      </c>
      <c r="C34" s="1122">
        <v>15835</v>
      </c>
      <c r="D34" s="1121">
        <v>9719</v>
      </c>
      <c r="E34" s="1129">
        <v>6116</v>
      </c>
      <c r="F34" s="1120">
        <v>1514</v>
      </c>
      <c r="G34" s="1121">
        <v>779</v>
      </c>
      <c r="H34" s="1120">
        <v>735</v>
      </c>
      <c r="I34" s="1121">
        <v>13425</v>
      </c>
      <c r="J34" s="1121">
        <v>8568</v>
      </c>
      <c r="K34" s="1129">
        <v>4857</v>
      </c>
      <c r="L34" s="1120">
        <v>896</v>
      </c>
      <c r="M34" s="1121">
        <v>372</v>
      </c>
      <c r="N34" s="1122">
        <v>524</v>
      </c>
      <c r="O34" s="178"/>
    </row>
    <row r="35" spans="1:15">
      <c r="A35" s="912"/>
      <c r="B35" s="914" t="s">
        <v>743</v>
      </c>
      <c r="C35" s="1122">
        <v>6925</v>
      </c>
      <c r="D35" s="1121">
        <v>3412</v>
      </c>
      <c r="E35" s="1129">
        <v>3513</v>
      </c>
      <c r="F35" s="1120">
        <v>717</v>
      </c>
      <c r="G35" s="1121">
        <v>402</v>
      </c>
      <c r="H35" s="1120">
        <v>315</v>
      </c>
      <c r="I35" s="1121">
        <v>5480</v>
      </c>
      <c r="J35" s="1121">
        <v>2728</v>
      </c>
      <c r="K35" s="1129">
        <v>2752</v>
      </c>
      <c r="L35" s="1120">
        <v>728</v>
      </c>
      <c r="M35" s="1121">
        <v>282</v>
      </c>
      <c r="N35" s="1122">
        <v>446</v>
      </c>
      <c r="O35" s="178"/>
    </row>
    <row r="36" spans="1:15">
      <c r="A36" s="912"/>
      <c r="B36" s="914" t="s">
        <v>744</v>
      </c>
      <c r="C36" s="1122">
        <v>2403</v>
      </c>
      <c r="D36" s="1121">
        <v>1155</v>
      </c>
      <c r="E36" s="1129">
        <v>1248</v>
      </c>
      <c r="F36" s="1120">
        <v>284</v>
      </c>
      <c r="G36" s="1121">
        <v>153</v>
      </c>
      <c r="H36" s="1120">
        <v>131</v>
      </c>
      <c r="I36" s="1121">
        <v>1826</v>
      </c>
      <c r="J36" s="1121">
        <v>894</v>
      </c>
      <c r="K36" s="1129">
        <v>932</v>
      </c>
      <c r="L36" s="1120">
        <v>293</v>
      </c>
      <c r="M36" s="1121">
        <v>108</v>
      </c>
      <c r="N36" s="1122">
        <v>185</v>
      </c>
      <c r="O36" s="178"/>
    </row>
    <row r="37" spans="1:15">
      <c r="A37" s="912"/>
      <c r="B37" s="914" t="s">
        <v>745</v>
      </c>
      <c r="C37" s="1122">
        <v>1434</v>
      </c>
      <c r="D37" s="1121">
        <v>735</v>
      </c>
      <c r="E37" s="1129">
        <v>699</v>
      </c>
      <c r="F37" s="1120">
        <v>132</v>
      </c>
      <c r="G37" s="1121">
        <v>68</v>
      </c>
      <c r="H37" s="1120">
        <v>64</v>
      </c>
      <c r="I37" s="1121">
        <v>1122</v>
      </c>
      <c r="J37" s="1121">
        <v>597</v>
      </c>
      <c r="K37" s="1129">
        <v>525</v>
      </c>
      <c r="L37" s="1120">
        <v>180</v>
      </c>
      <c r="M37" s="1121">
        <v>70</v>
      </c>
      <c r="N37" s="1122">
        <v>110</v>
      </c>
      <c r="O37" s="178"/>
    </row>
    <row r="38" spans="1:15">
      <c r="A38" s="912"/>
      <c r="B38" s="914" t="s">
        <v>746</v>
      </c>
      <c r="C38" s="1122">
        <v>1338</v>
      </c>
      <c r="D38" s="1121">
        <v>636</v>
      </c>
      <c r="E38" s="1129">
        <v>702</v>
      </c>
      <c r="F38" s="1120">
        <v>173</v>
      </c>
      <c r="G38" s="1121">
        <v>87</v>
      </c>
      <c r="H38" s="1120">
        <v>86</v>
      </c>
      <c r="I38" s="1121">
        <v>993</v>
      </c>
      <c r="J38" s="1121">
        <v>483</v>
      </c>
      <c r="K38" s="1129">
        <v>510</v>
      </c>
      <c r="L38" s="1120">
        <v>172</v>
      </c>
      <c r="M38" s="1121">
        <v>66</v>
      </c>
      <c r="N38" s="1122">
        <v>106</v>
      </c>
      <c r="O38" s="178"/>
    </row>
    <row r="39" spans="1:15" s="897" customFormat="1" ht="20.100000000000001" customHeight="1">
      <c r="A39" s="1449" t="s">
        <v>789</v>
      </c>
      <c r="B39" s="1450"/>
      <c r="C39" s="1115">
        <v>72580</v>
      </c>
      <c r="D39" s="1114">
        <v>39173</v>
      </c>
      <c r="E39" s="1116">
        <v>33407</v>
      </c>
      <c r="F39" s="1113">
        <v>7703</v>
      </c>
      <c r="G39" s="1114">
        <v>3898</v>
      </c>
      <c r="H39" s="1113">
        <v>3805</v>
      </c>
      <c r="I39" s="1114">
        <v>60578</v>
      </c>
      <c r="J39" s="1114">
        <v>33327</v>
      </c>
      <c r="K39" s="1116">
        <v>27251</v>
      </c>
      <c r="L39" s="1113">
        <v>4299</v>
      </c>
      <c r="M39" s="1114">
        <v>1948</v>
      </c>
      <c r="N39" s="1113">
        <v>2351</v>
      </c>
    </row>
    <row r="40" spans="1:15" s="897" customFormat="1">
      <c r="A40" s="1451" t="s">
        <v>797</v>
      </c>
      <c r="B40" s="1452"/>
      <c r="C40" s="1122">
        <v>33027</v>
      </c>
      <c r="D40" s="1121">
        <v>17368</v>
      </c>
      <c r="E40" s="1129">
        <v>15659</v>
      </c>
      <c r="F40" s="1120">
        <v>3332</v>
      </c>
      <c r="G40" s="1121">
        <v>1668</v>
      </c>
      <c r="H40" s="1120">
        <v>1664</v>
      </c>
      <c r="I40" s="1121">
        <v>27709</v>
      </c>
      <c r="J40" s="1121">
        <v>14805</v>
      </c>
      <c r="K40" s="1129">
        <v>12904</v>
      </c>
      <c r="L40" s="1120">
        <v>1986</v>
      </c>
      <c r="M40" s="1121">
        <v>895</v>
      </c>
      <c r="N40" s="1122">
        <v>1091</v>
      </c>
    </row>
    <row r="41" spans="1:15" s="897" customFormat="1">
      <c r="A41" s="910"/>
      <c r="B41" s="914" t="s">
        <v>749</v>
      </c>
      <c r="C41" s="1122">
        <v>7434</v>
      </c>
      <c r="D41" s="1121">
        <v>3918</v>
      </c>
      <c r="E41" s="1129">
        <v>3516</v>
      </c>
      <c r="F41" s="1120">
        <v>815</v>
      </c>
      <c r="G41" s="1121">
        <v>375</v>
      </c>
      <c r="H41" s="1120">
        <v>440</v>
      </c>
      <c r="I41" s="1121">
        <v>6171</v>
      </c>
      <c r="J41" s="1121">
        <v>3331</v>
      </c>
      <c r="K41" s="1129">
        <v>2840</v>
      </c>
      <c r="L41" s="1120">
        <v>448</v>
      </c>
      <c r="M41" s="1121">
        <v>212</v>
      </c>
      <c r="N41" s="1122">
        <v>236</v>
      </c>
    </row>
    <row r="42" spans="1:15" s="897" customFormat="1">
      <c r="A42" s="910"/>
      <c r="B42" s="914" t="s">
        <v>751</v>
      </c>
      <c r="C42" s="1122">
        <v>12008</v>
      </c>
      <c r="D42" s="1121">
        <v>6372</v>
      </c>
      <c r="E42" s="1129">
        <v>5636</v>
      </c>
      <c r="F42" s="1120">
        <v>1206</v>
      </c>
      <c r="G42" s="1121">
        <v>611</v>
      </c>
      <c r="H42" s="1120">
        <v>595</v>
      </c>
      <c r="I42" s="1121">
        <v>10089</v>
      </c>
      <c r="J42" s="1121">
        <v>5427</v>
      </c>
      <c r="K42" s="1129">
        <v>4662</v>
      </c>
      <c r="L42" s="1120">
        <v>713</v>
      </c>
      <c r="M42" s="1121">
        <v>334</v>
      </c>
      <c r="N42" s="1122">
        <v>379</v>
      </c>
    </row>
    <row r="43" spans="1:15" s="897" customFormat="1" ht="18.75" customHeight="1">
      <c r="A43" s="910"/>
      <c r="B43" s="915" t="s">
        <v>752</v>
      </c>
      <c r="C43" s="1155">
        <v>13585</v>
      </c>
      <c r="D43" s="1132">
        <v>7078</v>
      </c>
      <c r="E43" s="1156">
        <v>6507</v>
      </c>
      <c r="F43" s="1157">
        <v>1311</v>
      </c>
      <c r="G43" s="1132">
        <v>682</v>
      </c>
      <c r="H43" s="1157">
        <v>629</v>
      </c>
      <c r="I43" s="1132">
        <v>11449</v>
      </c>
      <c r="J43" s="1132">
        <v>6047</v>
      </c>
      <c r="K43" s="1156">
        <v>5402</v>
      </c>
      <c r="L43" s="1157">
        <v>825</v>
      </c>
      <c r="M43" s="1132">
        <v>349</v>
      </c>
      <c r="N43" s="1155">
        <v>476</v>
      </c>
    </row>
    <row r="44" spans="1:15">
      <c r="A44" s="912"/>
      <c r="B44" s="914" t="s">
        <v>753</v>
      </c>
      <c r="C44" s="1122">
        <v>10471</v>
      </c>
      <c r="D44" s="1121">
        <v>5971</v>
      </c>
      <c r="E44" s="1129">
        <v>4500</v>
      </c>
      <c r="F44" s="1120">
        <v>1103</v>
      </c>
      <c r="G44" s="1121">
        <v>584</v>
      </c>
      <c r="H44" s="1120">
        <v>519</v>
      </c>
      <c r="I44" s="1121">
        <v>8851</v>
      </c>
      <c r="J44" s="1121">
        <v>5141</v>
      </c>
      <c r="K44" s="1129">
        <v>3710</v>
      </c>
      <c r="L44" s="1120">
        <v>517</v>
      </c>
      <c r="M44" s="1121">
        <v>246</v>
      </c>
      <c r="N44" s="1122">
        <v>271</v>
      </c>
      <c r="O44" s="178"/>
    </row>
    <row r="45" spans="1:15">
      <c r="A45" s="912"/>
      <c r="B45" s="914" t="s">
        <v>754</v>
      </c>
      <c r="C45" s="1122">
        <v>11179</v>
      </c>
      <c r="D45" s="1121">
        <v>6019</v>
      </c>
      <c r="E45" s="1129">
        <v>5160</v>
      </c>
      <c r="F45" s="1120">
        <v>1172</v>
      </c>
      <c r="G45" s="1121">
        <v>576</v>
      </c>
      <c r="H45" s="1120">
        <v>596</v>
      </c>
      <c r="I45" s="1121">
        <v>9319</v>
      </c>
      <c r="J45" s="1121">
        <v>5138</v>
      </c>
      <c r="K45" s="1129">
        <v>4181</v>
      </c>
      <c r="L45" s="1120">
        <v>688</v>
      </c>
      <c r="M45" s="1121">
        <v>305</v>
      </c>
      <c r="N45" s="1122">
        <v>383</v>
      </c>
      <c r="O45" s="178"/>
    </row>
    <row r="46" spans="1:15">
      <c r="A46" s="912"/>
      <c r="B46" s="914" t="s">
        <v>755</v>
      </c>
      <c r="C46" s="1122">
        <v>5632</v>
      </c>
      <c r="D46" s="1121">
        <v>3024</v>
      </c>
      <c r="E46" s="1129">
        <v>2608</v>
      </c>
      <c r="F46" s="1120">
        <v>616</v>
      </c>
      <c r="G46" s="1121">
        <v>314</v>
      </c>
      <c r="H46" s="1120">
        <v>302</v>
      </c>
      <c r="I46" s="1121">
        <v>4666</v>
      </c>
      <c r="J46" s="1121">
        <v>2551</v>
      </c>
      <c r="K46" s="1129">
        <v>2115</v>
      </c>
      <c r="L46" s="1120">
        <v>350</v>
      </c>
      <c r="M46" s="1121">
        <v>159</v>
      </c>
      <c r="N46" s="1122">
        <v>191</v>
      </c>
      <c r="O46" s="178"/>
    </row>
    <row r="47" spans="1:15">
      <c r="A47" s="912"/>
      <c r="B47" s="914" t="s">
        <v>756</v>
      </c>
      <c r="C47" s="1122">
        <v>6242</v>
      </c>
      <c r="D47" s="1121">
        <v>3379</v>
      </c>
      <c r="E47" s="1129">
        <v>2863</v>
      </c>
      <c r="F47" s="1120">
        <v>693</v>
      </c>
      <c r="G47" s="1121">
        <v>367</v>
      </c>
      <c r="H47" s="1120">
        <v>326</v>
      </c>
      <c r="I47" s="1121">
        <v>5161</v>
      </c>
      <c r="J47" s="1121">
        <v>2833</v>
      </c>
      <c r="K47" s="1129">
        <v>2328</v>
      </c>
      <c r="L47" s="1120">
        <v>388</v>
      </c>
      <c r="M47" s="1121">
        <v>179</v>
      </c>
      <c r="N47" s="1122">
        <v>209</v>
      </c>
      <c r="O47" s="178"/>
    </row>
    <row r="48" spans="1:15">
      <c r="A48" s="912"/>
      <c r="B48" s="914" t="s">
        <v>340</v>
      </c>
      <c r="C48" s="1122">
        <v>4133</v>
      </c>
      <c r="D48" s="1121">
        <v>2308</v>
      </c>
      <c r="E48" s="1129">
        <v>1825</v>
      </c>
      <c r="F48" s="1120">
        <v>595</v>
      </c>
      <c r="G48" s="1121">
        <v>286</v>
      </c>
      <c r="H48" s="1120">
        <v>309</v>
      </c>
      <c r="I48" s="1121">
        <v>3285</v>
      </c>
      <c r="J48" s="1121">
        <v>1916</v>
      </c>
      <c r="K48" s="1129">
        <v>1369</v>
      </c>
      <c r="L48" s="1120">
        <v>253</v>
      </c>
      <c r="M48" s="1121">
        <v>106</v>
      </c>
      <c r="N48" s="1122">
        <v>147</v>
      </c>
      <c r="O48" s="178"/>
    </row>
    <row r="49" spans="1:18">
      <c r="A49" s="912"/>
      <c r="B49" s="914" t="s">
        <v>757</v>
      </c>
      <c r="C49" s="1122">
        <v>1761</v>
      </c>
      <c r="D49" s="1121">
        <v>1040</v>
      </c>
      <c r="E49" s="1129">
        <v>721</v>
      </c>
      <c r="F49" s="1120">
        <v>179</v>
      </c>
      <c r="G49" s="1121">
        <v>98</v>
      </c>
      <c r="H49" s="1120">
        <v>81</v>
      </c>
      <c r="I49" s="1121">
        <v>1478</v>
      </c>
      <c r="J49" s="1121">
        <v>890</v>
      </c>
      <c r="K49" s="1129">
        <v>588</v>
      </c>
      <c r="L49" s="1120">
        <v>104</v>
      </c>
      <c r="M49" s="1121">
        <v>52</v>
      </c>
      <c r="N49" s="1122">
        <v>52</v>
      </c>
      <c r="O49" s="178"/>
    </row>
    <row r="50" spans="1:18">
      <c r="A50" s="912"/>
      <c r="B50" s="914" t="s">
        <v>758</v>
      </c>
      <c r="C50" s="1122">
        <v>135</v>
      </c>
      <c r="D50" s="1121">
        <v>64</v>
      </c>
      <c r="E50" s="1129">
        <v>71</v>
      </c>
      <c r="F50" s="1120">
        <v>13</v>
      </c>
      <c r="G50" s="1121">
        <v>5</v>
      </c>
      <c r="H50" s="1120">
        <v>8</v>
      </c>
      <c r="I50" s="1121">
        <v>109</v>
      </c>
      <c r="J50" s="1121">
        <v>53</v>
      </c>
      <c r="K50" s="1129">
        <v>56</v>
      </c>
      <c r="L50" s="1120">
        <v>13</v>
      </c>
      <c r="M50" s="1121">
        <v>6</v>
      </c>
      <c r="N50" s="1122">
        <v>7</v>
      </c>
      <c r="O50" s="178"/>
    </row>
    <row r="51" spans="1:18" s="897" customFormat="1" ht="20.100000000000001" customHeight="1">
      <c r="A51" s="1449" t="s">
        <v>791</v>
      </c>
      <c r="B51" s="1450"/>
      <c r="C51" s="1115">
        <v>48996</v>
      </c>
      <c r="D51" s="1114">
        <v>26407</v>
      </c>
      <c r="E51" s="1116">
        <v>22589</v>
      </c>
      <c r="F51" s="1113">
        <v>5038</v>
      </c>
      <c r="G51" s="1114">
        <v>2548</v>
      </c>
      <c r="H51" s="1113">
        <v>2490</v>
      </c>
      <c r="I51" s="1114">
        <v>40806</v>
      </c>
      <c r="J51" s="1114">
        <v>22528</v>
      </c>
      <c r="K51" s="1116">
        <v>18278</v>
      </c>
      <c r="L51" s="1113">
        <v>3152</v>
      </c>
      <c r="M51" s="1114">
        <v>1331</v>
      </c>
      <c r="N51" s="1113">
        <v>1821</v>
      </c>
    </row>
    <row r="52" spans="1:18">
      <c r="A52" s="912"/>
      <c r="B52" s="914" t="s">
        <v>760</v>
      </c>
      <c r="C52" s="1122">
        <v>8613</v>
      </c>
      <c r="D52" s="1121">
        <v>4697</v>
      </c>
      <c r="E52" s="1129">
        <v>3916</v>
      </c>
      <c r="F52" s="1120">
        <v>818</v>
      </c>
      <c r="G52" s="1121">
        <v>398</v>
      </c>
      <c r="H52" s="1121">
        <v>420</v>
      </c>
      <c r="I52" s="1121">
        <v>7261</v>
      </c>
      <c r="J52" s="1121">
        <v>4074</v>
      </c>
      <c r="K52" s="1129">
        <v>3187</v>
      </c>
      <c r="L52" s="1120">
        <v>534</v>
      </c>
      <c r="M52" s="1121">
        <v>225</v>
      </c>
      <c r="N52" s="1120">
        <v>309</v>
      </c>
    </row>
    <row r="53" spans="1:18">
      <c r="A53" s="912"/>
      <c r="B53" s="914" t="s">
        <v>342</v>
      </c>
      <c r="C53" s="1122">
        <v>17251</v>
      </c>
      <c r="D53" s="1121">
        <v>9331</v>
      </c>
      <c r="E53" s="1129">
        <v>7920</v>
      </c>
      <c r="F53" s="1120">
        <v>1767</v>
      </c>
      <c r="G53" s="1121">
        <v>918</v>
      </c>
      <c r="H53" s="1121">
        <v>849</v>
      </c>
      <c r="I53" s="1121">
        <v>14372</v>
      </c>
      <c r="J53" s="1121">
        <v>7948</v>
      </c>
      <c r="K53" s="1129">
        <v>6424</v>
      </c>
      <c r="L53" s="1120">
        <v>1112</v>
      </c>
      <c r="M53" s="1121">
        <v>465</v>
      </c>
      <c r="N53" s="1120">
        <v>647</v>
      </c>
    </row>
    <row r="54" spans="1:18">
      <c r="A54" s="912"/>
      <c r="B54" s="914" t="s">
        <v>761</v>
      </c>
      <c r="C54" s="1122">
        <v>8550</v>
      </c>
      <c r="D54" s="1121">
        <v>4361</v>
      </c>
      <c r="E54" s="1129">
        <v>4189</v>
      </c>
      <c r="F54" s="1120">
        <v>947</v>
      </c>
      <c r="G54" s="1121">
        <v>463</v>
      </c>
      <c r="H54" s="1121">
        <v>484</v>
      </c>
      <c r="I54" s="1121">
        <v>7020</v>
      </c>
      <c r="J54" s="1121">
        <v>3664</v>
      </c>
      <c r="K54" s="1129">
        <v>3356</v>
      </c>
      <c r="L54" s="1120">
        <v>583</v>
      </c>
      <c r="M54" s="1121">
        <v>234</v>
      </c>
      <c r="N54" s="1120">
        <v>349</v>
      </c>
    </row>
    <row r="55" spans="1:18">
      <c r="A55" s="912"/>
      <c r="B55" s="914" t="s">
        <v>762</v>
      </c>
      <c r="C55" s="1122">
        <v>5849</v>
      </c>
      <c r="D55" s="1121">
        <v>3201</v>
      </c>
      <c r="E55" s="1129">
        <v>2648</v>
      </c>
      <c r="F55" s="1120">
        <v>571</v>
      </c>
      <c r="G55" s="1121">
        <v>286</v>
      </c>
      <c r="H55" s="1121">
        <v>285</v>
      </c>
      <c r="I55" s="1121">
        <v>4934</v>
      </c>
      <c r="J55" s="1121">
        <v>2774</v>
      </c>
      <c r="K55" s="1129">
        <v>2160</v>
      </c>
      <c r="L55" s="1120">
        <v>344</v>
      </c>
      <c r="M55" s="1121">
        <v>141</v>
      </c>
      <c r="N55" s="1120">
        <v>203</v>
      </c>
    </row>
    <row r="56" spans="1:18">
      <c r="A56" s="912"/>
      <c r="B56" s="914" t="s">
        <v>763</v>
      </c>
      <c r="C56" s="1122">
        <v>4656</v>
      </c>
      <c r="D56" s="1121">
        <v>2647</v>
      </c>
      <c r="E56" s="1129">
        <v>2009</v>
      </c>
      <c r="F56" s="1120">
        <v>479</v>
      </c>
      <c r="G56" s="1121">
        <v>248</v>
      </c>
      <c r="H56" s="1121">
        <v>231</v>
      </c>
      <c r="I56" s="1121">
        <v>3933</v>
      </c>
      <c r="J56" s="1121">
        <v>2288</v>
      </c>
      <c r="K56" s="1129">
        <v>1645</v>
      </c>
      <c r="L56" s="1120">
        <v>244</v>
      </c>
      <c r="M56" s="1121">
        <v>111</v>
      </c>
      <c r="N56" s="1120">
        <v>133</v>
      </c>
    </row>
    <row r="57" spans="1:18">
      <c r="A57" s="912"/>
      <c r="B57" s="914" t="s">
        <v>764</v>
      </c>
      <c r="C57" s="1122">
        <v>1915</v>
      </c>
      <c r="D57" s="1121">
        <v>1077</v>
      </c>
      <c r="E57" s="1129">
        <v>838</v>
      </c>
      <c r="F57" s="1120">
        <v>206</v>
      </c>
      <c r="G57" s="1121">
        <v>111</v>
      </c>
      <c r="H57" s="1121">
        <v>95</v>
      </c>
      <c r="I57" s="1121">
        <v>1585</v>
      </c>
      <c r="J57" s="1121">
        <v>898</v>
      </c>
      <c r="K57" s="1129">
        <v>687</v>
      </c>
      <c r="L57" s="1120">
        <v>124</v>
      </c>
      <c r="M57" s="1121">
        <v>68</v>
      </c>
      <c r="N57" s="1120">
        <v>56</v>
      </c>
    </row>
    <row r="58" spans="1:18">
      <c r="A58" s="912"/>
      <c r="B58" s="914" t="s">
        <v>765</v>
      </c>
      <c r="C58" s="1122">
        <v>1112</v>
      </c>
      <c r="D58" s="1121">
        <v>577</v>
      </c>
      <c r="E58" s="1129">
        <v>535</v>
      </c>
      <c r="F58" s="1120">
        <v>136</v>
      </c>
      <c r="G58" s="1121">
        <v>79</v>
      </c>
      <c r="H58" s="1121">
        <v>57</v>
      </c>
      <c r="I58" s="1121">
        <v>867</v>
      </c>
      <c r="J58" s="1121">
        <v>451</v>
      </c>
      <c r="K58" s="1129">
        <v>416</v>
      </c>
      <c r="L58" s="1120">
        <v>109</v>
      </c>
      <c r="M58" s="1121">
        <v>47</v>
      </c>
      <c r="N58" s="1120">
        <v>62</v>
      </c>
    </row>
    <row r="59" spans="1:18">
      <c r="A59" s="912"/>
      <c r="B59" s="914" t="s">
        <v>766</v>
      </c>
      <c r="C59" s="1122">
        <v>1050</v>
      </c>
      <c r="D59" s="1121">
        <v>516</v>
      </c>
      <c r="E59" s="1129">
        <v>534</v>
      </c>
      <c r="F59" s="1120">
        <v>114</v>
      </c>
      <c r="G59" s="1121">
        <v>45</v>
      </c>
      <c r="H59" s="1121">
        <v>69</v>
      </c>
      <c r="I59" s="1121">
        <v>834</v>
      </c>
      <c r="J59" s="1121">
        <v>431</v>
      </c>
      <c r="K59" s="1129">
        <v>403</v>
      </c>
      <c r="L59" s="1120">
        <v>102</v>
      </c>
      <c r="M59" s="1121">
        <v>40</v>
      </c>
      <c r="N59" s="1120">
        <v>62</v>
      </c>
    </row>
    <row r="60" spans="1:18" s="897" customFormat="1" ht="20.100000000000001" customHeight="1">
      <c r="A60" s="1449" t="s">
        <v>792</v>
      </c>
      <c r="B60" s="1450"/>
      <c r="C60" s="1115">
        <v>13505</v>
      </c>
      <c r="D60" s="1114">
        <v>6909</v>
      </c>
      <c r="E60" s="1116">
        <v>6596</v>
      </c>
      <c r="F60" s="1113">
        <v>1278</v>
      </c>
      <c r="G60" s="1114">
        <v>642</v>
      </c>
      <c r="H60" s="1114">
        <v>636</v>
      </c>
      <c r="I60" s="1114">
        <v>11066</v>
      </c>
      <c r="J60" s="1114">
        <v>5777</v>
      </c>
      <c r="K60" s="1114">
        <v>5289</v>
      </c>
      <c r="L60" s="1113">
        <v>1161</v>
      </c>
      <c r="M60" s="1114">
        <v>490</v>
      </c>
      <c r="N60" s="1115">
        <v>671</v>
      </c>
    </row>
    <row r="61" spans="1:18">
      <c r="A61" s="912"/>
      <c r="B61" s="914" t="s">
        <v>768</v>
      </c>
      <c r="C61" s="1122">
        <v>7069</v>
      </c>
      <c r="D61" s="1121">
        <v>3719</v>
      </c>
      <c r="E61" s="1129">
        <v>3350</v>
      </c>
      <c r="F61" s="1120">
        <v>707</v>
      </c>
      <c r="G61" s="1121">
        <v>367</v>
      </c>
      <c r="H61" s="1121">
        <v>340</v>
      </c>
      <c r="I61" s="1121">
        <v>5845</v>
      </c>
      <c r="J61" s="1121">
        <v>3120</v>
      </c>
      <c r="K61" s="1129">
        <v>2725</v>
      </c>
      <c r="L61" s="1120">
        <v>517</v>
      </c>
      <c r="M61" s="1121">
        <v>232</v>
      </c>
      <c r="N61" s="1122">
        <v>285</v>
      </c>
      <c r="O61" s="178"/>
    </row>
    <row r="62" spans="1:18">
      <c r="A62" s="912"/>
      <c r="B62" s="914" t="s">
        <v>769</v>
      </c>
      <c r="C62" s="1122">
        <v>1474</v>
      </c>
      <c r="D62" s="1121">
        <v>787</v>
      </c>
      <c r="E62" s="1129">
        <v>687</v>
      </c>
      <c r="F62" s="1120">
        <v>166</v>
      </c>
      <c r="G62" s="1121">
        <v>87</v>
      </c>
      <c r="H62" s="1121">
        <v>79</v>
      </c>
      <c r="I62" s="1121">
        <v>1194</v>
      </c>
      <c r="J62" s="1121">
        <v>654</v>
      </c>
      <c r="K62" s="1129">
        <v>540</v>
      </c>
      <c r="L62" s="1120">
        <v>114</v>
      </c>
      <c r="M62" s="1121">
        <v>46</v>
      </c>
      <c r="N62" s="1122">
        <v>68</v>
      </c>
      <c r="O62" s="178"/>
      <c r="R62" s="132" t="s">
        <v>471</v>
      </c>
    </row>
    <row r="63" spans="1:18">
      <c r="A63" s="912"/>
      <c r="B63" s="914" t="s">
        <v>770</v>
      </c>
      <c r="C63" s="1122">
        <v>363</v>
      </c>
      <c r="D63" s="1121">
        <v>178</v>
      </c>
      <c r="E63" s="1129">
        <v>185</v>
      </c>
      <c r="F63" s="1120">
        <v>16</v>
      </c>
      <c r="G63" s="1121">
        <v>8</v>
      </c>
      <c r="H63" s="1121">
        <v>8</v>
      </c>
      <c r="I63" s="1121">
        <v>326</v>
      </c>
      <c r="J63" s="1121">
        <v>163</v>
      </c>
      <c r="K63" s="1129">
        <v>163</v>
      </c>
      <c r="L63" s="1120">
        <v>21</v>
      </c>
      <c r="M63" s="1121">
        <v>7</v>
      </c>
      <c r="N63" s="1122">
        <v>14</v>
      </c>
      <c r="O63" s="178"/>
    </row>
    <row r="64" spans="1:18">
      <c r="A64" s="912"/>
      <c r="B64" s="914" t="s">
        <v>771</v>
      </c>
      <c r="C64" s="1122">
        <v>640</v>
      </c>
      <c r="D64" s="1121">
        <v>333</v>
      </c>
      <c r="E64" s="1129">
        <v>307</v>
      </c>
      <c r="F64" s="1120">
        <v>82</v>
      </c>
      <c r="G64" s="1121">
        <v>37</v>
      </c>
      <c r="H64" s="1121">
        <v>45</v>
      </c>
      <c r="I64" s="1121">
        <v>524</v>
      </c>
      <c r="J64" s="1121">
        <v>282</v>
      </c>
      <c r="K64" s="1129">
        <v>242</v>
      </c>
      <c r="L64" s="1120">
        <v>34</v>
      </c>
      <c r="M64" s="1121">
        <v>14</v>
      </c>
      <c r="N64" s="1122">
        <v>20</v>
      </c>
      <c r="O64" s="178"/>
    </row>
    <row r="65" spans="1:15">
      <c r="A65" s="912"/>
      <c r="B65" s="914" t="s">
        <v>772</v>
      </c>
      <c r="C65" s="1122">
        <v>398</v>
      </c>
      <c r="D65" s="1121">
        <v>202</v>
      </c>
      <c r="E65" s="1129">
        <v>196</v>
      </c>
      <c r="F65" s="1120">
        <v>41</v>
      </c>
      <c r="G65" s="1121">
        <v>20</v>
      </c>
      <c r="H65" s="1121">
        <v>21</v>
      </c>
      <c r="I65" s="1121">
        <v>326</v>
      </c>
      <c r="J65" s="1121">
        <v>168</v>
      </c>
      <c r="K65" s="1129">
        <v>158</v>
      </c>
      <c r="L65" s="1120">
        <v>31</v>
      </c>
      <c r="M65" s="1121">
        <v>14</v>
      </c>
      <c r="N65" s="1122">
        <v>17</v>
      </c>
      <c r="O65" s="178"/>
    </row>
    <row r="66" spans="1:15">
      <c r="A66" s="912"/>
      <c r="B66" s="914" t="s">
        <v>343</v>
      </c>
      <c r="C66" s="1122">
        <v>317</v>
      </c>
      <c r="D66" s="1121">
        <v>149</v>
      </c>
      <c r="E66" s="1129">
        <v>168</v>
      </c>
      <c r="F66" s="1120">
        <v>25</v>
      </c>
      <c r="G66" s="1121">
        <v>12</v>
      </c>
      <c r="H66" s="1121">
        <v>13</v>
      </c>
      <c r="I66" s="1121">
        <v>252</v>
      </c>
      <c r="J66" s="1121">
        <v>122</v>
      </c>
      <c r="K66" s="1129">
        <v>130</v>
      </c>
      <c r="L66" s="1120">
        <v>40</v>
      </c>
      <c r="M66" s="1121">
        <v>15</v>
      </c>
      <c r="N66" s="1122">
        <v>25</v>
      </c>
      <c r="O66" s="178"/>
    </row>
    <row r="67" spans="1:15">
      <c r="A67" s="912"/>
      <c r="B67" s="914" t="s">
        <v>336</v>
      </c>
      <c r="C67" s="1122">
        <v>618</v>
      </c>
      <c r="D67" s="1121">
        <v>317</v>
      </c>
      <c r="E67" s="1129">
        <v>301</v>
      </c>
      <c r="F67" s="1120">
        <v>76</v>
      </c>
      <c r="G67" s="1121">
        <v>32</v>
      </c>
      <c r="H67" s="1121">
        <v>44</v>
      </c>
      <c r="I67" s="1121">
        <v>508</v>
      </c>
      <c r="J67" s="1121">
        <v>274</v>
      </c>
      <c r="K67" s="1129">
        <v>234</v>
      </c>
      <c r="L67" s="1120">
        <v>34</v>
      </c>
      <c r="M67" s="1121">
        <v>11</v>
      </c>
      <c r="N67" s="1122">
        <v>23</v>
      </c>
      <c r="O67" s="178"/>
    </row>
    <row r="68" spans="1:15">
      <c r="A68" s="912"/>
      <c r="B68" s="914" t="s">
        <v>335</v>
      </c>
      <c r="C68" s="1122">
        <v>1266</v>
      </c>
      <c r="D68" s="1121">
        <v>582</v>
      </c>
      <c r="E68" s="1129">
        <v>684</v>
      </c>
      <c r="F68" s="1120">
        <v>41</v>
      </c>
      <c r="G68" s="1121">
        <v>20</v>
      </c>
      <c r="H68" s="1121">
        <v>21</v>
      </c>
      <c r="I68" s="1121">
        <v>1102</v>
      </c>
      <c r="J68" s="1121">
        <v>510</v>
      </c>
      <c r="K68" s="1129">
        <v>592</v>
      </c>
      <c r="L68" s="1120">
        <v>123</v>
      </c>
      <c r="M68" s="1121">
        <v>52</v>
      </c>
      <c r="N68" s="1122">
        <v>71</v>
      </c>
    </row>
    <row r="69" spans="1:15">
      <c r="A69" s="912"/>
      <c r="B69" s="914" t="s">
        <v>337</v>
      </c>
      <c r="C69" s="1122">
        <v>291</v>
      </c>
      <c r="D69" s="1121">
        <v>135</v>
      </c>
      <c r="E69" s="1129">
        <v>156</v>
      </c>
      <c r="F69" s="1120">
        <v>31</v>
      </c>
      <c r="G69" s="1121">
        <v>17</v>
      </c>
      <c r="H69" s="1121">
        <v>14</v>
      </c>
      <c r="I69" s="1121">
        <v>196</v>
      </c>
      <c r="J69" s="1121">
        <v>91</v>
      </c>
      <c r="K69" s="1129">
        <v>105</v>
      </c>
      <c r="L69" s="1120">
        <v>64</v>
      </c>
      <c r="M69" s="1121">
        <v>27</v>
      </c>
      <c r="N69" s="1122">
        <v>37</v>
      </c>
    </row>
    <row r="70" spans="1:15">
      <c r="A70" s="912"/>
      <c r="B70" s="914" t="s">
        <v>339</v>
      </c>
      <c r="C70" s="1122">
        <v>1069</v>
      </c>
      <c r="D70" s="1121">
        <v>507</v>
      </c>
      <c r="E70" s="1129">
        <v>562</v>
      </c>
      <c r="F70" s="1120">
        <v>93</v>
      </c>
      <c r="G70" s="1121">
        <v>42</v>
      </c>
      <c r="H70" s="1121">
        <v>51</v>
      </c>
      <c r="I70" s="1121">
        <v>793</v>
      </c>
      <c r="J70" s="1121">
        <v>393</v>
      </c>
      <c r="K70" s="1129">
        <v>400</v>
      </c>
      <c r="L70" s="1120">
        <v>183</v>
      </c>
      <c r="M70" s="1121">
        <v>72</v>
      </c>
      <c r="N70" s="1122">
        <v>111</v>
      </c>
    </row>
    <row r="71" spans="1:15" s="897" customFormat="1" ht="20.100000000000001" customHeight="1">
      <c r="A71" s="910"/>
      <c r="B71" s="909"/>
      <c r="C71" s="1115"/>
      <c r="D71" s="1114"/>
      <c r="E71" s="1116"/>
      <c r="F71" s="1113"/>
      <c r="G71" s="1114"/>
      <c r="H71" s="1114"/>
      <c r="I71" s="1114"/>
      <c r="J71" s="1114"/>
      <c r="K71" s="1114"/>
      <c r="L71" s="1113"/>
      <c r="M71" s="1114"/>
      <c r="N71" s="1115"/>
    </row>
    <row r="72" spans="1:15" ht="14.25" thickBot="1">
      <c r="A72" s="925"/>
      <c r="B72" s="926"/>
      <c r="C72" s="1138"/>
      <c r="D72" s="1137"/>
      <c r="E72" s="1139"/>
      <c r="F72" s="1136"/>
      <c r="G72" s="1137"/>
      <c r="H72" s="1137"/>
      <c r="I72" s="1137"/>
      <c r="J72" s="1137"/>
      <c r="K72" s="1139"/>
      <c r="L72" s="1136"/>
      <c r="M72" s="1137"/>
      <c r="N72" s="1138"/>
      <c r="O72" s="178"/>
    </row>
    <row r="73" spans="1:15" ht="14.25" thickTop="1"/>
  </sheetData>
  <mergeCells count="7">
    <mergeCell ref="A60:B60"/>
    <mergeCell ref="A6:B6"/>
    <mergeCell ref="A25:B25"/>
    <mergeCell ref="A33:B33"/>
    <mergeCell ref="A39:B39"/>
    <mergeCell ref="A40:B40"/>
    <mergeCell ref="A51:B51"/>
  </mergeCells>
  <phoneticPr fontId="3"/>
  <printOptions horizontalCentered="1" gridLinesSet="0"/>
  <pageMargins left="0.59055118110236227" right="0.39370078740157483" top="0.59055118110236227" bottom="0.59055118110236227" header="0" footer="0.19685039370078741"/>
  <pageSetup paperSize="9" scale="77" firstPageNumber="55" orientation="portrait" blackAndWhite="1" useFirstPageNumber="1" r:id="rId1"/>
  <headerFooter>
    <oddFooter>&amp;C&amp;"ＭＳ ゴシック,太字"-&amp;P--</oddFoot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31"/>
  <sheetViews>
    <sheetView zoomScale="80" zoomScaleNormal="80" zoomScaleSheetLayoutView="80" workbookViewId="0">
      <pane xSplit="2" ySplit="5" topLeftCell="C6" activePane="bottomRight" state="frozen"/>
      <selection pane="topRight"/>
      <selection pane="bottomLeft"/>
      <selection pane="bottomRight"/>
    </sheetView>
  </sheetViews>
  <sheetFormatPr defaultRowHeight="13.5"/>
  <cols>
    <col min="1" max="1" width="2.75" customWidth="1"/>
    <col min="2" max="2" width="16.75" customWidth="1"/>
    <col min="3" max="3" width="12.625" customWidth="1"/>
    <col min="4" max="4" width="11.625" customWidth="1"/>
    <col min="5" max="5" width="10.625" customWidth="1"/>
    <col min="6" max="7" width="9.125" customWidth="1"/>
    <col min="8" max="8" width="10.25" customWidth="1"/>
    <col min="9" max="10" width="10.125" customWidth="1"/>
    <col min="11" max="11" width="12.75" style="934" customWidth="1"/>
    <col min="257" max="257" width="2.75" customWidth="1"/>
    <col min="258" max="258" width="16.75" customWidth="1"/>
    <col min="259" max="259" width="12.625" customWidth="1"/>
    <col min="260" max="260" width="11.625" customWidth="1"/>
    <col min="261" max="261" width="10.625" customWidth="1"/>
    <col min="262" max="263" width="9.125" customWidth="1"/>
    <col min="264" max="264" width="10.25" customWidth="1"/>
    <col min="265" max="266" width="10.125" customWidth="1"/>
    <col min="267" max="267" width="12.75" customWidth="1"/>
    <col min="513" max="513" width="2.75" customWidth="1"/>
    <col min="514" max="514" width="16.75" customWidth="1"/>
    <col min="515" max="515" width="12.625" customWidth="1"/>
    <col min="516" max="516" width="11.625" customWidth="1"/>
    <col min="517" max="517" width="10.625" customWidth="1"/>
    <col min="518" max="519" width="9.125" customWidth="1"/>
    <col min="520" max="520" width="10.25" customWidth="1"/>
    <col min="521" max="522" width="10.125" customWidth="1"/>
    <col min="523" max="523" width="12.75" customWidth="1"/>
    <col min="769" max="769" width="2.75" customWidth="1"/>
    <col min="770" max="770" width="16.75" customWidth="1"/>
    <col min="771" max="771" width="12.625" customWidth="1"/>
    <col min="772" max="772" width="11.625" customWidth="1"/>
    <col min="773" max="773" width="10.625" customWidth="1"/>
    <col min="774" max="775" width="9.125" customWidth="1"/>
    <col min="776" max="776" width="10.25" customWidth="1"/>
    <col min="777" max="778" width="10.125" customWidth="1"/>
    <col min="779" max="779" width="12.75" customWidth="1"/>
    <col min="1025" max="1025" width="2.75" customWidth="1"/>
    <col min="1026" max="1026" width="16.75" customWidth="1"/>
    <col min="1027" max="1027" width="12.625" customWidth="1"/>
    <col min="1028" max="1028" width="11.625" customWidth="1"/>
    <col min="1029" max="1029" width="10.625" customWidth="1"/>
    <col min="1030" max="1031" width="9.125" customWidth="1"/>
    <col min="1032" max="1032" width="10.25" customWidth="1"/>
    <col min="1033" max="1034" width="10.125" customWidth="1"/>
    <col min="1035" max="1035" width="12.75" customWidth="1"/>
    <col min="1281" max="1281" width="2.75" customWidth="1"/>
    <col min="1282" max="1282" width="16.75" customWidth="1"/>
    <col min="1283" max="1283" width="12.625" customWidth="1"/>
    <col min="1284" max="1284" width="11.625" customWidth="1"/>
    <col min="1285" max="1285" width="10.625" customWidth="1"/>
    <col min="1286" max="1287" width="9.125" customWidth="1"/>
    <col min="1288" max="1288" width="10.25" customWidth="1"/>
    <col min="1289" max="1290" width="10.125" customWidth="1"/>
    <col min="1291" max="1291" width="12.75" customWidth="1"/>
    <col min="1537" max="1537" width="2.75" customWidth="1"/>
    <col min="1538" max="1538" width="16.75" customWidth="1"/>
    <col min="1539" max="1539" width="12.625" customWidth="1"/>
    <col min="1540" max="1540" width="11.625" customWidth="1"/>
    <col min="1541" max="1541" width="10.625" customWidth="1"/>
    <col min="1542" max="1543" width="9.125" customWidth="1"/>
    <col min="1544" max="1544" width="10.25" customWidth="1"/>
    <col min="1545" max="1546" width="10.125" customWidth="1"/>
    <col min="1547" max="1547" width="12.75" customWidth="1"/>
    <col min="1793" max="1793" width="2.75" customWidth="1"/>
    <col min="1794" max="1794" width="16.75" customWidth="1"/>
    <col min="1795" max="1795" width="12.625" customWidth="1"/>
    <col min="1796" max="1796" width="11.625" customWidth="1"/>
    <col min="1797" max="1797" width="10.625" customWidth="1"/>
    <col min="1798" max="1799" width="9.125" customWidth="1"/>
    <col min="1800" max="1800" width="10.25" customWidth="1"/>
    <col min="1801" max="1802" width="10.125" customWidth="1"/>
    <col min="1803" max="1803" width="12.75" customWidth="1"/>
    <col min="2049" max="2049" width="2.75" customWidth="1"/>
    <col min="2050" max="2050" width="16.75" customWidth="1"/>
    <col min="2051" max="2051" width="12.625" customWidth="1"/>
    <col min="2052" max="2052" width="11.625" customWidth="1"/>
    <col min="2053" max="2053" width="10.625" customWidth="1"/>
    <col min="2054" max="2055" width="9.125" customWidth="1"/>
    <col min="2056" max="2056" width="10.25" customWidth="1"/>
    <col min="2057" max="2058" width="10.125" customWidth="1"/>
    <col min="2059" max="2059" width="12.75" customWidth="1"/>
    <col min="2305" max="2305" width="2.75" customWidth="1"/>
    <col min="2306" max="2306" width="16.75" customWidth="1"/>
    <col min="2307" max="2307" width="12.625" customWidth="1"/>
    <col min="2308" max="2308" width="11.625" customWidth="1"/>
    <col min="2309" max="2309" width="10.625" customWidth="1"/>
    <col min="2310" max="2311" width="9.125" customWidth="1"/>
    <col min="2312" max="2312" width="10.25" customWidth="1"/>
    <col min="2313" max="2314" width="10.125" customWidth="1"/>
    <col min="2315" max="2315" width="12.75" customWidth="1"/>
    <col min="2561" max="2561" width="2.75" customWidth="1"/>
    <col min="2562" max="2562" width="16.75" customWidth="1"/>
    <col min="2563" max="2563" width="12.625" customWidth="1"/>
    <col min="2564" max="2564" width="11.625" customWidth="1"/>
    <col min="2565" max="2565" width="10.625" customWidth="1"/>
    <col min="2566" max="2567" width="9.125" customWidth="1"/>
    <col min="2568" max="2568" width="10.25" customWidth="1"/>
    <col min="2569" max="2570" width="10.125" customWidth="1"/>
    <col min="2571" max="2571" width="12.75" customWidth="1"/>
    <col min="2817" max="2817" width="2.75" customWidth="1"/>
    <col min="2818" max="2818" width="16.75" customWidth="1"/>
    <col min="2819" max="2819" width="12.625" customWidth="1"/>
    <col min="2820" max="2820" width="11.625" customWidth="1"/>
    <col min="2821" max="2821" width="10.625" customWidth="1"/>
    <col min="2822" max="2823" width="9.125" customWidth="1"/>
    <col min="2824" max="2824" width="10.25" customWidth="1"/>
    <col min="2825" max="2826" width="10.125" customWidth="1"/>
    <col min="2827" max="2827" width="12.75" customWidth="1"/>
    <col min="3073" max="3073" width="2.75" customWidth="1"/>
    <col min="3074" max="3074" width="16.75" customWidth="1"/>
    <col min="3075" max="3075" width="12.625" customWidth="1"/>
    <col min="3076" max="3076" width="11.625" customWidth="1"/>
    <col min="3077" max="3077" width="10.625" customWidth="1"/>
    <col min="3078" max="3079" width="9.125" customWidth="1"/>
    <col min="3080" max="3080" width="10.25" customWidth="1"/>
    <col min="3081" max="3082" width="10.125" customWidth="1"/>
    <col min="3083" max="3083" width="12.75" customWidth="1"/>
    <col min="3329" max="3329" width="2.75" customWidth="1"/>
    <col min="3330" max="3330" width="16.75" customWidth="1"/>
    <col min="3331" max="3331" width="12.625" customWidth="1"/>
    <col min="3332" max="3332" width="11.625" customWidth="1"/>
    <col min="3333" max="3333" width="10.625" customWidth="1"/>
    <col min="3334" max="3335" width="9.125" customWidth="1"/>
    <col min="3336" max="3336" width="10.25" customWidth="1"/>
    <col min="3337" max="3338" width="10.125" customWidth="1"/>
    <col min="3339" max="3339" width="12.75" customWidth="1"/>
    <col min="3585" max="3585" width="2.75" customWidth="1"/>
    <col min="3586" max="3586" width="16.75" customWidth="1"/>
    <col min="3587" max="3587" width="12.625" customWidth="1"/>
    <col min="3588" max="3588" width="11.625" customWidth="1"/>
    <col min="3589" max="3589" width="10.625" customWidth="1"/>
    <col min="3590" max="3591" width="9.125" customWidth="1"/>
    <col min="3592" max="3592" width="10.25" customWidth="1"/>
    <col min="3593" max="3594" width="10.125" customWidth="1"/>
    <col min="3595" max="3595" width="12.75" customWidth="1"/>
    <col min="3841" max="3841" width="2.75" customWidth="1"/>
    <col min="3842" max="3842" width="16.75" customWidth="1"/>
    <col min="3843" max="3843" width="12.625" customWidth="1"/>
    <col min="3844" max="3844" width="11.625" customWidth="1"/>
    <col min="3845" max="3845" width="10.625" customWidth="1"/>
    <col min="3846" max="3847" width="9.125" customWidth="1"/>
    <col min="3848" max="3848" width="10.25" customWidth="1"/>
    <col min="3849" max="3850" width="10.125" customWidth="1"/>
    <col min="3851" max="3851" width="12.75" customWidth="1"/>
    <col min="4097" max="4097" width="2.75" customWidth="1"/>
    <col min="4098" max="4098" width="16.75" customWidth="1"/>
    <col min="4099" max="4099" width="12.625" customWidth="1"/>
    <col min="4100" max="4100" width="11.625" customWidth="1"/>
    <col min="4101" max="4101" width="10.625" customWidth="1"/>
    <col min="4102" max="4103" width="9.125" customWidth="1"/>
    <col min="4104" max="4104" width="10.25" customWidth="1"/>
    <col min="4105" max="4106" width="10.125" customWidth="1"/>
    <col min="4107" max="4107" width="12.75" customWidth="1"/>
    <col min="4353" max="4353" width="2.75" customWidth="1"/>
    <col min="4354" max="4354" width="16.75" customWidth="1"/>
    <col min="4355" max="4355" width="12.625" customWidth="1"/>
    <col min="4356" max="4356" width="11.625" customWidth="1"/>
    <col min="4357" max="4357" width="10.625" customWidth="1"/>
    <col min="4358" max="4359" width="9.125" customWidth="1"/>
    <col min="4360" max="4360" width="10.25" customWidth="1"/>
    <col min="4361" max="4362" width="10.125" customWidth="1"/>
    <col min="4363" max="4363" width="12.75" customWidth="1"/>
    <col min="4609" max="4609" width="2.75" customWidth="1"/>
    <col min="4610" max="4610" width="16.75" customWidth="1"/>
    <col min="4611" max="4611" width="12.625" customWidth="1"/>
    <col min="4612" max="4612" width="11.625" customWidth="1"/>
    <col min="4613" max="4613" width="10.625" customWidth="1"/>
    <col min="4614" max="4615" width="9.125" customWidth="1"/>
    <col min="4616" max="4616" width="10.25" customWidth="1"/>
    <col min="4617" max="4618" width="10.125" customWidth="1"/>
    <col min="4619" max="4619" width="12.75" customWidth="1"/>
    <col min="4865" max="4865" width="2.75" customWidth="1"/>
    <col min="4866" max="4866" width="16.75" customWidth="1"/>
    <col min="4867" max="4867" width="12.625" customWidth="1"/>
    <col min="4868" max="4868" width="11.625" customWidth="1"/>
    <col min="4869" max="4869" width="10.625" customWidth="1"/>
    <col min="4870" max="4871" width="9.125" customWidth="1"/>
    <col min="4872" max="4872" width="10.25" customWidth="1"/>
    <col min="4873" max="4874" width="10.125" customWidth="1"/>
    <col min="4875" max="4875" width="12.75" customWidth="1"/>
    <col min="5121" max="5121" width="2.75" customWidth="1"/>
    <col min="5122" max="5122" width="16.75" customWidth="1"/>
    <col min="5123" max="5123" width="12.625" customWidth="1"/>
    <col min="5124" max="5124" width="11.625" customWidth="1"/>
    <col min="5125" max="5125" width="10.625" customWidth="1"/>
    <col min="5126" max="5127" width="9.125" customWidth="1"/>
    <col min="5128" max="5128" width="10.25" customWidth="1"/>
    <col min="5129" max="5130" width="10.125" customWidth="1"/>
    <col min="5131" max="5131" width="12.75" customWidth="1"/>
    <col min="5377" max="5377" width="2.75" customWidth="1"/>
    <col min="5378" max="5378" width="16.75" customWidth="1"/>
    <col min="5379" max="5379" width="12.625" customWidth="1"/>
    <col min="5380" max="5380" width="11.625" customWidth="1"/>
    <col min="5381" max="5381" width="10.625" customWidth="1"/>
    <col min="5382" max="5383" width="9.125" customWidth="1"/>
    <col min="5384" max="5384" width="10.25" customWidth="1"/>
    <col min="5385" max="5386" width="10.125" customWidth="1"/>
    <col min="5387" max="5387" width="12.75" customWidth="1"/>
    <col min="5633" max="5633" width="2.75" customWidth="1"/>
    <col min="5634" max="5634" width="16.75" customWidth="1"/>
    <col min="5635" max="5635" width="12.625" customWidth="1"/>
    <col min="5636" max="5636" width="11.625" customWidth="1"/>
    <col min="5637" max="5637" width="10.625" customWidth="1"/>
    <col min="5638" max="5639" width="9.125" customWidth="1"/>
    <col min="5640" max="5640" width="10.25" customWidth="1"/>
    <col min="5641" max="5642" width="10.125" customWidth="1"/>
    <col min="5643" max="5643" width="12.75" customWidth="1"/>
    <col min="5889" max="5889" width="2.75" customWidth="1"/>
    <col min="5890" max="5890" width="16.75" customWidth="1"/>
    <col min="5891" max="5891" width="12.625" customWidth="1"/>
    <col min="5892" max="5892" width="11.625" customWidth="1"/>
    <col min="5893" max="5893" width="10.625" customWidth="1"/>
    <col min="5894" max="5895" width="9.125" customWidth="1"/>
    <col min="5896" max="5896" width="10.25" customWidth="1"/>
    <col min="5897" max="5898" width="10.125" customWidth="1"/>
    <col min="5899" max="5899" width="12.75" customWidth="1"/>
    <col min="6145" max="6145" width="2.75" customWidth="1"/>
    <col min="6146" max="6146" width="16.75" customWidth="1"/>
    <col min="6147" max="6147" width="12.625" customWidth="1"/>
    <col min="6148" max="6148" width="11.625" customWidth="1"/>
    <col min="6149" max="6149" width="10.625" customWidth="1"/>
    <col min="6150" max="6151" width="9.125" customWidth="1"/>
    <col min="6152" max="6152" width="10.25" customWidth="1"/>
    <col min="6153" max="6154" width="10.125" customWidth="1"/>
    <col min="6155" max="6155" width="12.75" customWidth="1"/>
    <col min="6401" max="6401" width="2.75" customWidth="1"/>
    <col min="6402" max="6402" width="16.75" customWidth="1"/>
    <col min="6403" max="6403" width="12.625" customWidth="1"/>
    <col min="6404" max="6404" width="11.625" customWidth="1"/>
    <col min="6405" max="6405" width="10.625" customWidth="1"/>
    <col min="6406" max="6407" width="9.125" customWidth="1"/>
    <col min="6408" max="6408" width="10.25" customWidth="1"/>
    <col min="6409" max="6410" width="10.125" customWidth="1"/>
    <col min="6411" max="6411" width="12.75" customWidth="1"/>
    <col min="6657" max="6657" width="2.75" customWidth="1"/>
    <col min="6658" max="6658" width="16.75" customWidth="1"/>
    <col min="6659" max="6659" width="12.625" customWidth="1"/>
    <col min="6660" max="6660" width="11.625" customWidth="1"/>
    <col min="6661" max="6661" width="10.625" customWidth="1"/>
    <col min="6662" max="6663" width="9.125" customWidth="1"/>
    <col min="6664" max="6664" width="10.25" customWidth="1"/>
    <col min="6665" max="6666" width="10.125" customWidth="1"/>
    <col min="6667" max="6667" width="12.75" customWidth="1"/>
    <col min="6913" max="6913" width="2.75" customWidth="1"/>
    <col min="6914" max="6914" width="16.75" customWidth="1"/>
    <col min="6915" max="6915" width="12.625" customWidth="1"/>
    <col min="6916" max="6916" width="11.625" customWidth="1"/>
    <col min="6917" max="6917" width="10.625" customWidth="1"/>
    <col min="6918" max="6919" width="9.125" customWidth="1"/>
    <col min="6920" max="6920" width="10.25" customWidth="1"/>
    <col min="6921" max="6922" width="10.125" customWidth="1"/>
    <col min="6923" max="6923" width="12.75" customWidth="1"/>
    <col min="7169" max="7169" width="2.75" customWidth="1"/>
    <col min="7170" max="7170" width="16.75" customWidth="1"/>
    <col min="7171" max="7171" width="12.625" customWidth="1"/>
    <col min="7172" max="7172" width="11.625" customWidth="1"/>
    <col min="7173" max="7173" width="10.625" customWidth="1"/>
    <col min="7174" max="7175" width="9.125" customWidth="1"/>
    <col min="7176" max="7176" width="10.25" customWidth="1"/>
    <col min="7177" max="7178" width="10.125" customWidth="1"/>
    <col min="7179" max="7179" width="12.75" customWidth="1"/>
    <col min="7425" max="7425" width="2.75" customWidth="1"/>
    <col min="7426" max="7426" width="16.75" customWidth="1"/>
    <col min="7427" max="7427" width="12.625" customWidth="1"/>
    <col min="7428" max="7428" width="11.625" customWidth="1"/>
    <col min="7429" max="7429" width="10.625" customWidth="1"/>
    <col min="7430" max="7431" width="9.125" customWidth="1"/>
    <col min="7432" max="7432" width="10.25" customWidth="1"/>
    <col min="7433" max="7434" width="10.125" customWidth="1"/>
    <col min="7435" max="7435" width="12.75" customWidth="1"/>
    <col min="7681" max="7681" width="2.75" customWidth="1"/>
    <col min="7682" max="7682" width="16.75" customWidth="1"/>
    <col min="7683" max="7683" width="12.625" customWidth="1"/>
    <col min="7684" max="7684" width="11.625" customWidth="1"/>
    <col min="7685" max="7685" width="10.625" customWidth="1"/>
    <col min="7686" max="7687" width="9.125" customWidth="1"/>
    <col min="7688" max="7688" width="10.25" customWidth="1"/>
    <col min="7689" max="7690" width="10.125" customWidth="1"/>
    <col min="7691" max="7691" width="12.75" customWidth="1"/>
    <col min="7937" max="7937" width="2.75" customWidth="1"/>
    <col min="7938" max="7938" width="16.75" customWidth="1"/>
    <col min="7939" max="7939" width="12.625" customWidth="1"/>
    <col min="7940" max="7940" width="11.625" customWidth="1"/>
    <col min="7941" max="7941" width="10.625" customWidth="1"/>
    <col min="7942" max="7943" width="9.125" customWidth="1"/>
    <col min="7944" max="7944" width="10.25" customWidth="1"/>
    <col min="7945" max="7946" width="10.125" customWidth="1"/>
    <col min="7947" max="7947" width="12.75" customWidth="1"/>
    <col min="8193" max="8193" width="2.75" customWidth="1"/>
    <col min="8194" max="8194" width="16.75" customWidth="1"/>
    <col min="8195" max="8195" width="12.625" customWidth="1"/>
    <col min="8196" max="8196" width="11.625" customWidth="1"/>
    <col min="8197" max="8197" width="10.625" customWidth="1"/>
    <col min="8198" max="8199" width="9.125" customWidth="1"/>
    <col min="8200" max="8200" width="10.25" customWidth="1"/>
    <col min="8201" max="8202" width="10.125" customWidth="1"/>
    <col min="8203" max="8203" width="12.75" customWidth="1"/>
    <col min="8449" max="8449" width="2.75" customWidth="1"/>
    <col min="8450" max="8450" width="16.75" customWidth="1"/>
    <col min="8451" max="8451" width="12.625" customWidth="1"/>
    <col min="8452" max="8452" width="11.625" customWidth="1"/>
    <col min="8453" max="8453" width="10.625" customWidth="1"/>
    <col min="8454" max="8455" width="9.125" customWidth="1"/>
    <col min="8456" max="8456" width="10.25" customWidth="1"/>
    <col min="8457" max="8458" width="10.125" customWidth="1"/>
    <col min="8459" max="8459" width="12.75" customWidth="1"/>
    <col min="8705" max="8705" width="2.75" customWidth="1"/>
    <col min="8706" max="8706" width="16.75" customWidth="1"/>
    <col min="8707" max="8707" width="12.625" customWidth="1"/>
    <col min="8708" max="8708" width="11.625" customWidth="1"/>
    <col min="8709" max="8709" width="10.625" customWidth="1"/>
    <col min="8710" max="8711" width="9.125" customWidth="1"/>
    <col min="8712" max="8712" width="10.25" customWidth="1"/>
    <col min="8713" max="8714" width="10.125" customWidth="1"/>
    <col min="8715" max="8715" width="12.75" customWidth="1"/>
    <col min="8961" max="8961" width="2.75" customWidth="1"/>
    <col min="8962" max="8962" width="16.75" customWidth="1"/>
    <col min="8963" max="8963" width="12.625" customWidth="1"/>
    <col min="8964" max="8964" width="11.625" customWidth="1"/>
    <col min="8965" max="8965" width="10.625" customWidth="1"/>
    <col min="8966" max="8967" width="9.125" customWidth="1"/>
    <col min="8968" max="8968" width="10.25" customWidth="1"/>
    <col min="8969" max="8970" width="10.125" customWidth="1"/>
    <col min="8971" max="8971" width="12.75" customWidth="1"/>
    <col min="9217" max="9217" width="2.75" customWidth="1"/>
    <col min="9218" max="9218" width="16.75" customWidth="1"/>
    <col min="9219" max="9219" width="12.625" customWidth="1"/>
    <col min="9220" max="9220" width="11.625" customWidth="1"/>
    <col min="9221" max="9221" width="10.625" customWidth="1"/>
    <col min="9222" max="9223" width="9.125" customWidth="1"/>
    <col min="9224" max="9224" width="10.25" customWidth="1"/>
    <col min="9225" max="9226" width="10.125" customWidth="1"/>
    <col min="9227" max="9227" width="12.75" customWidth="1"/>
    <col min="9473" max="9473" width="2.75" customWidth="1"/>
    <col min="9474" max="9474" width="16.75" customWidth="1"/>
    <col min="9475" max="9475" width="12.625" customWidth="1"/>
    <col min="9476" max="9476" width="11.625" customWidth="1"/>
    <col min="9477" max="9477" width="10.625" customWidth="1"/>
    <col min="9478" max="9479" width="9.125" customWidth="1"/>
    <col min="9480" max="9480" width="10.25" customWidth="1"/>
    <col min="9481" max="9482" width="10.125" customWidth="1"/>
    <col min="9483" max="9483" width="12.75" customWidth="1"/>
    <col min="9729" max="9729" width="2.75" customWidth="1"/>
    <col min="9730" max="9730" width="16.75" customWidth="1"/>
    <col min="9731" max="9731" width="12.625" customWidth="1"/>
    <col min="9732" max="9732" width="11.625" customWidth="1"/>
    <col min="9733" max="9733" width="10.625" customWidth="1"/>
    <col min="9734" max="9735" width="9.125" customWidth="1"/>
    <col min="9736" max="9736" width="10.25" customWidth="1"/>
    <col min="9737" max="9738" width="10.125" customWidth="1"/>
    <col min="9739" max="9739" width="12.75" customWidth="1"/>
    <col min="9985" max="9985" width="2.75" customWidth="1"/>
    <col min="9986" max="9986" width="16.75" customWidth="1"/>
    <col min="9987" max="9987" width="12.625" customWidth="1"/>
    <col min="9988" max="9988" width="11.625" customWidth="1"/>
    <col min="9989" max="9989" width="10.625" customWidth="1"/>
    <col min="9990" max="9991" width="9.125" customWidth="1"/>
    <col min="9992" max="9992" width="10.25" customWidth="1"/>
    <col min="9993" max="9994" width="10.125" customWidth="1"/>
    <col min="9995" max="9995" width="12.75" customWidth="1"/>
    <col min="10241" max="10241" width="2.75" customWidth="1"/>
    <col min="10242" max="10242" width="16.75" customWidth="1"/>
    <col min="10243" max="10243" width="12.625" customWidth="1"/>
    <col min="10244" max="10244" width="11.625" customWidth="1"/>
    <col min="10245" max="10245" width="10.625" customWidth="1"/>
    <col min="10246" max="10247" width="9.125" customWidth="1"/>
    <col min="10248" max="10248" width="10.25" customWidth="1"/>
    <col min="10249" max="10250" width="10.125" customWidth="1"/>
    <col min="10251" max="10251" width="12.75" customWidth="1"/>
    <col min="10497" max="10497" width="2.75" customWidth="1"/>
    <col min="10498" max="10498" width="16.75" customWidth="1"/>
    <col min="10499" max="10499" width="12.625" customWidth="1"/>
    <col min="10500" max="10500" width="11.625" customWidth="1"/>
    <col min="10501" max="10501" width="10.625" customWidth="1"/>
    <col min="10502" max="10503" width="9.125" customWidth="1"/>
    <col min="10504" max="10504" width="10.25" customWidth="1"/>
    <col min="10505" max="10506" width="10.125" customWidth="1"/>
    <col min="10507" max="10507" width="12.75" customWidth="1"/>
    <col min="10753" max="10753" width="2.75" customWidth="1"/>
    <col min="10754" max="10754" width="16.75" customWidth="1"/>
    <col min="10755" max="10755" width="12.625" customWidth="1"/>
    <col min="10756" max="10756" width="11.625" customWidth="1"/>
    <col min="10757" max="10757" width="10.625" customWidth="1"/>
    <col min="10758" max="10759" width="9.125" customWidth="1"/>
    <col min="10760" max="10760" width="10.25" customWidth="1"/>
    <col min="10761" max="10762" width="10.125" customWidth="1"/>
    <col min="10763" max="10763" width="12.75" customWidth="1"/>
    <col min="11009" max="11009" width="2.75" customWidth="1"/>
    <col min="11010" max="11010" width="16.75" customWidth="1"/>
    <col min="11011" max="11011" width="12.625" customWidth="1"/>
    <col min="11012" max="11012" width="11.625" customWidth="1"/>
    <col min="11013" max="11013" width="10.625" customWidth="1"/>
    <col min="11014" max="11015" width="9.125" customWidth="1"/>
    <col min="11016" max="11016" width="10.25" customWidth="1"/>
    <col min="11017" max="11018" width="10.125" customWidth="1"/>
    <col min="11019" max="11019" width="12.75" customWidth="1"/>
    <col min="11265" max="11265" width="2.75" customWidth="1"/>
    <col min="11266" max="11266" width="16.75" customWidth="1"/>
    <col min="11267" max="11267" width="12.625" customWidth="1"/>
    <col min="11268" max="11268" width="11.625" customWidth="1"/>
    <col min="11269" max="11269" width="10.625" customWidth="1"/>
    <col min="11270" max="11271" width="9.125" customWidth="1"/>
    <col min="11272" max="11272" width="10.25" customWidth="1"/>
    <col min="11273" max="11274" width="10.125" customWidth="1"/>
    <col min="11275" max="11275" width="12.75" customWidth="1"/>
    <col min="11521" max="11521" width="2.75" customWidth="1"/>
    <col min="11522" max="11522" width="16.75" customWidth="1"/>
    <col min="11523" max="11523" width="12.625" customWidth="1"/>
    <col min="11524" max="11524" width="11.625" customWidth="1"/>
    <col min="11525" max="11525" width="10.625" customWidth="1"/>
    <col min="11526" max="11527" width="9.125" customWidth="1"/>
    <col min="11528" max="11528" width="10.25" customWidth="1"/>
    <col min="11529" max="11530" width="10.125" customWidth="1"/>
    <col min="11531" max="11531" width="12.75" customWidth="1"/>
    <col min="11777" max="11777" width="2.75" customWidth="1"/>
    <col min="11778" max="11778" width="16.75" customWidth="1"/>
    <col min="11779" max="11779" width="12.625" customWidth="1"/>
    <col min="11780" max="11780" width="11.625" customWidth="1"/>
    <col min="11781" max="11781" width="10.625" customWidth="1"/>
    <col min="11782" max="11783" width="9.125" customWidth="1"/>
    <col min="11784" max="11784" width="10.25" customWidth="1"/>
    <col min="11785" max="11786" width="10.125" customWidth="1"/>
    <col min="11787" max="11787" width="12.75" customWidth="1"/>
    <col min="12033" max="12033" width="2.75" customWidth="1"/>
    <col min="12034" max="12034" width="16.75" customWidth="1"/>
    <col min="12035" max="12035" width="12.625" customWidth="1"/>
    <col min="12036" max="12036" width="11.625" customWidth="1"/>
    <col min="12037" max="12037" width="10.625" customWidth="1"/>
    <col min="12038" max="12039" width="9.125" customWidth="1"/>
    <col min="12040" max="12040" width="10.25" customWidth="1"/>
    <col min="12041" max="12042" width="10.125" customWidth="1"/>
    <col min="12043" max="12043" width="12.75" customWidth="1"/>
    <col min="12289" max="12289" width="2.75" customWidth="1"/>
    <col min="12290" max="12290" width="16.75" customWidth="1"/>
    <col min="12291" max="12291" width="12.625" customWidth="1"/>
    <col min="12292" max="12292" width="11.625" customWidth="1"/>
    <col min="12293" max="12293" width="10.625" customWidth="1"/>
    <col min="12294" max="12295" width="9.125" customWidth="1"/>
    <col min="12296" max="12296" width="10.25" customWidth="1"/>
    <col min="12297" max="12298" width="10.125" customWidth="1"/>
    <col min="12299" max="12299" width="12.75" customWidth="1"/>
    <col min="12545" max="12545" width="2.75" customWidth="1"/>
    <col min="12546" max="12546" width="16.75" customWidth="1"/>
    <col min="12547" max="12547" width="12.625" customWidth="1"/>
    <col min="12548" max="12548" width="11.625" customWidth="1"/>
    <col min="12549" max="12549" width="10.625" customWidth="1"/>
    <col min="12550" max="12551" width="9.125" customWidth="1"/>
    <col min="12552" max="12552" width="10.25" customWidth="1"/>
    <col min="12553" max="12554" width="10.125" customWidth="1"/>
    <col min="12555" max="12555" width="12.75" customWidth="1"/>
    <col min="12801" max="12801" width="2.75" customWidth="1"/>
    <col min="12802" max="12802" width="16.75" customWidth="1"/>
    <col min="12803" max="12803" width="12.625" customWidth="1"/>
    <col min="12804" max="12804" width="11.625" customWidth="1"/>
    <col min="12805" max="12805" width="10.625" customWidth="1"/>
    <col min="12806" max="12807" width="9.125" customWidth="1"/>
    <col min="12808" max="12808" width="10.25" customWidth="1"/>
    <col min="12809" max="12810" width="10.125" customWidth="1"/>
    <col min="12811" max="12811" width="12.75" customWidth="1"/>
    <col min="13057" max="13057" width="2.75" customWidth="1"/>
    <col min="13058" max="13058" width="16.75" customWidth="1"/>
    <col min="13059" max="13059" width="12.625" customWidth="1"/>
    <col min="13060" max="13060" width="11.625" customWidth="1"/>
    <col min="13061" max="13061" width="10.625" customWidth="1"/>
    <col min="13062" max="13063" width="9.125" customWidth="1"/>
    <col min="13064" max="13064" width="10.25" customWidth="1"/>
    <col min="13065" max="13066" width="10.125" customWidth="1"/>
    <col min="13067" max="13067" width="12.75" customWidth="1"/>
    <col min="13313" max="13313" width="2.75" customWidth="1"/>
    <col min="13314" max="13314" width="16.75" customWidth="1"/>
    <col min="13315" max="13315" width="12.625" customWidth="1"/>
    <col min="13316" max="13316" width="11.625" customWidth="1"/>
    <col min="13317" max="13317" width="10.625" customWidth="1"/>
    <col min="13318" max="13319" width="9.125" customWidth="1"/>
    <col min="13320" max="13320" width="10.25" customWidth="1"/>
    <col min="13321" max="13322" width="10.125" customWidth="1"/>
    <col min="13323" max="13323" width="12.75" customWidth="1"/>
    <col min="13569" max="13569" width="2.75" customWidth="1"/>
    <col min="13570" max="13570" width="16.75" customWidth="1"/>
    <col min="13571" max="13571" width="12.625" customWidth="1"/>
    <col min="13572" max="13572" width="11.625" customWidth="1"/>
    <col min="13573" max="13573" width="10.625" customWidth="1"/>
    <col min="13574" max="13575" width="9.125" customWidth="1"/>
    <col min="13576" max="13576" width="10.25" customWidth="1"/>
    <col min="13577" max="13578" width="10.125" customWidth="1"/>
    <col min="13579" max="13579" width="12.75" customWidth="1"/>
    <col min="13825" max="13825" width="2.75" customWidth="1"/>
    <col min="13826" max="13826" width="16.75" customWidth="1"/>
    <col min="13827" max="13827" width="12.625" customWidth="1"/>
    <col min="13828" max="13828" width="11.625" customWidth="1"/>
    <col min="13829" max="13829" width="10.625" customWidth="1"/>
    <col min="13830" max="13831" width="9.125" customWidth="1"/>
    <col min="13832" max="13832" width="10.25" customWidth="1"/>
    <col min="13833" max="13834" width="10.125" customWidth="1"/>
    <col min="13835" max="13835" width="12.75" customWidth="1"/>
    <col min="14081" max="14081" width="2.75" customWidth="1"/>
    <col min="14082" max="14082" width="16.75" customWidth="1"/>
    <col min="14083" max="14083" width="12.625" customWidth="1"/>
    <col min="14084" max="14084" width="11.625" customWidth="1"/>
    <col min="14085" max="14085" width="10.625" customWidth="1"/>
    <col min="14086" max="14087" width="9.125" customWidth="1"/>
    <col min="14088" max="14088" width="10.25" customWidth="1"/>
    <col min="14089" max="14090" width="10.125" customWidth="1"/>
    <col min="14091" max="14091" width="12.75" customWidth="1"/>
    <col min="14337" max="14337" width="2.75" customWidth="1"/>
    <col min="14338" max="14338" width="16.75" customWidth="1"/>
    <col min="14339" max="14339" width="12.625" customWidth="1"/>
    <col min="14340" max="14340" width="11.625" customWidth="1"/>
    <col min="14341" max="14341" width="10.625" customWidth="1"/>
    <col min="14342" max="14343" width="9.125" customWidth="1"/>
    <col min="14344" max="14344" width="10.25" customWidth="1"/>
    <col min="14345" max="14346" width="10.125" customWidth="1"/>
    <col min="14347" max="14347" width="12.75" customWidth="1"/>
    <col min="14593" max="14593" width="2.75" customWidth="1"/>
    <col min="14594" max="14594" width="16.75" customWidth="1"/>
    <col min="14595" max="14595" width="12.625" customWidth="1"/>
    <col min="14596" max="14596" width="11.625" customWidth="1"/>
    <col min="14597" max="14597" width="10.625" customWidth="1"/>
    <col min="14598" max="14599" width="9.125" customWidth="1"/>
    <col min="14600" max="14600" width="10.25" customWidth="1"/>
    <col min="14601" max="14602" width="10.125" customWidth="1"/>
    <col min="14603" max="14603" width="12.75" customWidth="1"/>
    <col min="14849" max="14849" width="2.75" customWidth="1"/>
    <col min="14850" max="14850" width="16.75" customWidth="1"/>
    <col min="14851" max="14851" width="12.625" customWidth="1"/>
    <col min="14852" max="14852" width="11.625" customWidth="1"/>
    <col min="14853" max="14853" width="10.625" customWidth="1"/>
    <col min="14854" max="14855" width="9.125" customWidth="1"/>
    <col min="14856" max="14856" width="10.25" customWidth="1"/>
    <col min="14857" max="14858" width="10.125" customWidth="1"/>
    <col min="14859" max="14859" width="12.75" customWidth="1"/>
    <col min="15105" max="15105" width="2.75" customWidth="1"/>
    <col min="15106" max="15106" width="16.75" customWidth="1"/>
    <col min="15107" max="15107" width="12.625" customWidth="1"/>
    <col min="15108" max="15108" width="11.625" customWidth="1"/>
    <col min="15109" max="15109" width="10.625" customWidth="1"/>
    <col min="15110" max="15111" width="9.125" customWidth="1"/>
    <col min="15112" max="15112" width="10.25" customWidth="1"/>
    <col min="15113" max="15114" width="10.125" customWidth="1"/>
    <col min="15115" max="15115" width="12.75" customWidth="1"/>
    <col min="15361" max="15361" width="2.75" customWidth="1"/>
    <col min="15362" max="15362" width="16.75" customWidth="1"/>
    <col min="15363" max="15363" width="12.625" customWidth="1"/>
    <col min="15364" max="15364" width="11.625" customWidth="1"/>
    <col min="15365" max="15365" width="10.625" customWidth="1"/>
    <col min="15366" max="15367" width="9.125" customWidth="1"/>
    <col min="15368" max="15368" width="10.25" customWidth="1"/>
    <col min="15369" max="15370" width="10.125" customWidth="1"/>
    <col min="15371" max="15371" width="12.75" customWidth="1"/>
    <col min="15617" max="15617" width="2.75" customWidth="1"/>
    <col min="15618" max="15618" width="16.75" customWidth="1"/>
    <col min="15619" max="15619" width="12.625" customWidth="1"/>
    <col min="15620" max="15620" width="11.625" customWidth="1"/>
    <col min="15621" max="15621" width="10.625" customWidth="1"/>
    <col min="15622" max="15623" width="9.125" customWidth="1"/>
    <col min="15624" max="15624" width="10.25" customWidth="1"/>
    <col min="15625" max="15626" width="10.125" customWidth="1"/>
    <col min="15627" max="15627" width="12.75" customWidth="1"/>
    <col min="15873" max="15873" width="2.75" customWidth="1"/>
    <col min="15874" max="15874" width="16.75" customWidth="1"/>
    <col min="15875" max="15875" width="12.625" customWidth="1"/>
    <col min="15876" max="15876" width="11.625" customWidth="1"/>
    <col min="15877" max="15877" width="10.625" customWidth="1"/>
    <col min="15878" max="15879" width="9.125" customWidth="1"/>
    <col min="15880" max="15880" width="10.25" customWidth="1"/>
    <col min="15881" max="15882" width="10.125" customWidth="1"/>
    <col min="15883" max="15883" width="12.75" customWidth="1"/>
    <col min="16129" max="16129" width="2.75" customWidth="1"/>
    <col min="16130" max="16130" width="16.75" customWidth="1"/>
    <col min="16131" max="16131" width="12.625" customWidth="1"/>
    <col min="16132" max="16132" width="11.625" customWidth="1"/>
    <col min="16133" max="16133" width="10.625" customWidth="1"/>
    <col min="16134" max="16135" width="9.125" customWidth="1"/>
    <col min="16136" max="16136" width="10.25" customWidth="1"/>
    <col min="16137" max="16138" width="10.125" customWidth="1"/>
    <col min="16139" max="16139" width="12.75" customWidth="1"/>
  </cols>
  <sheetData>
    <row r="1" spans="1:11" ht="20.25" customHeight="1" thickBot="1">
      <c r="A1" s="1069" t="s">
        <v>798</v>
      </c>
      <c r="F1" s="932"/>
      <c r="G1" s="933" t="s">
        <v>799</v>
      </c>
    </row>
    <row r="2" spans="1:11" ht="13.5" customHeight="1" thickTop="1">
      <c r="A2" s="935"/>
      <c r="B2" s="935"/>
      <c r="C2" s="936" t="s">
        <v>800</v>
      </c>
      <c r="D2" s="937" t="s">
        <v>801</v>
      </c>
      <c r="E2" s="938"/>
      <c r="F2" s="938"/>
      <c r="G2" s="938"/>
      <c r="H2" s="938"/>
      <c r="I2" s="938"/>
      <c r="J2" s="938"/>
      <c r="K2" s="939" t="s">
        <v>802</v>
      </c>
    </row>
    <row r="3" spans="1:11">
      <c r="A3" s="413"/>
      <c r="B3" s="413"/>
      <c r="C3" s="940" t="s">
        <v>803</v>
      </c>
      <c r="D3" s="941" t="s">
        <v>804</v>
      </c>
      <c r="E3" s="942"/>
      <c r="F3" s="943"/>
      <c r="G3" s="944"/>
      <c r="H3" s="942"/>
      <c r="I3" s="943"/>
      <c r="J3" s="943"/>
      <c r="K3" s="945" t="s">
        <v>805</v>
      </c>
    </row>
    <row r="4" spans="1:11">
      <c r="A4" s="946" t="s">
        <v>806</v>
      </c>
      <c r="B4" s="947"/>
      <c r="C4" s="940" t="s">
        <v>807</v>
      </c>
      <c r="D4" s="941" t="s">
        <v>808</v>
      </c>
      <c r="E4" s="945" t="s">
        <v>809</v>
      </c>
      <c r="F4" s="948" t="s">
        <v>810</v>
      </c>
      <c r="G4" s="948" t="s">
        <v>811</v>
      </c>
      <c r="H4" s="941" t="s">
        <v>812</v>
      </c>
      <c r="I4" s="948" t="s">
        <v>813</v>
      </c>
      <c r="J4" s="949" t="s">
        <v>814</v>
      </c>
      <c r="K4" s="945" t="s">
        <v>807</v>
      </c>
    </row>
    <row r="5" spans="1:11">
      <c r="A5" s="950"/>
      <c r="B5" s="950"/>
      <c r="C5" s="951" t="s">
        <v>815</v>
      </c>
      <c r="D5" s="952" t="s">
        <v>816</v>
      </c>
      <c r="E5" s="953" t="s">
        <v>817</v>
      </c>
      <c r="F5" s="951" t="s">
        <v>818</v>
      </c>
      <c r="G5" s="951" t="s">
        <v>819</v>
      </c>
      <c r="H5" s="952" t="s">
        <v>820</v>
      </c>
      <c r="I5" s="951" t="s">
        <v>821</v>
      </c>
      <c r="J5" s="953" t="s">
        <v>822</v>
      </c>
      <c r="K5" s="953" t="s">
        <v>815</v>
      </c>
    </row>
    <row r="6" spans="1:11" ht="12.75" customHeight="1">
      <c r="A6" s="954"/>
      <c r="B6" s="954"/>
      <c r="C6" s="955" t="s">
        <v>14</v>
      </c>
      <c r="D6" s="956" t="s">
        <v>14</v>
      </c>
      <c r="E6" s="957" t="s">
        <v>14</v>
      </c>
      <c r="F6" s="955" t="s">
        <v>14</v>
      </c>
      <c r="G6" s="958" t="s">
        <v>14</v>
      </c>
      <c r="H6" s="956" t="s">
        <v>14</v>
      </c>
      <c r="I6" s="955" t="s">
        <v>14</v>
      </c>
      <c r="J6" s="956" t="s">
        <v>14</v>
      </c>
      <c r="K6" s="957" t="s">
        <v>14</v>
      </c>
    </row>
    <row r="7" spans="1:11" ht="16.5" customHeight="1">
      <c r="A7" s="959"/>
      <c r="B7" s="960" t="s">
        <v>712</v>
      </c>
      <c r="C7" s="961">
        <v>9163279</v>
      </c>
      <c r="D7" s="962">
        <v>15879</v>
      </c>
      <c r="E7" s="963">
        <v>-11083</v>
      </c>
      <c r="F7" s="963">
        <v>69902</v>
      </c>
      <c r="G7" s="963">
        <v>80985</v>
      </c>
      <c r="H7" s="964">
        <v>26962</v>
      </c>
      <c r="I7" s="963">
        <v>496793</v>
      </c>
      <c r="J7" s="965">
        <v>469831</v>
      </c>
      <c r="K7" s="965">
        <v>9147400</v>
      </c>
    </row>
    <row r="8" spans="1:11" s="966" customFormat="1" ht="17.25" customHeight="1">
      <c r="A8" s="1457" t="s">
        <v>823</v>
      </c>
      <c r="B8" s="1458"/>
      <c r="C8" s="961">
        <v>3733084</v>
      </c>
      <c r="D8" s="962">
        <v>1988</v>
      </c>
      <c r="E8" s="963">
        <v>-4073</v>
      </c>
      <c r="F8" s="963">
        <v>28611</v>
      </c>
      <c r="G8" s="963">
        <v>32684</v>
      </c>
      <c r="H8" s="964">
        <v>6061</v>
      </c>
      <c r="I8" s="963">
        <v>215726</v>
      </c>
      <c r="J8" s="965">
        <v>209665</v>
      </c>
      <c r="K8" s="965">
        <v>3731096</v>
      </c>
    </row>
    <row r="9" spans="1:11">
      <c r="A9" s="947"/>
      <c r="B9" s="967" t="s">
        <v>715</v>
      </c>
      <c r="C9" s="968">
        <v>288966</v>
      </c>
      <c r="D9" s="969">
        <v>1515</v>
      </c>
      <c r="E9" s="970">
        <v>154</v>
      </c>
      <c r="F9" s="971">
        <v>2561</v>
      </c>
      <c r="G9" s="972">
        <v>2407</v>
      </c>
      <c r="H9" s="973">
        <v>1361</v>
      </c>
      <c r="I9" s="974">
        <v>18782</v>
      </c>
      <c r="J9" s="975">
        <v>17421</v>
      </c>
      <c r="K9" s="976">
        <v>287451</v>
      </c>
    </row>
    <row r="10" spans="1:11">
      <c r="A10" s="947"/>
      <c r="B10" s="967" t="s">
        <v>716</v>
      </c>
      <c r="C10" s="968">
        <v>241606</v>
      </c>
      <c r="D10" s="969">
        <v>1382</v>
      </c>
      <c r="E10" s="970">
        <v>-61</v>
      </c>
      <c r="F10" s="971">
        <v>2009</v>
      </c>
      <c r="G10" s="972">
        <v>2070</v>
      </c>
      <c r="H10" s="973">
        <v>1443</v>
      </c>
      <c r="I10" s="974">
        <v>17647</v>
      </c>
      <c r="J10" s="975">
        <v>16204</v>
      </c>
      <c r="K10" s="976">
        <v>240224</v>
      </c>
    </row>
    <row r="11" spans="1:11">
      <c r="A11" s="947"/>
      <c r="B11" s="967" t="s">
        <v>717</v>
      </c>
      <c r="C11" s="968">
        <v>100048</v>
      </c>
      <c r="D11" s="969">
        <v>1402</v>
      </c>
      <c r="E11" s="970">
        <v>-9</v>
      </c>
      <c r="F11" s="971">
        <v>847</v>
      </c>
      <c r="G11" s="972">
        <v>856</v>
      </c>
      <c r="H11" s="973">
        <v>1411</v>
      </c>
      <c r="I11" s="974">
        <v>9844</v>
      </c>
      <c r="J11" s="975">
        <v>8433</v>
      </c>
      <c r="K11" s="976">
        <v>98646</v>
      </c>
    </row>
    <row r="12" spans="1:11">
      <c r="A12" s="947"/>
      <c r="B12" s="977" t="s">
        <v>718</v>
      </c>
      <c r="C12" s="968">
        <v>149155</v>
      </c>
      <c r="D12" s="969">
        <v>60</v>
      </c>
      <c r="E12" s="970">
        <v>-586</v>
      </c>
      <c r="F12" s="971">
        <v>1028</v>
      </c>
      <c r="G12" s="972">
        <v>1614</v>
      </c>
      <c r="H12" s="973">
        <v>646</v>
      </c>
      <c r="I12" s="974">
        <v>13546</v>
      </c>
      <c r="J12" s="975">
        <v>12900</v>
      </c>
      <c r="K12" s="976">
        <v>149095</v>
      </c>
    </row>
    <row r="13" spans="1:11">
      <c r="A13" s="947"/>
      <c r="B13" s="977" t="s">
        <v>719</v>
      </c>
      <c r="C13" s="968">
        <v>194974</v>
      </c>
      <c r="D13" s="969">
        <v>222</v>
      </c>
      <c r="E13" s="970">
        <v>-911</v>
      </c>
      <c r="F13" s="971">
        <v>1317</v>
      </c>
      <c r="G13" s="972">
        <v>2228</v>
      </c>
      <c r="H13" s="973">
        <v>1133</v>
      </c>
      <c r="I13" s="974">
        <v>13328</v>
      </c>
      <c r="J13" s="975">
        <v>12195</v>
      </c>
      <c r="K13" s="976">
        <v>194752</v>
      </c>
    </row>
    <row r="14" spans="1:11">
      <c r="A14" s="947"/>
      <c r="B14" s="977" t="s">
        <v>720</v>
      </c>
      <c r="C14" s="968">
        <v>206515</v>
      </c>
      <c r="D14" s="969">
        <v>-106</v>
      </c>
      <c r="E14" s="970">
        <v>-599</v>
      </c>
      <c r="F14" s="971">
        <v>1465</v>
      </c>
      <c r="G14" s="972">
        <v>2064</v>
      </c>
      <c r="H14" s="973">
        <v>493</v>
      </c>
      <c r="I14" s="974">
        <v>11726</v>
      </c>
      <c r="J14" s="975">
        <v>11233</v>
      </c>
      <c r="K14" s="976">
        <v>206621</v>
      </c>
    </row>
    <row r="15" spans="1:11">
      <c r="A15" s="947"/>
      <c r="B15" s="977" t="s">
        <v>722</v>
      </c>
      <c r="C15" s="968">
        <v>166515</v>
      </c>
      <c r="D15" s="969">
        <v>95</v>
      </c>
      <c r="E15" s="970">
        <v>-383</v>
      </c>
      <c r="F15" s="971">
        <v>1302</v>
      </c>
      <c r="G15" s="972">
        <v>1685</v>
      </c>
      <c r="H15" s="973">
        <v>478</v>
      </c>
      <c r="I15" s="974">
        <v>9323</v>
      </c>
      <c r="J15" s="975">
        <v>8845</v>
      </c>
      <c r="K15" s="976">
        <v>166420</v>
      </c>
    </row>
    <row r="16" spans="1:11">
      <c r="A16" s="947"/>
      <c r="B16" s="977" t="s">
        <v>723</v>
      </c>
      <c r="C16" s="968">
        <v>200033</v>
      </c>
      <c r="D16" s="969">
        <v>-817</v>
      </c>
      <c r="E16" s="970">
        <v>-694</v>
      </c>
      <c r="F16" s="971">
        <v>1242</v>
      </c>
      <c r="G16" s="972">
        <v>1936</v>
      </c>
      <c r="H16" s="973">
        <v>-123</v>
      </c>
      <c r="I16" s="974">
        <v>8674</v>
      </c>
      <c r="J16" s="975">
        <v>8797</v>
      </c>
      <c r="K16" s="976">
        <v>200850</v>
      </c>
    </row>
    <row r="17" spans="1:11">
      <c r="A17" s="947"/>
      <c r="B17" s="977" t="s">
        <v>724</v>
      </c>
      <c r="C17" s="968">
        <v>348737</v>
      </c>
      <c r="D17" s="969">
        <v>1815</v>
      </c>
      <c r="E17" s="970">
        <v>969</v>
      </c>
      <c r="F17" s="971">
        <v>3446</v>
      </c>
      <c r="G17" s="972">
        <v>2477</v>
      </c>
      <c r="H17" s="973">
        <v>846</v>
      </c>
      <c r="I17" s="974">
        <v>24059</v>
      </c>
      <c r="J17" s="975">
        <v>23213</v>
      </c>
      <c r="K17" s="976">
        <v>346922</v>
      </c>
    </row>
    <row r="18" spans="1:11">
      <c r="A18" s="947"/>
      <c r="B18" s="977" t="s">
        <v>725</v>
      </c>
      <c r="C18" s="968">
        <v>277016</v>
      </c>
      <c r="D18" s="969">
        <v>1020</v>
      </c>
      <c r="E18" s="970">
        <v>-140</v>
      </c>
      <c r="F18" s="971">
        <v>2108</v>
      </c>
      <c r="G18" s="972">
        <v>2248</v>
      </c>
      <c r="H18" s="973">
        <v>1160</v>
      </c>
      <c r="I18" s="974">
        <v>13990</v>
      </c>
      <c r="J18" s="975">
        <v>12830</v>
      </c>
      <c r="K18" s="976">
        <v>275996</v>
      </c>
    </row>
    <row r="19" spans="1:11">
      <c r="A19" s="947"/>
      <c r="B19" s="977" t="s">
        <v>726</v>
      </c>
      <c r="C19" s="968">
        <v>213956</v>
      </c>
      <c r="D19" s="969">
        <v>-563</v>
      </c>
      <c r="E19" s="970">
        <v>-597</v>
      </c>
      <c r="F19" s="971">
        <v>1396</v>
      </c>
      <c r="G19" s="972">
        <v>1993</v>
      </c>
      <c r="H19" s="973">
        <v>34</v>
      </c>
      <c r="I19" s="974">
        <v>9656</v>
      </c>
      <c r="J19" s="975">
        <v>9622</v>
      </c>
      <c r="K19" s="976">
        <v>214519</v>
      </c>
    </row>
    <row r="20" spans="1:11">
      <c r="A20" s="947"/>
      <c r="B20" s="977" t="s">
        <v>727</v>
      </c>
      <c r="C20" s="968">
        <v>245756</v>
      </c>
      <c r="D20" s="969">
        <v>-761</v>
      </c>
      <c r="E20" s="970">
        <v>-943</v>
      </c>
      <c r="F20" s="971">
        <v>1638</v>
      </c>
      <c r="G20" s="972">
        <v>2581</v>
      </c>
      <c r="H20" s="973">
        <v>182</v>
      </c>
      <c r="I20" s="974">
        <v>10279</v>
      </c>
      <c r="J20" s="975">
        <v>10097</v>
      </c>
      <c r="K20" s="976">
        <v>246517</v>
      </c>
    </row>
    <row r="21" spans="1:11">
      <c r="A21" s="947"/>
      <c r="B21" s="977" t="s">
        <v>728</v>
      </c>
      <c r="C21" s="968">
        <v>181215</v>
      </c>
      <c r="D21" s="969">
        <v>50</v>
      </c>
      <c r="E21" s="970">
        <v>15</v>
      </c>
      <c r="F21" s="971">
        <v>1455</v>
      </c>
      <c r="G21" s="972">
        <v>1440</v>
      </c>
      <c r="H21" s="973">
        <v>35</v>
      </c>
      <c r="I21" s="974">
        <v>9691</v>
      </c>
      <c r="J21" s="975">
        <v>9656</v>
      </c>
      <c r="K21" s="976">
        <v>181165</v>
      </c>
    </row>
    <row r="22" spans="1:11">
      <c r="A22" s="947"/>
      <c r="B22" s="977" t="s">
        <v>729</v>
      </c>
      <c r="C22" s="968">
        <v>123545</v>
      </c>
      <c r="D22" s="969">
        <v>-652</v>
      </c>
      <c r="E22" s="970">
        <v>-472</v>
      </c>
      <c r="F22" s="971">
        <v>798</v>
      </c>
      <c r="G22" s="972">
        <v>1270</v>
      </c>
      <c r="H22" s="973">
        <v>-180</v>
      </c>
      <c r="I22" s="974">
        <v>5230</v>
      </c>
      <c r="J22" s="975">
        <v>5410</v>
      </c>
      <c r="K22" s="976">
        <v>124197</v>
      </c>
    </row>
    <row r="23" spans="1:11">
      <c r="A23" s="947"/>
      <c r="B23" s="977" t="s">
        <v>730</v>
      </c>
      <c r="C23" s="968">
        <v>120887</v>
      </c>
      <c r="D23" s="969">
        <v>-475</v>
      </c>
      <c r="E23" s="970">
        <v>-320</v>
      </c>
      <c r="F23" s="971">
        <v>814</v>
      </c>
      <c r="G23" s="972">
        <v>1134</v>
      </c>
      <c r="H23" s="973">
        <v>-155</v>
      </c>
      <c r="I23" s="974">
        <v>5476</v>
      </c>
      <c r="J23" s="975">
        <v>5631</v>
      </c>
      <c r="K23" s="976">
        <v>121362</v>
      </c>
    </row>
    <row r="24" spans="1:11">
      <c r="A24" s="947"/>
      <c r="B24" s="977" t="s">
        <v>731</v>
      </c>
      <c r="C24" s="968">
        <v>152984</v>
      </c>
      <c r="D24" s="969">
        <v>-706</v>
      </c>
      <c r="E24" s="970">
        <v>-374</v>
      </c>
      <c r="F24" s="971">
        <v>1103</v>
      </c>
      <c r="G24" s="972">
        <v>1477</v>
      </c>
      <c r="H24" s="973">
        <v>-332</v>
      </c>
      <c r="I24" s="974">
        <v>6308</v>
      </c>
      <c r="J24" s="975">
        <v>6640</v>
      </c>
      <c r="K24" s="976">
        <v>153690</v>
      </c>
    </row>
    <row r="25" spans="1:11">
      <c r="A25" s="947"/>
      <c r="B25" s="977" t="s">
        <v>732</v>
      </c>
      <c r="C25" s="968">
        <v>309880</v>
      </c>
      <c r="D25" s="969">
        <v>-619</v>
      </c>
      <c r="E25" s="970">
        <v>354</v>
      </c>
      <c r="F25" s="971">
        <v>2344</v>
      </c>
      <c r="G25" s="972">
        <v>1990</v>
      </c>
      <c r="H25" s="973">
        <v>-973</v>
      </c>
      <c r="I25" s="974">
        <v>17032</v>
      </c>
      <c r="J25" s="975">
        <v>18005</v>
      </c>
      <c r="K25" s="976">
        <v>310499</v>
      </c>
    </row>
    <row r="26" spans="1:11">
      <c r="A26" s="947"/>
      <c r="B26" s="977" t="s">
        <v>334</v>
      </c>
      <c r="C26" s="968">
        <v>211296</v>
      </c>
      <c r="D26" s="969">
        <v>-874</v>
      </c>
      <c r="E26" s="970">
        <v>524</v>
      </c>
      <c r="F26" s="971">
        <v>1738</v>
      </c>
      <c r="G26" s="972">
        <v>1214</v>
      </c>
      <c r="H26" s="973">
        <v>-1398</v>
      </c>
      <c r="I26" s="974">
        <v>11135</v>
      </c>
      <c r="J26" s="975">
        <v>12533</v>
      </c>
      <c r="K26" s="976">
        <v>212170</v>
      </c>
    </row>
    <row r="27" spans="1:11" s="966" customFormat="1" ht="18" customHeight="1">
      <c r="A27" s="1457" t="s">
        <v>780</v>
      </c>
      <c r="B27" s="1458"/>
      <c r="C27" s="961">
        <v>1505357</v>
      </c>
      <c r="D27" s="962">
        <v>13780</v>
      </c>
      <c r="E27" s="978">
        <v>2994</v>
      </c>
      <c r="F27" s="979">
        <v>14136</v>
      </c>
      <c r="G27" s="980">
        <v>11142</v>
      </c>
      <c r="H27" s="962">
        <v>10786</v>
      </c>
      <c r="I27" s="981">
        <v>107936</v>
      </c>
      <c r="J27" s="962">
        <v>97150</v>
      </c>
      <c r="K27" s="982">
        <v>1491577</v>
      </c>
    </row>
    <row r="28" spans="1:11">
      <c r="A28" s="947"/>
      <c r="B28" s="977" t="s">
        <v>735</v>
      </c>
      <c r="C28" s="968">
        <v>229953</v>
      </c>
      <c r="D28" s="969">
        <v>3226</v>
      </c>
      <c r="E28" s="970">
        <v>-472</v>
      </c>
      <c r="F28" s="983">
        <v>1836</v>
      </c>
      <c r="G28" s="972">
        <v>2308</v>
      </c>
      <c r="H28" s="973">
        <v>3698</v>
      </c>
      <c r="I28" s="974">
        <v>17298</v>
      </c>
      <c r="J28" s="975">
        <v>13600</v>
      </c>
      <c r="K28" s="976">
        <v>226727</v>
      </c>
    </row>
    <row r="29" spans="1:11">
      <c r="A29" s="947"/>
      <c r="B29" s="977" t="s">
        <v>736</v>
      </c>
      <c r="C29" s="968">
        <v>166182</v>
      </c>
      <c r="D29" s="969">
        <v>2615</v>
      </c>
      <c r="E29" s="970">
        <v>305</v>
      </c>
      <c r="F29" s="983">
        <v>1733</v>
      </c>
      <c r="G29" s="972">
        <v>1428</v>
      </c>
      <c r="H29" s="973">
        <v>2310</v>
      </c>
      <c r="I29" s="974">
        <v>12023</v>
      </c>
      <c r="J29" s="975">
        <v>9713</v>
      </c>
      <c r="K29" s="976">
        <v>163567</v>
      </c>
    </row>
    <row r="30" spans="1:11">
      <c r="A30" s="947"/>
      <c r="B30" s="977" t="s">
        <v>737</v>
      </c>
      <c r="C30" s="968">
        <v>254414</v>
      </c>
      <c r="D30" s="969">
        <v>2906</v>
      </c>
      <c r="E30" s="970">
        <v>1389</v>
      </c>
      <c r="F30" s="983">
        <v>2958</v>
      </c>
      <c r="G30" s="972">
        <v>1569</v>
      </c>
      <c r="H30" s="973">
        <v>1517</v>
      </c>
      <c r="I30" s="974">
        <v>21420</v>
      </c>
      <c r="J30" s="975">
        <v>19903</v>
      </c>
      <c r="K30" s="976">
        <v>251508</v>
      </c>
    </row>
    <row r="31" spans="1:11">
      <c r="A31" s="947"/>
      <c r="B31" s="977" t="s">
        <v>738</v>
      </c>
      <c r="C31" s="968">
        <v>230893</v>
      </c>
      <c r="D31" s="969">
        <v>1346</v>
      </c>
      <c r="E31" s="970">
        <v>809</v>
      </c>
      <c r="F31" s="983">
        <v>2362</v>
      </c>
      <c r="G31" s="972">
        <v>1553</v>
      </c>
      <c r="H31" s="973">
        <v>537</v>
      </c>
      <c r="I31" s="974">
        <v>16426</v>
      </c>
      <c r="J31" s="975">
        <v>15889</v>
      </c>
      <c r="K31" s="976">
        <v>229547</v>
      </c>
    </row>
    <row r="32" spans="1:11">
      <c r="A32" s="947"/>
      <c r="B32" s="977" t="s">
        <v>739</v>
      </c>
      <c r="C32" s="968">
        <v>216475</v>
      </c>
      <c r="D32" s="969">
        <v>865</v>
      </c>
      <c r="E32" s="970">
        <v>387</v>
      </c>
      <c r="F32" s="983">
        <v>1910</v>
      </c>
      <c r="G32" s="972">
        <v>1523</v>
      </c>
      <c r="H32" s="973">
        <v>478</v>
      </c>
      <c r="I32" s="974">
        <v>15830</v>
      </c>
      <c r="J32" s="975">
        <v>15352</v>
      </c>
      <c r="K32" s="976">
        <v>215610</v>
      </c>
    </row>
    <row r="33" spans="1:11">
      <c r="A33" s="947"/>
      <c r="B33" s="977" t="s">
        <v>338</v>
      </c>
      <c r="C33" s="968">
        <v>230080</v>
      </c>
      <c r="D33" s="969">
        <v>1945</v>
      </c>
      <c r="E33" s="970">
        <v>547</v>
      </c>
      <c r="F33" s="983">
        <v>2017</v>
      </c>
      <c r="G33" s="972">
        <v>1470</v>
      </c>
      <c r="H33" s="973">
        <v>1398</v>
      </c>
      <c r="I33" s="974">
        <v>14512</v>
      </c>
      <c r="J33" s="975">
        <v>13114</v>
      </c>
      <c r="K33" s="976">
        <v>228135</v>
      </c>
    </row>
    <row r="34" spans="1:11">
      <c r="A34" s="947"/>
      <c r="B34" s="977" t="s">
        <v>740</v>
      </c>
      <c r="C34" s="968">
        <v>177360</v>
      </c>
      <c r="D34" s="969">
        <v>877</v>
      </c>
      <c r="E34" s="970">
        <v>29</v>
      </c>
      <c r="F34" s="983">
        <v>1320</v>
      </c>
      <c r="G34" s="972">
        <v>1291</v>
      </c>
      <c r="H34" s="973">
        <v>848</v>
      </c>
      <c r="I34" s="974">
        <v>10427</v>
      </c>
      <c r="J34" s="975">
        <v>9579</v>
      </c>
      <c r="K34" s="976">
        <v>176483</v>
      </c>
    </row>
    <row r="35" spans="1:11" ht="18" customHeight="1">
      <c r="A35" s="1455" t="s">
        <v>824</v>
      </c>
      <c r="B35" s="1456"/>
      <c r="C35" s="961">
        <v>705364</v>
      </c>
      <c r="D35" s="962">
        <v>-4395</v>
      </c>
      <c r="E35" s="978">
        <v>-4176</v>
      </c>
      <c r="F35" s="979">
        <v>4190</v>
      </c>
      <c r="G35" s="980">
        <v>8366</v>
      </c>
      <c r="H35" s="962">
        <v>-219</v>
      </c>
      <c r="I35" s="979">
        <v>27716</v>
      </c>
      <c r="J35" s="962">
        <v>27935</v>
      </c>
      <c r="K35" s="978">
        <v>709759</v>
      </c>
    </row>
    <row r="36" spans="1:11">
      <c r="A36" s="947"/>
      <c r="B36" s="977" t="s">
        <v>742</v>
      </c>
      <c r="C36" s="968">
        <v>400221</v>
      </c>
      <c r="D36" s="969">
        <v>-3162</v>
      </c>
      <c r="E36" s="970">
        <v>-2244</v>
      </c>
      <c r="F36" s="983">
        <v>2462</v>
      </c>
      <c r="G36" s="972">
        <v>4706</v>
      </c>
      <c r="H36" s="973">
        <v>-918</v>
      </c>
      <c r="I36" s="974">
        <v>14917</v>
      </c>
      <c r="J36" s="975">
        <v>15835</v>
      </c>
      <c r="K36" s="976">
        <v>403383</v>
      </c>
    </row>
    <row r="37" spans="1:11">
      <c r="A37" s="947"/>
      <c r="B37" s="977" t="s">
        <v>743</v>
      </c>
      <c r="C37" s="968">
        <v>172129</v>
      </c>
      <c r="D37" s="969">
        <v>-150</v>
      </c>
      <c r="E37" s="970">
        <v>-978</v>
      </c>
      <c r="F37" s="983">
        <v>1012</v>
      </c>
      <c r="G37" s="972">
        <v>1990</v>
      </c>
      <c r="H37" s="973">
        <v>828</v>
      </c>
      <c r="I37" s="974">
        <v>7753</v>
      </c>
      <c r="J37" s="975">
        <v>6925</v>
      </c>
      <c r="K37" s="976">
        <v>172279</v>
      </c>
    </row>
    <row r="38" spans="1:11">
      <c r="A38" s="947"/>
      <c r="B38" s="977" t="s">
        <v>744</v>
      </c>
      <c r="C38" s="968">
        <v>57361</v>
      </c>
      <c r="D38" s="969">
        <v>-237</v>
      </c>
      <c r="E38" s="970">
        <v>-348</v>
      </c>
      <c r="F38" s="983">
        <v>347</v>
      </c>
      <c r="G38" s="972">
        <v>695</v>
      </c>
      <c r="H38" s="973">
        <v>111</v>
      </c>
      <c r="I38" s="974">
        <v>2514</v>
      </c>
      <c r="J38" s="975">
        <v>2403</v>
      </c>
      <c r="K38" s="976">
        <v>57598</v>
      </c>
    </row>
    <row r="39" spans="1:11">
      <c r="A39" s="947"/>
      <c r="B39" s="977" t="s">
        <v>745</v>
      </c>
      <c r="C39" s="968">
        <v>43723</v>
      </c>
      <c r="D39" s="969">
        <v>-723</v>
      </c>
      <c r="E39" s="970">
        <v>-435</v>
      </c>
      <c r="F39" s="983">
        <v>201</v>
      </c>
      <c r="G39" s="972">
        <v>636</v>
      </c>
      <c r="H39" s="973">
        <v>-288</v>
      </c>
      <c r="I39" s="974">
        <v>1146</v>
      </c>
      <c r="J39" s="975">
        <v>1434</v>
      </c>
      <c r="K39" s="976">
        <v>44446</v>
      </c>
    </row>
    <row r="40" spans="1:11">
      <c r="A40" s="947"/>
      <c r="B40" s="977" t="s">
        <v>746</v>
      </c>
      <c r="C40" s="968">
        <v>31930</v>
      </c>
      <c r="D40" s="969">
        <v>-123</v>
      </c>
      <c r="E40" s="970">
        <v>-171</v>
      </c>
      <c r="F40" s="983">
        <v>168</v>
      </c>
      <c r="G40" s="972">
        <v>339</v>
      </c>
      <c r="H40" s="973">
        <v>48</v>
      </c>
      <c r="I40" s="974">
        <v>1386</v>
      </c>
      <c r="J40" s="975">
        <v>1338</v>
      </c>
      <c r="K40" s="976">
        <v>32053</v>
      </c>
    </row>
    <row r="41" spans="1:11" ht="17.25" customHeight="1">
      <c r="A41" s="1455" t="s">
        <v>825</v>
      </c>
      <c r="B41" s="1456"/>
      <c r="C41" s="961">
        <v>1572147</v>
      </c>
      <c r="D41" s="962">
        <v>3608</v>
      </c>
      <c r="E41" s="978">
        <v>-1669</v>
      </c>
      <c r="F41" s="979">
        <v>11521</v>
      </c>
      <c r="G41" s="979">
        <v>13190</v>
      </c>
      <c r="H41" s="962">
        <v>5277</v>
      </c>
      <c r="I41" s="979">
        <v>77857</v>
      </c>
      <c r="J41" s="962">
        <v>72580</v>
      </c>
      <c r="K41" s="978">
        <v>1568539</v>
      </c>
    </row>
    <row r="42" spans="1:11">
      <c r="A42" s="1459" t="s">
        <v>826</v>
      </c>
      <c r="B42" s="1460"/>
      <c r="C42" s="968">
        <v>722688</v>
      </c>
      <c r="D42" s="969">
        <v>1211</v>
      </c>
      <c r="E42" s="970">
        <v>-969</v>
      </c>
      <c r="F42" s="983">
        <v>5130</v>
      </c>
      <c r="G42" s="983">
        <v>6099</v>
      </c>
      <c r="H42" s="973">
        <v>2180</v>
      </c>
      <c r="I42" s="974">
        <v>35207</v>
      </c>
      <c r="J42" s="975">
        <v>33027</v>
      </c>
      <c r="K42" s="976">
        <v>721477</v>
      </c>
    </row>
    <row r="43" spans="1:11">
      <c r="A43" s="960"/>
      <c r="B43" s="977" t="s">
        <v>827</v>
      </c>
      <c r="C43" s="968">
        <v>172347</v>
      </c>
      <c r="D43" s="969">
        <v>-726</v>
      </c>
      <c r="E43" s="970">
        <v>-389</v>
      </c>
      <c r="F43" s="983">
        <v>1119</v>
      </c>
      <c r="G43" s="983">
        <v>1508</v>
      </c>
      <c r="H43" s="973">
        <v>-337</v>
      </c>
      <c r="I43" s="974">
        <v>7097</v>
      </c>
      <c r="J43" s="975">
        <v>7434</v>
      </c>
      <c r="K43" s="976">
        <v>173073</v>
      </c>
    </row>
    <row r="44" spans="1:11">
      <c r="A44" s="960"/>
      <c r="B44" s="977" t="s">
        <v>750</v>
      </c>
      <c r="C44" s="968">
        <v>271644</v>
      </c>
      <c r="D44" s="969">
        <v>832</v>
      </c>
      <c r="E44" s="970">
        <v>-341</v>
      </c>
      <c r="F44" s="983">
        <v>1949</v>
      </c>
      <c r="G44" s="983">
        <v>2290</v>
      </c>
      <c r="H44" s="973">
        <v>1173</v>
      </c>
      <c r="I44" s="974">
        <v>13181</v>
      </c>
      <c r="J44" s="975">
        <v>12008</v>
      </c>
      <c r="K44" s="976">
        <v>270812</v>
      </c>
    </row>
    <row r="45" spans="1:11" ht="13.5" customHeight="1">
      <c r="A45" s="960"/>
      <c r="B45" s="984" t="s">
        <v>828</v>
      </c>
      <c r="C45" s="985">
        <v>278697</v>
      </c>
      <c r="D45" s="986">
        <v>1105</v>
      </c>
      <c r="E45" s="970">
        <v>-239</v>
      </c>
      <c r="F45" s="983">
        <v>2062</v>
      </c>
      <c r="G45" s="983">
        <v>2301</v>
      </c>
      <c r="H45" s="973">
        <v>1344</v>
      </c>
      <c r="I45" s="987">
        <v>14929</v>
      </c>
      <c r="J45" s="988">
        <v>13585</v>
      </c>
      <c r="K45" s="989">
        <v>277592</v>
      </c>
    </row>
    <row r="46" spans="1:11">
      <c r="A46" s="947"/>
      <c r="B46" s="977" t="s">
        <v>753</v>
      </c>
      <c r="C46" s="968">
        <v>225812</v>
      </c>
      <c r="D46" s="969">
        <v>288</v>
      </c>
      <c r="E46" s="970">
        <v>-230</v>
      </c>
      <c r="F46" s="983">
        <v>1612</v>
      </c>
      <c r="G46" s="983">
        <v>1842</v>
      </c>
      <c r="H46" s="973">
        <v>518</v>
      </c>
      <c r="I46" s="974">
        <v>10989</v>
      </c>
      <c r="J46" s="975">
        <v>10471</v>
      </c>
      <c r="K46" s="976">
        <v>225524</v>
      </c>
    </row>
    <row r="47" spans="1:11">
      <c r="A47" s="947"/>
      <c r="B47" s="977" t="s">
        <v>754</v>
      </c>
      <c r="C47" s="968">
        <v>235378</v>
      </c>
      <c r="D47" s="969">
        <v>1240</v>
      </c>
      <c r="E47" s="970">
        <v>20</v>
      </c>
      <c r="F47" s="983">
        <v>1980</v>
      </c>
      <c r="G47" s="983">
        <v>1960</v>
      </c>
      <c r="H47" s="973">
        <v>1220</v>
      </c>
      <c r="I47" s="974">
        <v>12399</v>
      </c>
      <c r="J47" s="975">
        <v>11179</v>
      </c>
      <c r="K47" s="976">
        <v>234138</v>
      </c>
    </row>
    <row r="48" spans="1:11">
      <c r="A48" s="947"/>
      <c r="B48" s="977" t="s">
        <v>755</v>
      </c>
      <c r="C48" s="968">
        <v>131412</v>
      </c>
      <c r="D48" s="969">
        <v>724</v>
      </c>
      <c r="E48" s="970">
        <v>36</v>
      </c>
      <c r="F48" s="983">
        <v>1016</v>
      </c>
      <c r="G48" s="983">
        <v>980</v>
      </c>
      <c r="H48" s="973">
        <v>688</v>
      </c>
      <c r="I48" s="974">
        <v>6320</v>
      </c>
      <c r="J48" s="975">
        <v>5632</v>
      </c>
      <c r="K48" s="976">
        <v>130688</v>
      </c>
    </row>
    <row r="49" spans="1:11">
      <c r="A49" s="947"/>
      <c r="B49" s="977" t="s">
        <v>756</v>
      </c>
      <c r="C49" s="968">
        <v>129467</v>
      </c>
      <c r="D49" s="969">
        <v>434</v>
      </c>
      <c r="E49" s="970">
        <v>-140</v>
      </c>
      <c r="F49" s="983">
        <v>958</v>
      </c>
      <c r="G49" s="983">
        <v>1098</v>
      </c>
      <c r="H49" s="973">
        <v>574</v>
      </c>
      <c r="I49" s="974">
        <v>6816</v>
      </c>
      <c r="J49" s="975">
        <v>6242</v>
      </c>
      <c r="K49" s="976">
        <v>129033</v>
      </c>
    </row>
    <row r="50" spans="1:11">
      <c r="A50" s="947"/>
      <c r="B50" s="977" t="s">
        <v>340</v>
      </c>
      <c r="C50" s="968">
        <v>84250</v>
      </c>
      <c r="D50" s="969">
        <v>-117</v>
      </c>
      <c r="E50" s="970">
        <v>-201</v>
      </c>
      <c r="F50" s="983">
        <v>576</v>
      </c>
      <c r="G50" s="983">
        <v>777</v>
      </c>
      <c r="H50" s="973">
        <v>84</v>
      </c>
      <c r="I50" s="974">
        <v>4217</v>
      </c>
      <c r="J50" s="975">
        <v>4133</v>
      </c>
      <c r="K50" s="976">
        <v>84367</v>
      </c>
    </row>
    <row r="51" spans="1:11">
      <c r="A51" s="947"/>
      <c r="B51" s="977" t="s">
        <v>757</v>
      </c>
      <c r="C51" s="968">
        <v>40008</v>
      </c>
      <c r="D51" s="969">
        <v>-112</v>
      </c>
      <c r="E51" s="970">
        <v>-168</v>
      </c>
      <c r="F51" s="983">
        <v>235</v>
      </c>
      <c r="G51" s="983">
        <v>403</v>
      </c>
      <c r="H51" s="973">
        <v>56</v>
      </c>
      <c r="I51" s="974">
        <v>1817</v>
      </c>
      <c r="J51" s="975">
        <v>1761</v>
      </c>
      <c r="K51" s="976">
        <v>40120</v>
      </c>
    </row>
    <row r="52" spans="1:11">
      <c r="A52" s="947"/>
      <c r="B52" s="977" t="s">
        <v>758</v>
      </c>
      <c r="C52" s="968">
        <v>3132</v>
      </c>
      <c r="D52" s="969">
        <v>-60</v>
      </c>
      <c r="E52" s="970">
        <v>-17</v>
      </c>
      <c r="F52" s="983">
        <v>14</v>
      </c>
      <c r="G52" s="983">
        <v>31</v>
      </c>
      <c r="H52" s="973">
        <v>-43</v>
      </c>
      <c r="I52" s="974">
        <v>92</v>
      </c>
      <c r="J52" s="975">
        <v>135</v>
      </c>
      <c r="K52" s="976">
        <v>3192</v>
      </c>
    </row>
    <row r="53" spans="1:11" ht="17.25" customHeight="1">
      <c r="A53" s="1455" t="s">
        <v>829</v>
      </c>
      <c r="B53" s="1456"/>
      <c r="C53" s="961">
        <v>1304459</v>
      </c>
      <c r="D53" s="962">
        <v>2792</v>
      </c>
      <c r="E53" s="978">
        <v>-2199</v>
      </c>
      <c r="F53" s="979">
        <v>9391</v>
      </c>
      <c r="G53" s="979">
        <v>11590</v>
      </c>
      <c r="H53" s="962">
        <v>4991</v>
      </c>
      <c r="I53" s="979">
        <v>53987</v>
      </c>
      <c r="J53" s="962">
        <v>48996</v>
      </c>
      <c r="K53" s="978">
        <v>1301667</v>
      </c>
    </row>
    <row r="54" spans="1:11">
      <c r="A54" s="947"/>
      <c r="B54" s="977" t="s">
        <v>760</v>
      </c>
      <c r="C54" s="968">
        <v>258381</v>
      </c>
      <c r="D54" s="969">
        <v>240</v>
      </c>
      <c r="E54" s="970">
        <v>-838</v>
      </c>
      <c r="F54" s="983">
        <v>1730</v>
      </c>
      <c r="G54" s="983">
        <v>2568</v>
      </c>
      <c r="H54" s="973">
        <v>1078</v>
      </c>
      <c r="I54" s="974">
        <v>9691</v>
      </c>
      <c r="J54" s="975">
        <v>8613</v>
      </c>
      <c r="K54" s="976">
        <v>258141</v>
      </c>
    </row>
    <row r="55" spans="1:11">
      <c r="A55" s="947"/>
      <c r="B55" s="977" t="s">
        <v>342</v>
      </c>
      <c r="C55" s="968">
        <v>429249</v>
      </c>
      <c r="D55" s="969">
        <v>2050</v>
      </c>
      <c r="E55" s="970">
        <v>-115</v>
      </c>
      <c r="F55" s="983">
        <v>3406</v>
      </c>
      <c r="G55" s="983">
        <v>3521</v>
      </c>
      <c r="H55" s="973">
        <v>2165</v>
      </c>
      <c r="I55" s="974">
        <v>19416</v>
      </c>
      <c r="J55" s="975">
        <v>17251</v>
      </c>
      <c r="K55" s="976">
        <v>427199</v>
      </c>
    </row>
    <row r="56" spans="1:11">
      <c r="A56" s="947"/>
      <c r="B56" s="977" t="s">
        <v>761</v>
      </c>
      <c r="C56" s="968">
        <v>240951</v>
      </c>
      <c r="D56" s="969">
        <v>796</v>
      </c>
      <c r="E56" s="970">
        <v>-325</v>
      </c>
      <c r="F56" s="983">
        <v>1758</v>
      </c>
      <c r="G56" s="983">
        <v>2083</v>
      </c>
      <c r="H56" s="973">
        <v>1121</v>
      </c>
      <c r="I56" s="974">
        <v>9671</v>
      </c>
      <c r="J56" s="975">
        <v>8550</v>
      </c>
      <c r="K56" s="976">
        <v>240155</v>
      </c>
    </row>
    <row r="57" spans="1:11">
      <c r="A57" s="947"/>
      <c r="B57" s="977" t="s">
        <v>762</v>
      </c>
      <c r="C57" s="968">
        <v>166064</v>
      </c>
      <c r="D57" s="969">
        <v>-513</v>
      </c>
      <c r="E57" s="970">
        <v>-447</v>
      </c>
      <c r="F57" s="983">
        <v>1007</v>
      </c>
      <c r="G57" s="983">
        <v>1454</v>
      </c>
      <c r="H57" s="973">
        <v>-66</v>
      </c>
      <c r="I57" s="974">
        <v>5783</v>
      </c>
      <c r="J57" s="975">
        <v>5849</v>
      </c>
      <c r="K57" s="976">
        <v>166577</v>
      </c>
    </row>
    <row r="58" spans="1:11">
      <c r="A58" s="947"/>
      <c r="B58" s="977" t="s">
        <v>763</v>
      </c>
      <c r="C58" s="968">
        <v>102143</v>
      </c>
      <c r="D58" s="969">
        <v>331</v>
      </c>
      <c r="E58" s="970">
        <v>-67</v>
      </c>
      <c r="F58" s="983">
        <v>770</v>
      </c>
      <c r="G58" s="983">
        <v>837</v>
      </c>
      <c r="H58" s="973">
        <v>398</v>
      </c>
      <c r="I58" s="974">
        <v>5054</v>
      </c>
      <c r="J58" s="975">
        <v>4656</v>
      </c>
      <c r="K58" s="976">
        <v>101812</v>
      </c>
    </row>
    <row r="59" spans="1:11">
      <c r="A59" s="947"/>
      <c r="B59" s="977" t="s">
        <v>764</v>
      </c>
      <c r="C59" s="968">
        <v>48153</v>
      </c>
      <c r="D59" s="969">
        <v>78</v>
      </c>
      <c r="E59" s="970">
        <v>-50</v>
      </c>
      <c r="F59" s="983">
        <v>382</v>
      </c>
      <c r="G59" s="983">
        <v>432</v>
      </c>
      <c r="H59" s="973">
        <v>128</v>
      </c>
      <c r="I59" s="974">
        <v>2043</v>
      </c>
      <c r="J59" s="975">
        <v>1915</v>
      </c>
      <c r="K59" s="976">
        <v>48075</v>
      </c>
    </row>
    <row r="60" spans="1:11">
      <c r="A60" s="947"/>
      <c r="B60" s="977" t="s">
        <v>765</v>
      </c>
      <c r="C60" s="968">
        <v>31530</v>
      </c>
      <c r="D60" s="969">
        <v>8</v>
      </c>
      <c r="E60" s="970">
        <v>-180</v>
      </c>
      <c r="F60" s="983">
        <v>201</v>
      </c>
      <c r="G60" s="983">
        <v>381</v>
      </c>
      <c r="H60" s="973">
        <v>188</v>
      </c>
      <c r="I60" s="974">
        <v>1300</v>
      </c>
      <c r="J60" s="975">
        <v>1112</v>
      </c>
      <c r="K60" s="976">
        <v>31522</v>
      </c>
    </row>
    <row r="61" spans="1:11">
      <c r="A61" s="947"/>
      <c r="B61" s="977" t="s">
        <v>766</v>
      </c>
      <c r="C61" s="968">
        <v>27988</v>
      </c>
      <c r="D61" s="969">
        <v>-198</v>
      </c>
      <c r="E61" s="970">
        <v>-177</v>
      </c>
      <c r="F61" s="983">
        <v>137</v>
      </c>
      <c r="G61" s="983">
        <v>314</v>
      </c>
      <c r="H61" s="973">
        <v>-21</v>
      </c>
      <c r="I61" s="974">
        <v>1029</v>
      </c>
      <c r="J61" s="975">
        <v>1050</v>
      </c>
      <c r="K61" s="976">
        <v>28186</v>
      </c>
    </row>
    <row r="62" spans="1:11" ht="17.25" customHeight="1">
      <c r="A62" s="1455" t="s">
        <v>830</v>
      </c>
      <c r="B62" s="1456"/>
      <c r="C62" s="961">
        <v>342868</v>
      </c>
      <c r="D62" s="962">
        <v>-1894</v>
      </c>
      <c r="E62" s="978">
        <v>-1960</v>
      </c>
      <c r="F62" s="978">
        <v>2053</v>
      </c>
      <c r="G62" s="978">
        <v>4013</v>
      </c>
      <c r="H62" s="978">
        <v>66</v>
      </c>
      <c r="I62" s="978">
        <v>13571</v>
      </c>
      <c r="J62" s="978">
        <v>13505</v>
      </c>
      <c r="K62" s="978">
        <v>344762</v>
      </c>
    </row>
    <row r="63" spans="1:11">
      <c r="A63" s="947"/>
      <c r="B63" s="977" t="s">
        <v>768</v>
      </c>
      <c r="C63" s="968">
        <v>192116</v>
      </c>
      <c r="D63" s="969">
        <v>-1129</v>
      </c>
      <c r="E63" s="970">
        <v>-861</v>
      </c>
      <c r="F63" s="983">
        <v>1273</v>
      </c>
      <c r="G63" s="983">
        <v>2134</v>
      </c>
      <c r="H63" s="973">
        <v>-268</v>
      </c>
      <c r="I63" s="974">
        <v>6801</v>
      </c>
      <c r="J63" s="975">
        <v>7069</v>
      </c>
      <c r="K63" s="976">
        <v>193245</v>
      </c>
    </row>
    <row r="64" spans="1:11">
      <c r="A64" s="947"/>
      <c r="B64" s="977" t="s">
        <v>769</v>
      </c>
      <c r="C64" s="968">
        <v>42613</v>
      </c>
      <c r="D64" s="969">
        <v>-226</v>
      </c>
      <c r="E64" s="970">
        <v>-202</v>
      </c>
      <c r="F64" s="983">
        <v>252</v>
      </c>
      <c r="G64" s="983">
        <v>454</v>
      </c>
      <c r="H64" s="973">
        <v>-24</v>
      </c>
      <c r="I64" s="974">
        <v>1450</v>
      </c>
      <c r="J64" s="975">
        <v>1474</v>
      </c>
      <c r="K64" s="976">
        <v>42839</v>
      </c>
    </row>
    <row r="65" spans="1:11">
      <c r="A65" s="947"/>
      <c r="B65" s="977" t="s">
        <v>770</v>
      </c>
      <c r="C65" s="968">
        <v>9525</v>
      </c>
      <c r="D65" s="969">
        <v>-71</v>
      </c>
      <c r="E65" s="970">
        <v>-63</v>
      </c>
      <c r="F65" s="983">
        <v>42</v>
      </c>
      <c r="G65" s="983">
        <v>105</v>
      </c>
      <c r="H65" s="973">
        <v>-8</v>
      </c>
      <c r="I65" s="974">
        <v>355</v>
      </c>
      <c r="J65" s="975">
        <v>363</v>
      </c>
      <c r="K65" s="976">
        <v>9596</v>
      </c>
    </row>
    <row r="66" spans="1:11">
      <c r="A66" s="947"/>
      <c r="B66" s="977" t="s">
        <v>771</v>
      </c>
      <c r="C66" s="968">
        <v>16970</v>
      </c>
      <c r="D66" s="969">
        <v>43</v>
      </c>
      <c r="E66" s="970">
        <v>-48</v>
      </c>
      <c r="F66" s="983">
        <v>87</v>
      </c>
      <c r="G66" s="983">
        <v>135</v>
      </c>
      <c r="H66" s="973">
        <v>91</v>
      </c>
      <c r="I66" s="974">
        <v>731</v>
      </c>
      <c r="J66" s="975">
        <v>640</v>
      </c>
      <c r="K66" s="976">
        <v>16927</v>
      </c>
    </row>
    <row r="67" spans="1:11">
      <c r="A67" s="947"/>
      <c r="B67" s="977" t="s">
        <v>772</v>
      </c>
      <c r="C67" s="968">
        <v>10950</v>
      </c>
      <c r="D67" s="969">
        <v>-68</v>
      </c>
      <c r="E67" s="970">
        <v>-84</v>
      </c>
      <c r="F67" s="983">
        <v>59</v>
      </c>
      <c r="G67" s="983">
        <v>143</v>
      </c>
      <c r="H67" s="973">
        <v>16</v>
      </c>
      <c r="I67" s="974">
        <v>414</v>
      </c>
      <c r="J67" s="975">
        <v>398</v>
      </c>
      <c r="K67" s="976">
        <v>11018</v>
      </c>
    </row>
    <row r="68" spans="1:11">
      <c r="A68" s="947"/>
      <c r="B68" s="977" t="s">
        <v>343</v>
      </c>
      <c r="C68" s="968">
        <v>10115</v>
      </c>
      <c r="D68" s="969">
        <v>-260</v>
      </c>
      <c r="E68" s="970">
        <v>-136</v>
      </c>
      <c r="F68" s="983">
        <v>38</v>
      </c>
      <c r="G68" s="983">
        <v>174</v>
      </c>
      <c r="H68" s="973">
        <v>-124</v>
      </c>
      <c r="I68" s="974">
        <v>193</v>
      </c>
      <c r="J68" s="975">
        <v>317</v>
      </c>
      <c r="K68" s="976">
        <v>10375</v>
      </c>
    </row>
    <row r="69" spans="1:11">
      <c r="A69" s="947"/>
      <c r="B69" s="977" t="s">
        <v>336</v>
      </c>
      <c r="C69" s="968">
        <v>17536</v>
      </c>
      <c r="D69" s="969">
        <v>187</v>
      </c>
      <c r="E69" s="970">
        <v>-5</v>
      </c>
      <c r="F69" s="983">
        <v>159</v>
      </c>
      <c r="G69" s="983">
        <v>164</v>
      </c>
      <c r="H69" s="973">
        <v>192</v>
      </c>
      <c r="I69" s="974">
        <v>810</v>
      </c>
      <c r="J69" s="975">
        <v>618</v>
      </c>
      <c r="K69" s="976">
        <v>17349</v>
      </c>
    </row>
    <row r="70" spans="1:11">
      <c r="A70" s="947"/>
      <c r="B70" s="977" t="s">
        <v>335</v>
      </c>
      <c r="C70" s="968">
        <v>11599</v>
      </c>
      <c r="D70" s="969">
        <v>-49</v>
      </c>
      <c r="E70" s="970">
        <v>-165</v>
      </c>
      <c r="F70" s="983">
        <v>37</v>
      </c>
      <c r="G70" s="983">
        <v>202</v>
      </c>
      <c r="H70" s="973">
        <v>116</v>
      </c>
      <c r="I70" s="974">
        <v>1382</v>
      </c>
      <c r="J70" s="975">
        <v>1266</v>
      </c>
      <c r="K70" s="976">
        <v>11648</v>
      </c>
    </row>
    <row r="71" spans="1:11">
      <c r="A71" s="947"/>
      <c r="B71" s="977" t="s">
        <v>337</v>
      </c>
      <c r="C71" s="968">
        <v>7051</v>
      </c>
      <c r="D71" s="969">
        <v>-93</v>
      </c>
      <c r="E71" s="970">
        <v>-69</v>
      </c>
      <c r="F71" s="983">
        <v>25</v>
      </c>
      <c r="G71" s="983">
        <v>94</v>
      </c>
      <c r="H71" s="973">
        <v>-24</v>
      </c>
      <c r="I71" s="974">
        <v>267</v>
      </c>
      <c r="J71" s="975">
        <v>291</v>
      </c>
      <c r="K71" s="976">
        <v>7144</v>
      </c>
    </row>
    <row r="72" spans="1:11">
      <c r="A72" s="947"/>
      <c r="B72" s="977" t="s">
        <v>339</v>
      </c>
      <c r="C72" s="968">
        <v>24393</v>
      </c>
      <c r="D72" s="969">
        <v>-228</v>
      </c>
      <c r="E72" s="970">
        <v>-327</v>
      </c>
      <c r="F72" s="983">
        <v>81</v>
      </c>
      <c r="G72" s="983">
        <v>408</v>
      </c>
      <c r="H72" s="973">
        <v>99</v>
      </c>
      <c r="I72" s="974">
        <v>1168</v>
      </c>
      <c r="J72" s="975">
        <v>1069</v>
      </c>
      <c r="K72" s="976">
        <v>24621</v>
      </c>
    </row>
    <row r="73" spans="1:11">
      <c r="A73" s="947"/>
      <c r="B73" s="977"/>
      <c r="C73" s="968"/>
      <c r="D73" s="969"/>
      <c r="E73" s="970"/>
      <c r="F73" s="983"/>
      <c r="G73" s="983"/>
      <c r="H73" s="973"/>
      <c r="I73" s="974"/>
      <c r="J73" s="975"/>
      <c r="K73" s="976"/>
    </row>
    <row r="74" spans="1:11" ht="14.25" thickBot="1">
      <c r="A74" s="990"/>
      <c r="B74" s="991"/>
      <c r="C74" s="992"/>
      <c r="D74" s="993"/>
      <c r="E74" s="994"/>
      <c r="F74" s="994"/>
      <c r="G74" s="994"/>
      <c r="H74" s="995"/>
      <c r="I74" s="996"/>
      <c r="J74" s="997"/>
      <c r="K74" s="998"/>
    </row>
    <row r="75" spans="1:11" ht="15" thickTop="1">
      <c r="A75" s="999" t="s">
        <v>831</v>
      </c>
      <c r="B75" s="1000"/>
      <c r="C75" s="1001"/>
      <c r="I75" t="s">
        <v>832</v>
      </c>
    </row>
    <row r="76" spans="1:11" ht="14.25">
      <c r="A76" s="999" t="s">
        <v>833</v>
      </c>
      <c r="B76" s="999"/>
      <c r="C76" s="1001"/>
      <c r="I76" t="s">
        <v>834</v>
      </c>
    </row>
    <row r="77" spans="1:11" ht="17.25">
      <c r="B77" s="1002"/>
      <c r="C77" s="1001"/>
    </row>
    <row r="78" spans="1:11" ht="14.25">
      <c r="B78" s="999"/>
      <c r="C78" s="1001"/>
    </row>
    <row r="79" spans="1:11">
      <c r="C79" s="1001"/>
    </row>
    <row r="80" spans="1:11">
      <c r="C80" s="1001"/>
    </row>
    <row r="81" spans="3:3">
      <c r="C81" s="1001"/>
    </row>
    <row r="82" spans="3:3">
      <c r="C82" s="1001"/>
    </row>
    <row r="83" spans="3:3">
      <c r="C83" s="1001"/>
    </row>
    <row r="84" spans="3:3">
      <c r="C84" s="1001"/>
    </row>
    <row r="85" spans="3:3">
      <c r="C85" s="1001"/>
    </row>
    <row r="86" spans="3:3">
      <c r="C86" s="1001"/>
    </row>
    <row r="87" spans="3:3">
      <c r="C87" s="1001"/>
    </row>
    <row r="88" spans="3:3">
      <c r="C88" s="1001"/>
    </row>
    <row r="89" spans="3:3">
      <c r="C89" s="1001"/>
    </row>
    <row r="90" spans="3:3">
      <c r="C90" s="1001"/>
    </row>
    <row r="91" spans="3:3">
      <c r="C91" s="1001"/>
    </row>
    <row r="92" spans="3:3">
      <c r="C92" s="1001"/>
    </row>
    <row r="93" spans="3:3">
      <c r="C93" s="1001"/>
    </row>
    <row r="94" spans="3:3">
      <c r="C94" s="1001"/>
    </row>
    <row r="95" spans="3:3">
      <c r="C95" s="1001"/>
    </row>
    <row r="96" spans="3:3">
      <c r="C96" s="1001"/>
    </row>
    <row r="97" spans="3:3">
      <c r="C97" s="1001"/>
    </row>
    <row r="98" spans="3:3">
      <c r="C98" s="1001"/>
    </row>
    <row r="99" spans="3:3">
      <c r="C99" s="1001"/>
    </row>
    <row r="100" spans="3:3">
      <c r="C100" s="1001"/>
    </row>
    <row r="101" spans="3:3">
      <c r="C101" s="1001"/>
    </row>
    <row r="102" spans="3:3">
      <c r="C102" s="1001"/>
    </row>
    <row r="103" spans="3:3">
      <c r="C103" s="1001"/>
    </row>
    <row r="104" spans="3:3">
      <c r="C104" s="1001"/>
    </row>
    <row r="105" spans="3:3">
      <c r="C105" s="1001"/>
    </row>
    <row r="106" spans="3:3">
      <c r="C106" s="1001"/>
    </row>
    <row r="107" spans="3:3">
      <c r="C107" s="1001"/>
    </row>
    <row r="108" spans="3:3">
      <c r="C108" s="1001"/>
    </row>
    <row r="109" spans="3:3">
      <c r="C109" s="1001"/>
    </row>
    <row r="110" spans="3:3">
      <c r="C110" s="1001"/>
    </row>
    <row r="111" spans="3:3">
      <c r="C111" s="1001"/>
    </row>
    <row r="112" spans="3:3">
      <c r="C112" s="1001"/>
    </row>
    <row r="113" spans="3:3">
      <c r="C113" s="1001"/>
    </row>
    <row r="114" spans="3:3">
      <c r="C114" s="1001"/>
    </row>
    <row r="115" spans="3:3">
      <c r="C115" s="1001"/>
    </row>
    <row r="116" spans="3:3">
      <c r="C116" s="1001"/>
    </row>
    <row r="117" spans="3:3">
      <c r="C117" s="1001"/>
    </row>
    <row r="118" spans="3:3">
      <c r="C118" s="1001"/>
    </row>
    <row r="119" spans="3:3">
      <c r="C119" s="1001"/>
    </row>
    <row r="120" spans="3:3">
      <c r="C120" s="1001"/>
    </row>
    <row r="121" spans="3:3">
      <c r="C121" s="1001"/>
    </row>
    <row r="122" spans="3:3">
      <c r="C122" s="1001"/>
    </row>
    <row r="123" spans="3:3">
      <c r="C123" s="1001"/>
    </row>
    <row r="124" spans="3:3">
      <c r="C124" s="1001"/>
    </row>
    <row r="125" spans="3:3">
      <c r="C125" s="1001"/>
    </row>
    <row r="126" spans="3:3">
      <c r="C126" s="1001"/>
    </row>
    <row r="127" spans="3:3">
      <c r="C127" s="1001"/>
    </row>
    <row r="128" spans="3:3">
      <c r="C128" s="1001"/>
    </row>
    <row r="129" spans="3:3">
      <c r="C129" s="1001"/>
    </row>
    <row r="130" spans="3:3">
      <c r="C130" s="1001"/>
    </row>
    <row r="131" spans="3:3">
      <c r="C131" s="1001"/>
    </row>
    <row r="132" spans="3:3">
      <c r="C132" s="1001"/>
    </row>
    <row r="133" spans="3:3">
      <c r="C133" s="1001"/>
    </row>
    <row r="134" spans="3:3">
      <c r="C134" s="1001"/>
    </row>
    <row r="135" spans="3:3">
      <c r="C135" s="1001"/>
    </row>
    <row r="136" spans="3:3">
      <c r="C136" s="1001"/>
    </row>
    <row r="137" spans="3:3">
      <c r="C137" s="1001"/>
    </row>
    <row r="138" spans="3:3">
      <c r="C138" s="1001"/>
    </row>
    <row r="139" spans="3:3">
      <c r="C139" s="1001"/>
    </row>
    <row r="140" spans="3:3">
      <c r="C140" s="1001"/>
    </row>
    <row r="141" spans="3:3">
      <c r="C141" s="1001"/>
    </row>
    <row r="142" spans="3:3">
      <c r="C142" s="1001"/>
    </row>
    <row r="143" spans="3:3">
      <c r="C143" s="1001"/>
    </row>
    <row r="144" spans="3:3">
      <c r="C144" s="1001"/>
    </row>
    <row r="145" spans="3:3">
      <c r="C145" s="1001"/>
    </row>
    <row r="146" spans="3:3">
      <c r="C146" s="1001"/>
    </row>
    <row r="147" spans="3:3">
      <c r="C147" s="1001"/>
    </row>
    <row r="148" spans="3:3">
      <c r="C148" s="1001"/>
    </row>
    <row r="149" spans="3:3">
      <c r="C149" s="1001"/>
    </row>
    <row r="150" spans="3:3">
      <c r="C150" s="1001"/>
    </row>
    <row r="151" spans="3:3">
      <c r="C151" s="1001"/>
    </row>
    <row r="152" spans="3:3">
      <c r="C152" s="1001"/>
    </row>
    <row r="153" spans="3:3">
      <c r="C153" s="1001"/>
    </row>
    <row r="154" spans="3:3">
      <c r="C154" s="1001"/>
    </row>
    <row r="155" spans="3:3">
      <c r="C155" s="1001"/>
    </row>
    <row r="156" spans="3:3">
      <c r="C156" s="1001"/>
    </row>
    <row r="157" spans="3:3">
      <c r="C157" s="1001"/>
    </row>
    <row r="158" spans="3:3">
      <c r="C158" s="1001"/>
    </row>
    <row r="159" spans="3:3">
      <c r="C159" s="1001"/>
    </row>
    <row r="160" spans="3:3">
      <c r="C160" s="1001"/>
    </row>
    <row r="161" spans="3:3">
      <c r="C161" s="1001"/>
    </row>
    <row r="162" spans="3:3">
      <c r="C162" s="1001"/>
    </row>
    <row r="163" spans="3:3">
      <c r="C163" s="1001"/>
    </row>
    <row r="164" spans="3:3">
      <c r="C164" s="1001"/>
    </row>
    <row r="165" spans="3:3">
      <c r="C165" s="1001"/>
    </row>
    <row r="166" spans="3:3">
      <c r="C166" s="1001"/>
    </row>
    <row r="167" spans="3:3">
      <c r="C167" s="1001"/>
    </row>
    <row r="168" spans="3:3">
      <c r="C168" s="1001"/>
    </row>
    <row r="169" spans="3:3">
      <c r="C169" s="1001"/>
    </row>
    <row r="170" spans="3:3">
      <c r="C170" s="1001"/>
    </row>
    <row r="171" spans="3:3">
      <c r="C171" s="1001"/>
    </row>
    <row r="172" spans="3:3">
      <c r="C172" s="1001"/>
    </row>
    <row r="173" spans="3:3">
      <c r="C173" s="1001"/>
    </row>
    <row r="174" spans="3:3">
      <c r="C174" s="1001"/>
    </row>
    <row r="175" spans="3:3">
      <c r="C175" s="1001"/>
    </row>
    <row r="176" spans="3:3">
      <c r="C176" s="1001"/>
    </row>
    <row r="177" spans="3:3">
      <c r="C177" s="1001"/>
    </row>
    <row r="178" spans="3:3">
      <c r="C178" s="1001"/>
    </row>
    <row r="179" spans="3:3">
      <c r="C179" s="1001"/>
    </row>
    <row r="180" spans="3:3">
      <c r="C180" s="1001"/>
    </row>
    <row r="181" spans="3:3">
      <c r="C181" s="1001"/>
    </row>
    <row r="182" spans="3:3">
      <c r="C182" s="1001"/>
    </row>
    <row r="183" spans="3:3">
      <c r="C183" s="1001"/>
    </row>
    <row r="184" spans="3:3">
      <c r="C184" s="1001"/>
    </row>
    <row r="185" spans="3:3">
      <c r="C185" s="1001"/>
    </row>
    <row r="186" spans="3:3">
      <c r="C186" s="1001"/>
    </row>
    <row r="187" spans="3:3">
      <c r="C187" s="1001"/>
    </row>
    <row r="188" spans="3:3">
      <c r="C188" s="1001"/>
    </row>
    <row r="189" spans="3:3">
      <c r="C189" s="1001"/>
    </row>
    <row r="190" spans="3:3">
      <c r="C190" s="1001"/>
    </row>
    <row r="191" spans="3:3">
      <c r="C191" s="1001"/>
    </row>
    <row r="192" spans="3:3">
      <c r="C192" s="1001"/>
    </row>
    <row r="193" spans="3:3">
      <c r="C193" s="1001"/>
    </row>
    <row r="194" spans="3:3">
      <c r="C194" s="1001"/>
    </row>
    <row r="195" spans="3:3">
      <c r="C195" s="1001"/>
    </row>
    <row r="196" spans="3:3">
      <c r="C196" s="1001"/>
    </row>
    <row r="197" spans="3:3">
      <c r="C197" s="1001"/>
    </row>
    <row r="198" spans="3:3">
      <c r="C198" s="1001"/>
    </row>
    <row r="199" spans="3:3">
      <c r="C199" s="1001"/>
    </row>
    <row r="200" spans="3:3">
      <c r="C200" s="1001"/>
    </row>
    <row r="201" spans="3:3">
      <c r="C201" s="1001"/>
    </row>
    <row r="202" spans="3:3">
      <c r="C202" s="1001"/>
    </row>
    <row r="203" spans="3:3">
      <c r="C203" s="1001"/>
    </row>
    <row r="204" spans="3:3">
      <c r="C204" s="1001"/>
    </row>
    <row r="205" spans="3:3">
      <c r="C205" s="1001"/>
    </row>
    <row r="206" spans="3:3">
      <c r="C206" s="1001"/>
    </row>
    <row r="207" spans="3:3">
      <c r="C207" s="1001"/>
    </row>
    <row r="208" spans="3:3">
      <c r="C208" s="1001"/>
    </row>
    <row r="209" spans="3:3">
      <c r="C209" s="1001"/>
    </row>
    <row r="210" spans="3:3">
      <c r="C210" s="1001"/>
    </row>
    <row r="211" spans="3:3">
      <c r="C211" s="1001"/>
    </row>
    <row r="212" spans="3:3">
      <c r="C212" s="1001"/>
    </row>
    <row r="213" spans="3:3">
      <c r="C213" s="1001"/>
    </row>
    <row r="214" spans="3:3">
      <c r="C214" s="1001"/>
    </row>
    <row r="215" spans="3:3">
      <c r="C215" s="1001"/>
    </row>
    <row r="216" spans="3:3">
      <c r="C216" s="1001"/>
    </row>
    <row r="217" spans="3:3">
      <c r="C217" s="1001"/>
    </row>
    <row r="218" spans="3:3">
      <c r="C218" s="1001"/>
    </row>
    <row r="219" spans="3:3">
      <c r="C219" s="1001"/>
    </row>
    <row r="220" spans="3:3">
      <c r="C220" s="1001"/>
    </row>
    <row r="221" spans="3:3">
      <c r="C221" s="1001"/>
    </row>
    <row r="222" spans="3:3">
      <c r="C222" s="1001"/>
    </row>
    <row r="223" spans="3:3">
      <c r="C223" s="1001"/>
    </row>
    <row r="224" spans="3:3">
      <c r="C224" s="1001"/>
    </row>
    <row r="225" spans="3:3">
      <c r="C225" s="1001"/>
    </row>
    <row r="226" spans="3:3">
      <c r="C226" s="1001"/>
    </row>
    <row r="227" spans="3:3">
      <c r="C227" s="1001"/>
    </row>
    <row r="228" spans="3:3">
      <c r="C228" s="1001"/>
    </row>
    <row r="229" spans="3:3">
      <c r="C229" s="1001"/>
    </row>
    <row r="230" spans="3:3">
      <c r="C230" s="1001"/>
    </row>
    <row r="231" spans="3:3">
      <c r="C231" s="1001"/>
    </row>
    <row r="232" spans="3:3">
      <c r="C232" s="1001"/>
    </row>
    <row r="233" spans="3:3">
      <c r="C233" s="1001"/>
    </row>
    <row r="234" spans="3:3">
      <c r="C234" s="1001"/>
    </row>
    <row r="235" spans="3:3">
      <c r="C235" s="1001"/>
    </row>
    <row r="236" spans="3:3">
      <c r="C236" s="1001"/>
    </row>
    <row r="237" spans="3:3">
      <c r="C237" s="1001"/>
    </row>
    <row r="238" spans="3:3">
      <c r="C238" s="1001"/>
    </row>
    <row r="239" spans="3:3">
      <c r="C239" s="1001"/>
    </row>
    <row r="240" spans="3:3">
      <c r="C240" s="1001"/>
    </row>
    <row r="241" spans="3:3">
      <c r="C241" s="1001"/>
    </row>
    <row r="242" spans="3:3">
      <c r="C242" s="1001"/>
    </row>
    <row r="243" spans="3:3">
      <c r="C243" s="1001"/>
    </row>
    <row r="244" spans="3:3">
      <c r="C244" s="1001"/>
    </row>
    <row r="245" spans="3:3">
      <c r="C245" s="1001"/>
    </row>
    <row r="246" spans="3:3">
      <c r="C246" s="1001"/>
    </row>
    <row r="247" spans="3:3">
      <c r="C247" s="1001"/>
    </row>
    <row r="248" spans="3:3">
      <c r="C248" s="1001"/>
    </row>
    <row r="249" spans="3:3">
      <c r="C249" s="1001"/>
    </row>
    <row r="250" spans="3:3">
      <c r="C250" s="1001"/>
    </row>
    <row r="251" spans="3:3">
      <c r="C251" s="1001"/>
    </row>
    <row r="252" spans="3:3">
      <c r="C252" s="1001"/>
    </row>
    <row r="253" spans="3:3">
      <c r="C253" s="1001"/>
    </row>
    <row r="254" spans="3:3">
      <c r="C254" s="1001"/>
    </row>
    <row r="255" spans="3:3">
      <c r="C255" s="1001"/>
    </row>
    <row r="256" spans="3:3">
      <c r="C256" s="1001"/>
    </row>
    <row r="257" spans="3:3">
      <c r="C257" s="1001"/>
    </row>
    <row r="258" spans="3:3">
      <c r="C258" s="1001"/>
    </row>
    <row r="259" spans="3:3">
      <c r="C259" s="1001"/>
    </row>
    <row r="260" spans="3:3">
      <c r="C260" s="1001"/>
    </row>
    <row r="261" spans="3:3">
      <c r="C261" s="1001"/>
    </row>
    <row r="262" spans="3:3">
      <c r="C262" s="1001"/>
    </row>
    <row r="263" spans="3:3">
      <c r="C263" s="1001"/>
    </row>
    <row r="264" spans="3:3">
      <c r="C264" s="1001"/>
    </row>
    <row r="265" spans="3:3">
      <c r="C265" s="1001"/>
    </row>
    <row r="266" spans="3:3">
      <c r="C266" s="1001"/>
    </row>
    <row r="267" spans="3:3">
      <c r="C267" s="1001"/>
    </row>
    <row r="268" spans="3:3">
      <c r="C268" s="1001"/>
    </row>
    <row r="269" spans="3:3">
      <c r="C269" s="1001"/>
    </row>
    <row r="270" spans="3:3">
      <c r="C270" s="1001"/>
    </row>
    <row r="271" spans="3:3">
      <c r="C271" s="1001"/>
    </row>
    <row r="272" spans="3:3">
      <c r="C272" s="1001"/>
    </row>
    <row r="273" spans="3:3">
      <c r="C273" s="1001"/>
    </row>
    <row r="274" spans="3:3">
      <c r="C274" s="1001"/>
    </row>
    <row r="275" spans="3:3">
      <c r="C275" s="1001"/>
    </row>
    <row r="276" spans="3:3">
      <c r="C276" s="1001"/>
    </row>
    <row r="277" spans="3:3">
      <c r="C277" s="1001"/>
    </row>
    <row r="278" spans="3:3">
      <c r="C278" s="1001"/>
    </row>
    <row r="279" spans="3:3">
      <c r="C279" s="1001"/>
    </row>
    <row r="280" spans="3:3">
      <c r="C280" s="1001"/>
    </row>
    <row r="281" spans="3:3">
      <c r="C281" s="1001"/>
    </row>
    <row r="282" spans="3:3">
      <c r="C282" s="1001"/>
    </row>
    <row r="283" spans="3:3">
      <c r="C283" s="1001"/>
    </row>
    <row r="284" spans="3:3">
      <c r="C284" s="1001"/>
    </row>
    <row r="285" spans="3:3">
      <c r="C285" s="1001"/>
    </row>
    <row r="286" spans="3:3">
      <c r="C286" s="1001"/>
    </row>
    <row r="287" spans="3:3">
      <c r="C287" s="1001"/>
    </row>
    <row r="288" spans="3:3">
      <c r="C288" s="1001"/>
    </row>
    <row r="289" spans="3:3">
      <c r="C289" s="1001"/>
    </row>
    <row r="290" spans="3:3">
      <c r="C290" s="1001"/>
    </row>
    <row r="291" spans="3:3">
      <c r="C291" s="1001"/>
    </row>
    <row r="292" spans="3:3">
      <c r="C292" s="1001"/>
    </row>
    <row r="293" spans="3:3">
      <c r="C293" s="1001"/>
    </row>
    <row r="294" spans="3:3">
      <c r="C294" s="1001"/>
    </row>
    <row r="295" spans="3:3">
      <c r="C295" s="1001"/>
    </row>
    <row r="296" spans="3:3">
      <c r="C296" s="1001"/>
    </row>
    <row r="297" spans="3:3">
      <c r="C297" s="1001"/>
    </row>
    <row r="298" spans="3:3">
      <c r="C298" s="1001"/>
    </row>
    <row r="299" spans="3:3">
      <c r="C299" s="1001"/>
    </row>
    <row r="300" spans="3:3">
      <c r="C300" s="1001"/>
    </row>
    <row r="301" spans="3:3">
      <c r="C301" s="1001"/>
    </row>
    <row r="302" spans="3:3">
      <c r="C302" s="1001"/>
    </row>
    <row r="303" spans="3:3">
      <c r="C303" s="1001"/>
    </row>
    <row r="304" spans="3:3">
      <c r="C304" s="1001"/>
    </row>
    <row r="305" spans="3:3">
      <c r="C305" s="1001"/>
    </row>
    <row r="306" spans="3:3">
      <c r="C306" s="1001"/>
    </row>
    <row r="307" spans="3:3">
      <c r="C307" s="1001"/>
    </row>
    <row r="308" spans="3:3">
      <c r="C308" s="1001"/>
    </row>
    <row r="309" spans="3:3">
      <c r="C309" s="1001"/>
    </row>
    <row r="310" spans="3:3">
      <c r="C310" s="1001"/>
    </row>
    <row r="311" spans="3:3">
      <c r="C311" s="1001"/>
    </row>
    <row r="312" spans="3:3">
      <c r="C312" s="1001"/>
    </row>
    <row r="313" spans="3:3">
      <c r="C313" s="1001"/>
    </row>
    <row r="314" spans="3:3">
      <c r="C314" s="1001"/>
    </row>
    <row r="315" spans="3:3">
      <c r="C315" s="1001"/>
    </row>
    <row r="316" spans="3:3">
      <c r="C316" s="1001"/>
    </row>
    <row r="317" spans="3:3">
      <c r="C317" s="1001"/>
    </row>
    <row r="318" spans="3:3">
      <c r="C318" s="1001"/>
    </row>
    <row r="319" spans="3:3">
      <c r="C319" s="1001"/>
    </row>
    <row r="320" spans="3:3">
      <c r="C320" s="1001"/>
    </row>
    <row r="321" spans="3:3">
      <c r="C321" s="1001"/>
    </row>
    <row r="322" spans="3:3">
      <c r="C322" s="1001"/>
    </row>
    <row r="323" spans="3:3">
      <c r="C323" s="1001"/>
    </row>
    <row r="324" spans="3:3">
      <c r="C324" s="1001"/>
    </row>
    <row r="325" spans="3:3">
      <c r="C325" s="1001"/>
    </row>
    <row r="326" spans="3:3">
      <c r="C326" s="1001"/>
    </row>
    <row r="327" spans="3:3">
      <c r="C327" s="1001"/>
    </row>
    <row r="328" spans="3:3">
      <c r="C328" s="1001"/>
    </row>
    <row r="329" spans="3:3">
      <c r="C329" s="1001"/>
    </row>
    <row r="330" spans="3:3">
      <c r="C330" s="1001"/>
    </row>
    <row r="331" spans="3:3">
      <c r="C331" s="1001"/>
    </row>
    <row r="332" spans="3:3">
      <c r="C332" s="1001"/>
    </row>
    <row r="333" spans="3:3">
      <c r="C333" s="1001"/>
    </row>
    <row r="334" spans="3:3">
      <c r="C334" s="1001"/>
    </row>
    <row r="335" spans="3:3">
      <c r="C335" s="1001"/>
    </row>
    <row r="336" spans="3:3">
      <c r="C336" s="1001"/>
    </row>
    <row r="337" spans="3:3">
      <c r="C337" s="1001"/>
    </row>
    <row r="338" spans="3:3">
      <c r="C338" s="1001"/>
    </row>
    <row r="339" spans="3:3">
      <c r="C339" s="1001"/>
    </row>
    <row r="340" spans="3:3">
      <c r="C340" s="1001"/>
    </row>
    <row r="341" spans="3:3">
      <c r="C341" s="1001"/>
    </row>
    <row r="342" spans="3:3">
      <c r="C342" s="1001"/>
    </row>
    <row r="343" spans="3:3">
      <c r="C343" s="1001"/>
    </row>
    <row r="344" spans="3:3">
      <c r="C344" s="1001"/>
    </row>
    <row r="345" spans="3:3">
      <c r="C345" s="1001"/>
    </row>
    <row r="346" spans="3:3">
      <c r="C346" s="1001"/>
    </row>
    <row r="347" spans="3:3">
      <c r="C347" s="1001"/>
    </row>
    <row r="348" spans="3:3">
      <c r="C348" s="1001"/>
    </row>
    <row r="349" spans="3:3">
      <c r="C349" s="1001"/>
    </row>
    <row r="350" spans="3:3">
      <c r="C350" s="1001"/>
    </row>
    <row r="351" spans="3:3">
      <c r="C351" s="1001"/>
    </row>
    <row r="352" spans="3:3">
      <c r="C352" s="1001"/>
    </row>
    <row r="353" spans="3:3">
      <c r="C353" s="1001"/>
    </row>
    <row r="354" spans="3:3">
      <c r="C354" s="1001"/>
    </row>
    <row r="355" spans="3:3">
      <c r="C355" s="1001"/>
    </row>
    <row r="356" spans="3:3">
      <c r="C356" s="1001"/>
    </row>
    <row r="357" spans="3:3">
      <c r="C357" s="1001"/>
    </row>
    <row r="358" spans="3:3">
      <c r="C358" s="1001"/>
    </row>
    <row r="359" spans="3:3">
      <c r="C359" s="1001"/>
    </row>
    <row r="360" spans="3:3">
      <c r="C360" s="1001"/>
    </row>
    <row r="361" spans="3:3">
      <c r="C361" s="1001"/>
    </row>
    <row r="362" spans="3:3">
      <c r="C362" s="1001"/>
    </row>
    <row r="363" spans="3:3">
      <c r="C363" s="1001"/>
    </row>
    <row r="364" spans="3:3">
      <c r="C364" s="1001"/>
    </row>
    <row r="365" spans="3:3">
      <c r="C365" s="1001"/>
    </row>
    <row r="366" spans="3:3">
      <c r="C366" s="1001"/>
    </row>
    <row r="367" spans="3:3">
      <c r="C367" s="1001"/>
    </row>
    <row r="368" spans="3:3">
      <c r="C368" s="1001"/>
    </row>
    <row r="369" spans="3:3">
      <c r="C369" s="1001"/>
    </row>
    <row r="370" spans="3:3">
      <c r="C370" s="1001"/>
    </row>
    <row r="371" spans="3:3">
      <c r="C371" s="1001"/>
    </row>
    <row r="372" spans="3:3">
      <c r="C372" s="1001"/>
    </row>
    <row r="373" spans="3:3">
      <c r="C373" s="1001"/>
    </row>
    <row r="374" spans="3:3">
      <c r="C374" s="1001"/>
    </row>
    <row r="375" spans="3:3">
      <c r="C375" s="1001"/>
    </row>
    <row r="376" spans="3:3">
      <c r="C376" s="1001"/>
    </row>
    <row r="377" spans="3:3">
      <c r="C377" s="1001"/>
    </row>
    <row r="378" spans="3:3">
      <c r="C378" s="1001"/>
    </row>
    <row r="379" spans="3:3">
      <c r="C379" s="1001"/>
    </row>
    <row r="380" spans="3:3">
      <c r="C380" s="1001"/>
    </row>
    <row r="381" spans="3:3">
      <c r="C381" s="1001"/>
    </row>
    <row r="382" spans="3:3">
      <c r="C382" s="1001"/>
    </row>
    <row r="383" spans="3:3">
      <c r="C383" s="1001"/>
    </row>
    <row r="384" spans="3:3">
      <c r="C384" s="1001"/>
    </row>
    <row r="385" spans="3:3">
      <c r="C385" s="1001"/>
    </row>
    <row r="386" spans="3:3">
      <c r="C386" s="1001"/>
    </row>
    <row r="387" spans="3:3">
      <c r="C387" s="1001"/>
    </row>
    <row r="388" spans="3:3">
      <c r="C388" s="1001"/>
    </row>
    <row r="389" spans="3:3">
      <c r="C389" s="1001"/>
    </row>
    <row r="390" spans="3:3">
      <c r="C390" s="1001"/>
    </row>
    <row r="391" spans="3:3">
      <c r="C391" s="1001"/>
    </row>
    <row r="392" spans="3:3">
      <c r="C392" s="1001"/>
    </row>
    <row r="393" spans="3:3">
      <c r="C393" s="1001"/>
    </row>
    <row r="394" spans="3:3">
      <c r="C394" s="1001"/>
    </row>
    <row r="395" spans="3:3">
      <c r="C395" s="1001"/>
    </row>
    <row r="396" spans="3:3">
      <c r="C396" s="1001"/>
    </row>
    <row r="397" spans="3:3">
      <c r="C397" s="1001"/>
    </row>
    <row r="398" spans="3:3">
      <c r="C398" s="1001"/>
    </row>
    <row r="399" spans="3:3">
      <c r="C399" s="1001"/>
    </row>
    <row r="400" spans="3:3">
      <c r="C400" s="1001"/>
    </row>
    <row r="401" spans="3:3">
      <c r="C401" s="1001"/>
    </row>
    <row r="402" spans="3:3">
      <c r="C402" s="1001"/>
    </row>
    <row r="403" spans="3:3">
      <c r="C403" s="1001"/>
    </row>
    <row r="404" spans="3:3">
      <c r="C404" s="1001"/>
    </row>
    <row r="405" spans="3:3">
      <c r="C405" s="1001"/>
    </row>
    <row r="406" spans="3:3">
      <c r="C406" s="1001"/>
    </row>
    <row r="407" spans="3:3">
      <c r="C407" s="1001"/>
    </row>
    <row r="408" spans="3:3">
      <c r="C408" s="1001"/>
    </row>
    <row r="409" spans="3:3">
      <c r="C409" s="1001"/>
    </row>
    <row r="410" spans="3:3">
      <c r="C410" s="1001"/>
    </row>
    <row r="411" spans="3:3">
      <c r="C411" s="1001"/>
    </row>
    <row r="412" spans="3:3">
      <c r="C412" s="1001"/>
    </row>
    <row r="413" spans="3:3">
      <c r="C413" s="1001"/>
    </row>
    <row r="414" spans="3:3">
      <c r="C414" s="1001"/>
    </row>
    <row r="415" spans="3:3">
      <c r="C415" s="1001"/>
    </row>
    <row r="416" spans="3:3">
      <c r="C416" s="1001"/>
    </row>
    <row r="417" spans="3:3">
      <c r="C417" s="1001"/>
    </row>
    <row r="418" spans="3:3">
      <c r="C418" s="1001"/>
    </row>
    <row r="419" spans="3:3">
      <c r="C419" s="1001"/>
    </row>
    <row r="420" spans="3:3">
      <c r="C420" s="1001"/>
    </row>
    <row r="421" spans="3:3">
      <c r="C421" s="1001"/>
    </row>
    <row r="422" spans="3:3">
      <c r="C422" s="1001"/>
    </row>
    <row r="423" spans="3:3">
      <c r="C423" s="1001"/>
    </row>
    <row r="424" spans="3:3">
      <c r="C424" s="1001"/>
    </row>
    <row r="425" spans="3:3">
      <c r="C425" s="1001"/>
    </row>
    <row r="426" spans="3:3">
      <c r="C426" s="1001"/>
    </row>
    <row r="427" spans="3:3">
      <c r="C427" s="1001"/>
    </row>
    <row r="428" spans="3:3">
      <c r="C428" s="1001"/>
    </row>
    <row r="429" spans="3:3">
      <c r="C429" s="1001"/>
    </row>
    <row r="430" spans="3:3">
      <c r="C430" s="1001"/>
    </row>
    <row r="431" spans="3:3">
      <c r="C431" s="1001"/>
    </row>
  </sheetData>
  <mergeCells count="7">
    <mergeCell ref="A62:B62"/>
    <mergeCell ref="A8:B8"/>
    <mergeCell ref="A27:B27"/>
    <mergeCell ref="A35:B35"/>
    <mergeCell ref="A41:B41"/>
    <mergeCell ref="A42:B42"/>
    <mergeCell ref="A53:B53"/>
  </mergeCells>
  <phoneticPr fontId="3"/>
  <pageMargins left="0.78740157480314965" right="0.70866141732283472" top="0.59055118110236227" bottom="0.78740157480314965" header="0" footer="0.19685039370078741"/>
  <pageSetup paperSize="9" scale="75" firstPageNumber="56" fitToWidth="0" orientation="portrait" useFirstPageNumber="1" horizontalDpi="300" verticalDpi="300" r:id="rId1"/>
  <headerFooter>
    <oddFooter>&amp;C&amp;"ＭＳ ゴシック,太字"&amp;12-&amp;P--</oddFoot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60"/>
  <sheetViews>
    <sheetView zoomScaleNormal="100" zoomScaleSheetLayoutView="80" workbookViewId="0"/>
  </sheetViews>
  <sheetFormatPr defaultRowHeight="12"/>
  <cols>
    <col min="1" max="1" width="1" style="61" customWidth="1"/>
    <col min="2" max="2" width="8.5" style="61" customWidth="1"/>
    <col min="3" max="3" width="10" style="61" customWidth="1"/>
    <col min="4" max="4" width="9.375" style="61" customWidth="1"/>
    <col min="5" max="11" width="8.25" style="61" customWidth="1"/>
    <col min="12" max="12" width="0.875" style="61" customWidth="1"/>
    <col min="13" max="252" width="9" style="61"/>
    <col min="253" max="253" width="1" style="61" customWidth="1"/>
    <col min="254" max="254" width="8.5" style="61" customWidth="1"/>
    <col min="255" max="255" width="10" style="61" customWidth="1"/>
    <col min="256" max="256" width="9.375" style="61" customWidth="1"/>
    <col min="257" max="263" width="8.25" style="61" customWidth="1"/>
    <col min="264" max="264" width="0.875" style="61" customWidth="1"/>
    <col min="265" max="508" width="9" style="61"/>
    <col min="509" max="509" width="1" style="61" customWidth="1"/>
    <col min="510" max="510" width="8.5" style="61" customWidth="1"/>
    <col min="511" max="511" width="10" style="61" customWidth="1"/>
    <col min="512" max="512" width="9.375" style="61" customWidth="1"/>
    <col min="513" max="519" width="8.25" style="61" customWidth="1"/>
    <col min="520" max="520" width="0.875" style="61" customWidth="1"/>
    <col min="521" max="764" width="9" style="61"/>
    <col min="765" max="765" width="1" style="61" customWidth="1"/>
    <col min="766" max="766" width="8.5" style="61" customWidth="1"/>
    <col min="767" max="767" width="10" style="61" customWidth="1"/>
    <col min="768" max="768" width="9.375" style="61" customWidth="1"/>
    <col min="769" max="775" width="8.25" style="61" customWidth="1"/>
    <col min="776" max="776" width="0.875" style="61" customWidth="1"/>
    <col min="777" max="1020" width="9" style="61"/>
    <col min="1021" max="1021" width="1" style="61" customWidth="1"/>
    <col min="1022" max="1022" width="8.5" style="61" customWidth="1"/>
    <col min="1023" max="1023" width="10" style="61" customWidth="1"/>
    <col min="1024" max="1024" width="9.375" style="61" customWidth="1"/>
    <col min="1025" max="1031" width="8.25" style="61" customWidth="1"/>
    <col min="1032" max="1032" width="0.875" style="61" customWidth="1"/>
    <col min="1033" max="1276" width="9" style="61"/>
    <col min="1277" max="1277" width="1" style="61" customWidth="1"/>
    <col min="1278" max="1278" width="8.5" style="61" customWidth="1"/>
    <col min="1279" max="1279" width="10" style="61" customWidth="1"/>
    <col min="1280" max="1280" width="9.375" style="61" customWidth="1"/>
    <col min="1281" max="1287" width="8.25" style="61" customWidth="1"/>
    <col min="1288" max="1288" width="0.875" style="61" customWidth="1"/>
    <col min="1289" max="1532" width="9" style="61"/>
    <col min="1533" max="1533" width="1" style="61" customWidth="1"/>
    <col min="1534" max="1534" width="8.5" style="61" customWidth="1"/>
    <col min="1535" max="1535" width="10" style="61" customWidth="1"/>
    <col min="1536" max="1536" width="9.375" style="61" customWidth="1"/>
    <col min="1537" max="1543" width="8.25" style="61" customWidth="1"/>
    <col min="1544" max="1544" width="0.875" style="61" customWidth="1"/>
    <col min="1545" max="1788" width="9" style="61"/>
    <col min="1789" max="1789" width="1" style="61" customWidth="1"/>
    <col min="1790" max="1790" width="8.5" style="61" customWidth="1"/>
    <col min="1791" max="1791" width="10" style="61" customWidth="1"/>
    <col min="1792" max="1792" width="9.375" style="61" customWidth="1"/>
    <col min="1793" max="1799" width="8.25" style="61" customWidth="1"/>
    <col min="1800" max="1800" width="0.875" style="61" customWidth="1"/>
    <col min="1801" max="2044" width="9" style="61"/>
    <col min="2045" max="2045" width="1" style="61" customWidth="1"/>
    <col min="2046" max="2046" width="8.5" style="61" customWidth="1"/>
    <col min="2047" max="2047" width="10" style="61" customWidth="1"/>
    <col min="2048" max="2048" width="9.375" style="61" customWidth="1"/>
    <col min="2049" max="2055" width="8.25" style="61" customWidth="1"/>
    <col min="2056" max="2056" width="0.875" style="61" customWidth="1"/>
    <col min="2057" max="2300" width="9" style="61"/>
    <col min="2301" max="2301" width="1" style="61" customWidth="1"/>
    <col min="2302" max="2302" width="8.5" style="61" customWidth="1"/>
    <col min="2303" max="2303" width="10" style="61" customWidth="1"/>
    <col min="2304" max="2304" width="9.375" style="61" customWidth="1"/>
    <col min="2305" max="2311" width="8.25" style="61" customWidth="1"/>
    <col min="2312" max="2312" width="0.875" style="61" customWidth="1"/>
    <col min="2313" max="2556" width="9" style="61"/>
    <col min="2557" max="2557" width="1" style="61" customWidth="1"/>
    <col min="2558" max="2558" width="8.5" style="61" customWidth="1"/>
    <col min="2559" max="2559" width="10" style="61" customWidth="1"/>
    <col min="2560" max="2560" width="9.375" style="61" customWidth="1"/>
    <col min="2561" max="2567" width="8.25" style="61" customWidth="1"/>
    <col min="2568" max="2568" width="0.875" style="61" customWidth="1"/>
    <col min="2569" max="2812" width="9" style="61"/>
    <col min="2813" max="2813" width="1" style="61" customWidth="1"/>
    <col min="2814" max="2814" width="8.5" style="61" customWidth="1"/>
    <col min="2815" max="2815" width="10" style="61" customWidth="1"/>
    <col min="2816" max="2816" width="9.375" style="61" customWidth="1"/>
    <col min="2817" max="2823" width="8.25" style="61" customWidth="1"/>
    <col min="2824" max="2824" width="0.875" style="61" customWidth="1"/>
    <col min="2825" max="3068" width="9" style="61"/>
    <col min="3069" max="3069" width="1" style="61" customWidth="1"/>
    <col min="3070" max="3070" width="8.5" style="61" customWidth="1"/>
    <col min="3071" max="3071" width="10" style="61" customWidth="1"/>
    <col min="3072" max="3072" width="9.375" style="61" customWidth="1"/>
    <col min="3073" max="3079" width="8.25" style="61" customWidth="1"/>
    <col min="3080" max="3080" width="0.875" style="61" customWidth="1"/>
    <col min="3081" max="3324" width="9" style="61"/>
    <col min="3325" max="3325" width="1" style="61" customWidth="1"/>
    <col min="3326" max="3326" width="8.5" style="61" customWidth="1"/>
    <col min="3327" max="3327" width="10" style="61" customWidth="1"/>
    <col min="3328" max="3328" width="9.375" style="61" customWidth="1"/>
    <col min="3329" max="3335" width="8.25" style="61" customWidth="1"/>
    <col min="3336" max="3336" width="0.875" style="61" customWidth="1"/>
    <col min="3337" max="3580" width="9" style="61"/>
    <col min="3581" max="3581" width="1" style="61" customWidth="1"/>
    <col min="3582" max="3582" width="8.5" style="61" customWidth="1"/>
    <col min="3583" max="3583" width="10" style="61" customWidth="1"/>
    <col min="3584" max="3584" width="9.375" style="61" customWidth="1"/>
    <col min="3585" max="3591" width="8.25" style="61" customWidth="1"/>
    <col min="3592" max="3592" width="0.875" style="61" customWidth="1"/>
    <col min="3593" max="3836" width="9" style="61"/>
    <col min="3837" max="3837" width="1" style="61" customWidth="1"/>
    <col min="3838" max="3838" width="8.5" style="61" customWidth="1"/>
    <col min="3839" max="3839" width="10" style="61" customWidth="1"/>
    <col min="3840" max="3840" width="9.375" style="61" customWidth="1"/>
    <col min="3841" max="3847" width="8.25" style="61" customWidth="1"/>
    <col min="3848" max="3848" width="0.875" style="61" customWidth="1"/>
    <col min="3849" max="4092" width="9" style="61"/>
    <col min="4093" max="4093" width="1" style="61" customWidth="1"/>
    <col min="4094" max="4094" width="8.5" style="61" customWidth="1"/>
    <col min="4095" max="4095" width="10" style="61" customWidth="1"/>
    <col min="4096" max="4096" width="9.375" style="61" customWidth="1"/>
    <col min="4097" max="4103" width="8.25" style="61" customWidth="1"/>
    <col min="4104" max="4104" width="0.875" style="61" customWidth="1"/>
    <col min="4105" max="4348" width="9" style="61"/>
    <col min="4349" max="4349" width="1" style="61" customWidth="1"/>
    <col min="4350" max="4350" width="8.5" style="61" customWidth="1"/>
    <col min="4351" max="4351" width="10" style="61" customWidth="1"/>
    <col min="4352" max="4352" width="9.375" style="61" customWidth="1"/>
    <col min="4353" max="4359" width="8.25" style="61" customWidth="1"/>
    <col min="4360" max="4360" width="0.875" style="61" customWidth="1"/>
    <col min="4361" max="4604" width="9" style="61"/>
    <col min="4605" max="4605" width="1" style="61" customWidth="1"/>
    <col min="4606" max="4606" width="8.5" style="61" customWidth="1"/>
    <col min="4607" max="4607" width="10" style="61" customWidth="1"/>
    <col min="4608" max="4608" width="9.375" style="61" customWidth="1"/>
    <col min="4609" max="4615" width="8.25" style="61" customWidth="1"/>
    <col min="4616" max="4616" width="0.875" style="61" customWidth="1"/>
    <col min="4617" max="4860" width="9" style="61"/>
    <col min="4861" max="4861" width="1" style="61" customWidth="1"/>
    <col min="4862" max="4862" width="8.5" style="61" customWidth="1"/>
    <col min="4863" max="4863" width="10" style="61" customWidth="1"/>
    <col min="4864" max="4864" width="9.375" style="61" customWidth="1"/>
    <col min="4865" max="4871" width="8.25" style="61" customWidth="1"/>
    <col min="4872" max="4872" width="0.875" style="61" customWidth="1"/>
    <col min="4873" max="5116" width="9" style="61"/>
    <col min="5117" max="5117" width="1" style="61" customWidth="1"/>
    <col min="5118" max="5118" width="8.5" style="61" customWidth="1"/>
    <col min="5119" max="5119" width="10" style="61" customWidth="1"/>
    <col min="5120" max="5120" width="9.375" style="61" customWidth="1"/>
    <col min="5121" max="5127" width="8.25" style="61" customWidth="1"/>
    <col min="5128" max="5128" width="0.875" style="61" customWidth="1"/>
    <col min="5129" max="5372" width="9" style="61"/>
    <col min="5373" max="5373" width="1" style="61" customWidth="1"/>
    <col min="5374" max="5374" width="8.5" style="61" customWidth="1"/>
    <col min="5375" max="5375" width="10" style="61" customWidth="1"/>
    <col min="5376" max="5376" width="9.375" style="61" customWidth="1"/>
    <col min="5377" max="5383" width="8.25" style="61" customWidth="1"/>
    <col min="5384" max="5384" width="0.875" style="61" customWidth="1"/>
    <col min="5385" max="5628" width="9" style="61"/>
    <col min="5629" max="5629" width="1" style="61" customWidth="1"/>
    <col min="5630" max="5630" width="8.5" style="61" customWidth="1"/>
    <col min="5631" max="5631" width="10" style="61" customWidth="1"/>
    <col min="5632" max="5632" width="9.375" style="61" customWidth="1"/>
    <col min="5633" max="5639" width="8.25" style="61" customWidth="1"/>
    <col min="5640" max="5640" width="0.875" style="61" customWidth="1"/>
    <col min="5641" max="5884" width="9" style="61"/>
    <col min="5885" max="5885" width="1" style="61" customWidth="1"/>
    <col min="5886" max="5886" width="8.5" style="61" customWidth="1"/>
    <col min="5887" max="5887" width="10" style="61" customWidth="1"/>
    <col min="5888" max="5888" width="9.375" style="61" customWidth="1"/>
    <col min="5889" max="5895" width="8.25" style="61" customWidth="1"/>
    <col min="5896" max="5896" width="0.875" style="61" customWidth="1"/>
    <col min="5897" max="6140" width="9" style="61"/>
    <col min="6141" max="6141" width="1" style="61" customWidth="1"/>
    <col min="6142" max="6142" width="8.5" style="61" customWidth="1"/>
    <col min="6143" max="6143" width="10" style="61" customWidth="1"/>
    <col min="6144" max="6144" width="9.375" style="61" customWidth="1"/>
    <col min="6145" max="6151" width="8.25" style="61" customWidth="1"/>
    <col min="6152" max="6152" width="0.875" style="61" customWidth="1"/>
    <col min="6153" max="6396" width="9" style="61"/>
    <col min="6397" max="6397" width="1" style="61" customWidth="1"/>
    <col min="6398" max="6398" width="8.5" style="61" customWidth="1"/>
    <col min="6399" max="6399" width="10" style="61" customWidth="1"/>
    <col min="6400" max="6400" width="9.375" style="61" customWidth="1"/>
    <col min="6401" max="6407" width="8.25" style="61" customWidth="1"/>
    <col min="6408" max="6408" width="0.875" style="61" customWidth="1"/>
    <col min="6409" max="6652" width="9" style="61"/>
    <col min="6653" max="6653" width="1" style="61" customWidth="1"/>
    <col min="6654" max="6654" width="8.5" style="61" customWidth="1"/>
    <col min="6655" max="6655" width="10" style="61" customWidth="1"/>
    <col min="6656" max="6656" width="9.375" style="61" customWidth="1"/>
    <col min="6657" max="6663" width="8.25" style="61" customWidth="1"/>
    <col min="6664" max="6664" width="0.875" style="61" customWidth="1"/>
    <col min="6665" max="6908" width="9" style="61"/>
    <col min="6909" max="6909" width="1" style="61" customWidth="1"/>
    <col min="6910" max="6910" width="8.5" style="61" customWidth="1"/>
    <col min="6911" max="6911" width="10" style="61" customWidth="1"/>
    <col min="6912" max="6912" width="9.375" style="61" customWidth="1"/>
    <col min="6913" max="6919" width="8.25" style="61" customWidth="1"/>
    <col min="6920" max="6920" width="0.875" style="61" customWidth="1"/>
    <col min="6921" max="7164" width="9" style="61"/>
    <col min="7165" max="7165" width="1" style="61" customWidth="1"/>
    <col min="7166" max="7166" width="8.5" style="61" customWidth="1"/>
    <col min="7167" max="7167" width="10" style="61" customWidth="1"/>
    <col min="7168" max="7168" width="9.375" style="61" customWidth="1"/>
    <col min="7169" max="7175" width="8.25" style="61" customWidth="1"/>
    <col min="7176" max="7176" width="0.875" style="61" customWidth="1"/>
    <col min="7177" max="7420" width="9" style="61"/>
    <col min="7421" max="7421" width="1" style="61" customWidth="1"/>
    <col min="7422" max="7422" width="8.5" style="61" customWidth="1"/>
    <col min="7423" max="7423" width="10" style="61" customWidth="1"/>
    <col min="7424" max="7424" width="9.375" style="61" customWidth="1"/>
    <col min="7425" max="7431" width="8.25" style="61" customWidth="1"/>
    <col min="7432" max="7432" width="0.875" style="61" customWidth="1"/>
    <col min="7433" max="7676" width="9" style="61"/>
    <col min="7677" max="7677" width="1" style="61" customWidth="1"/>
    <col min="7678" max="7678" width="8.5" style="61" customWidth="1"/>
    <col min="7679" max="7679" width="10" style="61" customWidth="1"/>
    <col min="7680" max="7680" width="9.375" style="61" customWidth="1"/>
    <col min="7681" max="7687" width="8.25" style="61" customWidth="1"/>
    <col min="7688" max="7688" width="0.875" style="61" customWidth="1"/>
    <col min="7689" max="7932" width="9" style="61"/>
    <col min="7933" max="7933" width="1" style="61" customWidth="1"/>
    <col min="7934" max="7934" width="8.5" style="61" customWidth="1"/>
    <col min="7935" max="7935" width="10" style="61" customWidth="1"/>
    <col min="7936" max="7936" width="9.375" style="61" customWidth="1"/>
    <col min="7937" max="7943" width="8.25" style="61" customWidth="1"/>
    <col min="7944" max="7944" width="0.875" style="61" customWidth="1"/>
    <col min="7945" max="8188" width="9" style="61"/>
    <col min="8189" max="8189" width="1" style="61" customWidth="1"/>
    <col min="8190" max="8190" width="8.5" style="61" customWidth="1"/>
    <col min="8191" max="8191" width="10" style="61" customWidth="1"/>
    <col min="8192" max="8192" width="9.375" style="61" customWidth="1"/>
    <col min="8193" max="8199" width="8.25" style="61" customWidth="1"/>
    <col min="8200" max="8200" width="0.875" style="61" customWidth="1"/>
    <col min="8201" max="8444" width="9" style="61"/>
    <col min="8445" max="8445" width="1" style="61" customWidth="1"/>
    <col min="8446" max="8446" width="8.5" style="61" customWidth="1"/>
    <col min="8447" max="8447" width="10" style="61" customWidth="1"/>
    <col min="8448" max="8448" width="9.375" style="61" customWidth="1"/>
    <col min="8449" max="8455" width="8.25" style="61" customWidth="1"/>
    <col min="8456" max="8456" width="0.875" style="61" customWidth="1"/>
    <col min="8457" max="8700" width="9" style="61"/>
    <col min="8701" max="8701" width="1" style="61" customWidth="1"/>
    <col min="8702" max="8702" width="8.5" style="61" customWidth="1"/>
    <col min="8703" max="8703" width="10" style="61" customWidth="1"/>
    <col min="8704" max="8704" width="9.375" style="61" customWidth="1"/>
    <col min="8705" max="8711" width="8.25" style="61" customWidth="1"/>
    <col min="8712" max="8712" width="0.875" style="61" customWidth="1"/>
    <col min="8713" max="8956" width="9" style="61"/>
    <col min="8957" max="8957" width="1" style="61" customWidth="1"/>
    <col min="8958" max="8958" width="8.5" style="61" customWidth="1"/>
    <col min="8959" max="8959" width="10" style="61" customWidth="1"/>
    <col min="8960" max="8960" width="9.375" style="61" customWidth="1"/>
    <col min="8961" max="8967" width="8.25" style="61" customWidth="1"/>
    <col min="8968" max="8968" width="0.875" style="61" customWidth="1"/>
    <col min="8969" max="9212" width="9" style="61"/>
    <col min="9213" max="9213" width="1" style="61" customWidth="1"/>
    <col min="9214" max="9214" width="8.5" style="61" customWidth="1"/>
    <col min="9215" max="9215" width="10" style="61" customWidth="1"/>
    <col min="9216" max="9216" width="9.375" style="61" customWidth="1"/>
    <col min="9217" max="9223" width="8.25" style="61" customWidth="1"/>
    <col min="9224" max="9224" width="0.875" style="61" customWidth="1"/>
    <col min="9225" max="9468" width="9" style="61"/>
    <col min="9469" max="9469" width="1" style="61" customWidth="1"/>
    <col min="9470" max="9470" width="8.5" style="61" customWidth="1"/>
    <col min="9471" max="9471" width="10" style="61" customWidth="1"/>
    <col min="9472" max="9472" width="9.375" style="61" customWidth="1"/>
    <col min="9473" max="9479" width="8.25" style="61" customWidth="1"/>
    <col min="9480" max="9480" width="0.875" style="61" customWidth="1"/>
    <col min="9481" max="9724" width="9" style="61"/>
    <col min="9725" max="9725" width="1" style="61" customWidth="1"/>
    <col min="9726" max="9726" width="8.5" style="61" customWidth="1"/>
    <col min="9727" max="9727" width="10" style="61" customWidth="1"/>
    <col min="9728" max="9728" width="9.375" style="61" customWidth="1"/>
    <col min="9729" max="9735" width="8.25" style="61" customWidth="1"/>
    <col min="9736" max="9736" width="0.875" style="61" customWidth="1"/>
    <col min="9737" max="9980" width="9" style="61"/>
    <col min="9981" max="9981" width="1" style="61" customWidth="1"/>
    <col min="9982" max="9982" width="8.5" style="61" customWidth="1"/>
    <col min="9983" max="9983" width="10" style="61" customWidth="1"/>
    <col min="9984" max="9984" width="9.375" style="61" customWidth="1"/>
    <col min="9985" max="9991" width="8.25" style="61" customWidth="1"/>
    <col min="9992" max="9992" width="0.875" style="61" customWidth="1"/>
    <col min="9993" max="10236" width="9" style="61"/>
    <col min="10237" max="10237" width="1" style="61" customWidth="1"/>
    <col min="10238" max="10238" width="8.5" style="61" customWidth="1"/>
    <col min="10239" max="10239" width="10" style="61" customWidth="1"/>
    <col min="10240" max="10240" width="9.375" style="61" customWidth="1"/>
    <col min="10241" max="10247" width="8.25" style="61" customWidth="1"/>
    <col min="10248" max="10248" width="0.875" style="61" customWidth="1"/>
    <col min="10249" max="10492" width="9" style="61"/>
    <col min="10493" max="10493" width="1" style="61" customWidth="1"/>
    <col min="10494" max="10494" width="8.5" style="61" customWidth="1"/>
    <col min="10495" max="10495" width="10" style="61" customWidth="1"/>
    <col min="10496" max="10496" width="9.375" style="61" customWidth="1"/>
    <col min="10497" max="10503" width="8.25" style="61" customWidth="1"/>
    <col min="10504" max="10504" width="0.875" style="61" customWidth="1"/>
    <col min="10505" max="10748" width="9" style="61"/>
    <col min="10749" max="10749" width="1" style="61" customWidth="1"/>
    <col min="10750" max="10750" width="8.5" style="61" customWidth="1"/>
    <col min="10751" max="10751" width="10" style="61" customWidth="1"/>
    <col min="10752" max="10752" width="9.375" style="61" customWidth="1"/>
    <col min="10753" max="10759" width="8.25" style="61" customWidth="1"/>
    <col min="10760" max="10760" width="0.875" style="61" customWidth="1"/>
    <col min="10761" max="11004" width="9" style="61"/>
    <col min="11005" max="11005" width="1" style="61" customWidth="1"/>
    <col min="11006" max="11006" width="8.5" style="61" customWidth="1"/>
    <col min="11007" max="11007" width="10" style="61" customWidth="1"/>
    <col min="11008" max="11008" width="9.375" style="61" customWidth="1"/>
    <col min="11009" max="11015" width="8.25" style="61" customWidth="1"/>
    <col min="11016" max="11016" width="0.875" style="61" customWidth="1"/>
    <col min="11017" max="11260" width="9" style="61"/>
    <col min="11261" max="11261" width="1" style="61" customWidth="1"/>
    <col min="11262" max="11262" width="8.5" style="61" customWidth="1"/>
    <col min="11263" max="11263" width="10" style="61" customWidth="1"/>
    <col min="11264" max="11264" width="9.375" style="61" customWidth="1"/>
    <col min="11265" max="11271" width="8.25" style="61" customWidth="1"/>
    <col min="11272" max="11272" width="0.875" style="61" customWidth="1"/>
    <col min="11273" max="11516" width="9" style="61"/>
    <col min="11517" max="11517" width="1" style="61" customWidth="1"/>
    <col min="11518" max="11518" width="8.5" style="61" customWidth="1"/>
    <col min="11519" max="11519" width="10" style="61" customWidth="1"/>
    <col min="11520" max="11520" width="9.375" style="61" customWidth="1"/>
    <col min="11521" max="11527" width="8.25" style="61" customWidth="1"/>
    <col min="11528" max="11528" width="0.875" style="61" customWidth="1"/>
    <col min="11529" max="11772" width="9" style="61"/>
    <col min="11773" max="11773" width="1" style="61" customWidth="1"/>
    <col min="11774" max="11774" width="8.5" style="61" customWidth="1"/>
    <col min="11775" max="11775" width="10" style="61" customWidth="1"/>
    <col min="11776" max="11776" width="9.375" style="61" customWidth="1"/>
    <col min="11777" max="11783" width="8.25" style="61" customWidth="1"/>
    <col min="11784" max="11784" width="0.875" style="61" customWidth="1"/>
    <col min="11785" max="12028" width="9" style="61"/>
    <col min="12029" max="12029" width="1" style="61" customWidth="1"/>
    <col min="12030" max="12030" width="8.5" style="61" customWidth="1"/>
    <col min="12031" max="12031" width="10" style="61" customWidth="1"/>
    <col min="12032" max="12032" width="9.375" style="61" customWidth="1"/>
    <col min="12033" max="12039" width="8.25" style="61" customWidth="1"/>
    <col min="12040" max="12040" width="0.875" style="61" customWidth="1"/>
    <col min="12041" max="12284" width="9" style="61"/>
    <col min="12285" max="12285" width="1" style="61" customWidth="1"/>
    <col min="12286" max="12286" width="8.5" style="61" customWidth="1"/>
    <col min="12287" max="12287" width="10" style="61" customWidth="1"/>
    <col min="12288" max="12288" width="9.375" style="61" customWidth="1"/>
    <col min="12289" max="12295" width="8.25" style="61" customWidth="1"/>
    <col min="12296" max="12296" width="0.875" style="61" customWidth="1"/>
    <col min="12297" max="12540" width="9" style="61"/>
    <col min="12541" max="12541" width="1" style="61" customWidth="1"/>
    <col min="12542" max="12542" width="8.5" style="61" customWidth="1"/>
    <col min="12543" max="12543" width="10" style="61" customWidth="1"/>
    <col min="12544" max="12544" width="9.375" style="61" customWidth="1"/>
    <col min="12545" max="12551" width="8.25" style="61" customWidth="1"/>
    <col min="12552" max="12552" width="0.875" style="61" customWidth="1"/>
    <col min="12553" max="12796" width="9" style="61"/>
    <col min="12797" max="12797" width="1" style="61" customWidth="1"/>
    <col min="12798" max="12798" width="8.5" style="61" customWidth="1"/>
    <col min="12799" max="12799" width="10" style="61" customWidth="1"/>
    <col min="12800" max="12800" width="9.375" style="61" customWidth="1"/>
    <col min="12801" max="12807" width="8.25" style="61" customWidth="1"/>
    <col min="12808" max="12808" width="0.875" style="61" customWidth="1"/>
    <col min="12809" max="13052" width="9" style="61"/>
    <col min="13053" max="13053" width="1" style="61" customWidth="1"/>
    <col min="13054" max="13054" width="8.5" style="61" customWidth="1"/>
    <col min="13055" max="13055" width="10" style="61" customWidth="1"/>
    <col min="13056" max="13056" width="9.375" style="61" customWidth="1"/>
    <col min="13057" max="13063" width="8.25" style="61" customWidth="1"/>
    <col min="13064" max="13064" width="0.875" style="61" customWidth="1"/>
    <col min="13065" max="13308" width="9" style="61"/>
    <col min="13309" max="13309" width="1" style="61" customWidth="1"/>
    <col min="13310" max="13310" width="8.5" style="61" customWidth="1"/>
    <col min="13311" max="13311" width="10" style="61" customWidth="1"/>
    <col min="13312" max="13312" width="9.375" style="61" customWidth="1"/>
    <col min="13313" max="13319" width="8.25" style="61" customWidth="1"/>
    <col min="13320" max="13320" width="0.875" style="61" customWidth="1"/>
    <col min="13321" max="13564" width="9" style="61"/>
    <col min="13565" max="13565" width="1" style="61" customWidth="1"/>
    <col min="13566" max="13566" width="8.5" style="61" customWidth="1"/>
    <col min="13567" max="13567" width="10" style="61" customWidth="1"/>
    <col min="13568" max="13568" width="9.375" style="61" customWidth="1"/>
    <col min="13569" max="13575" width="8.25" style="61" customWidth="1"/>
    <col min="13576" max="13576" width="0.875" style="61" customWidth="1"/>
    <col min="13577" max="13820" width="9" style="61"/>
    <col min="13821" max="13821" width="1" style="61" customWidth="1"/>
    <col min="13822" max="13822" width="8.5" style="61" customWidth="1"/>
    <col min="13823" max="13823" width="10" style="61" customWidth="1"/>
    <col min="13824" max="13824" width="9.375" style="61" customWidth="1"/>
    <col min="13825" max="13831" width="8.25" style="61" customWidth="1"/>
    <col min="13832" max="13832" width="0.875" style="61" customWidth="1"/>
    <col min="13833" max="14076" width="9" style="61"/>
    <col min="14077" max="14077" width="1" style="61" customWidth="1"/>
    <col min="14078" max="14078" width="8.5" style="61" customWidth="1"/>
    <col min="14079" max="14079" width="10" style="61" customWidth="1"/>
    <col min="14080" max="14080" width="9.375" style="61" customWidth="1"/>
    <col min="14081" max="14087" width="8.25" style="61" customWidth="1"/>
    <col min="14088" max="14088" width="0.875" style="61" customWidth="1"/>
    <col min="14089" max="14332" width="9" style="61"/>
    <col min="14333" max="14333" width="1" style="61" customWidth="1"/>
    <col min="14334" max="14334" width="8.5" style="61" customWidth="1"/>
    <col min="14335" max="14335" width="10" style="61" customWidth="1"/>
    <col min="14336" max="14336" width="9.375" style="61" customWidth="1"/>
    <col min="14337" max="14343" width="8.25" style="61" customWidth="1"/>
    <col min="14344" max="14344" width="0.875" style="61" customWidth="1"/>
    <col min="14345" max="14588" width="9" style="61"/>
    <col min="14589" max="14589" width="1" style="61" customWidth="1"/>
    <col min="14590" max="14590" width="8.5" style="61" customWidth="1"/>
    <col min="14591" max="14591" width="10" style="61" customWidth="1"/>
    <col min="14592" max="14592" width="9.375" style="61" customWidth="1"/>
    <col min="14593" max="14599" width="8.25" style="61" customWidth="1"/>
    <col min="14600" max="14600" width="0.875" style="61" customWidth="1"/>
    <col min="14601" max="14844" width="9" style="61"/>
    <col min="14845" max="14845" width="1" style="61" customWidth="1"/>
    <col min="14846" max="14846" width="8.5" style="61" customWidth="1"/>
    <col min="14847" max="14847" width="10" style="61" customWidth="1"/>
    <col min="14848" max="14848" width="9.375" style="61" customWidth="1"/>
    <col min="14849" max="14855" width="8.25" style="61" customWidth="1"/>
    <col min="14856" max="14856" width="0.875" style="61" customWidth="1"/>
    <col min="14857" max="15100" width="9" style="61"/>
    <col min="15101" max="15101" width="1" style="61" customWidth="1"/>
    <col min="15102" max="15102" width="8.5" style="61" customWidth="1"/>
    <col min="15103" max="15103" width="10" style="61" customWidth="1"/>
    <col min="15104" max="15104" width="9.375" style="61" customWidth="1"/>
    <col min="15105" max="15111" width="8.25" style="61" customWidth="1"/>
    <col min="15112" max="15112" width="0.875" style="61" customWidth="1"/>
    <col min="15113" max="15356" width="9" style="61"/>
    <col min="15357" max="15357" width="1" style="61" customWidth="1"/>
    <col min="15358" max="15358" width="8.5" style="61" customWidth="1"/>
    <col min="15359" max="15359" width="10" style="61" customWidth="1"/>
    <col min="15360" max="15360" width="9.375" style="61" customWidth="1"/>
    <col min="15361" max="15367" width="8.25" style="61" customWidth="1"/>
    <col min="15368" max="15368" width="0.875" style="61" customWidth="1"/>
    <col min="15369" max="15612" width="9" style="61"/>
    <col min="15613" max="15613" width="1" style="61" customWidth="1"/>
    <col min="15614" max="15614" width="8.5" style="61" customWidth="1"/>
    <col min="15615" max="15615" width="10" style="61" customWidth="1"/>
    <col min="15616" max="15616" width="9.375" style="61" customWidth="1"/>
    <col min="15617" max="15623" width="8.25" style="61" customWidth="1"/>
    <col min="15624" max="15624" width="0.875" style="61" customWidth="1"/>
    <col min="15625" max="15868" width="9" style="61"/>
    <col min="15869" max="15869" width="1" style="61" customWidth="1"/>
    <col min="15870" max="15870" width="8.5" style="61" customWidth="1"/>
    <col min="15871" max="15871" width="10" style="61" customWidth="1"/>
    <col min="15872" max="15872" width="9.375" style="61" customWidth="1"/>
    <col min="15873" max="15879" width="8.25" style="61" customWidth="1"/>
    <col min="15880" max="15880" width="0.875" style="61" customWidth="1"/>
    <col min="15881" max="16124" width="9" style="61"/>
    <col min="16125" max="16125" width="1" style="61" customWidth="1"/>
    <col min="16126" max="16126" width="8.5" style="61" customWidth="1"/>
    <col min="16127" max="16127" width="10" style="61" customWidth="1"/>
    <col min="16128" max="16128" width="9.375" style="61" customWidth="1"/>
    <col min="16129" max="16135" width="8.25" style="61" customWidth="1"/>
    <col min="16136" max="16136" width="0.875" style="61" customWidth="1"/>
    <col min="16137" max="16384" width="9" style="61"/>
  </cols>
  <sheetData>
    <row r="1" spans="1:12" ht="12.75" thickBot="1">
      <c r="B1" s="1057" t="s">
        <v>835</v>
      </c>
      <c r="I1" s="1003"/>
      <c r="K1" s="1004" t="s">
        <v>836</v>
      </c>
      <c r="L1" s="1005"/>
    </row>
    <row r="2" spans="1:12" ht="12.75" thickTop="1">
      <c r="A2" s="1006"/>
      <c r="B2" s="1461" t="s">
        <v>837</v>
      </c>
      <c r="C2" s="1462"/>
      <c r="D2" s="1007"/>
      <c r="E2" s="1008"/>
      <c r="F2" s="1008"/>
      <c r="G2" s="1008"/>
      <c r="H2" s="1008"/>
      <c r="I2" s="1008"/>
      <c r="J2" s="1008"/>
      <c r="K2" s="1008"/>
      <c r="L2" s="1006"/>
    </row>
    <row r="3" spans="1:12">
      <c r="B3" s="1463"/>
      <c r="C3" s="1464"/>
      <c r="D3" s="1009"/>
      <c r="E3" s="1010"/>
      <c r="F3" s="1011"/>
      <c r="G3" s="1012"/>
      <c r="H3" s="1013"/>
      <c r="I3" s="1012"/>
      <c r="J3" s="1012"/>
      <c r="K3" s="1012"/>
      <c r="L3" s="1014"/>
    </row>
    <row r="4" spans="1:12">
      <c r="A4" s="1015"/>
      <c r="B4" s="1465" t="s">
        <v>838</v>
      </c>
      <c r="C4" s="1465" t="s">
        <v>839</v>
      </c>
      <c r="D4" s="1016" t="s">
        <v>840</v>
      </c>
      <c r="E4" s="1017" t="s">
        <v>808</v>
      </c>
      <c r="F4" s="1018" t="s">
        <v>841</v>
      </c>
      <c r="G4" s="1019" t="s">
        <v>842</v>
      </c>
      <c r="H4" s="1020" t="s">
        <v>843</v>
      </c>
      <c r="I4" s="1017" t="s">
        <v>812</v>
      </c>
      <c r="J4" s="1020" t="s">
        <v>844</v>
      </c>
      <c r="K4" s="1019" t="s">
        <v>845</v>
      </c>
      <c r="L4" s="65"/>
    </row>
    <row r="5" spans="1:12">
      <c r="A5" s="1021"/>
      <c r="B5" s="1464"/>
      <c r="C5" s="1464"/>
      <c r="D5" s="1022" t="s">
        <v>846</v>
      </c>
      <c r="E5" s="1023" t="s">
        <v>847</v>
      </c>
      <c r="F5" s="1024" t="s">
        <v>848</v>
      </c>
      <c r="G5" s="1024" t="s">
        <v>849</v>
      </c>
      <c r="H5" s="1022" t="s">
        <v>850</v>
      </c>
      <c r="I5" s="1023" t="s">
        <v>851</v>
      </c>
      <c r="J5" s="1022" t="s">
        <v>852</v>
      </c>
      <c r="K5" s="1024" t="s">
        <v>822</v>
      </c>
      <c r="L5" s="67"/>
    </row>
    <row r="6" spans="1:12">
      <c r="B6" s="1025"/>
      <c r="C6" s="1026" t="s">
        <v>14</v>
      </c>
      <c r="D6" s="1009"/>
      <c r="E6" s="1027" t="s">
        <v>14</v>
      </c>
      <c r="F6" s="1028" t="s">
        <v>14</v>
      </c>
      <c r="G6" s="1027" t="s">
        <v>14</v>
      </c>
      <c r="H6" s="1029" t="s">
        <v>14</v>
      </c>
      <c r="I6" s="1027" t="s">
        <v>14</v>
      </c>
      <c r="J6" s="1029" t="s">
        <v>14</v>
      </c>
      <c r="K6" s="1026" t="s">
        <v>14</v>
      </c>
      <c r="L6" s="1030"/>
    </row>
    <row r="7" spans="1:12">
      <c r="B7" s="1031" t="s">
        <v>803</v>
      </c>
      <c r="C7" s="1032">
        <v>9163279</v>
      </c>
      <c r="D7" s="1033" t="s">
        <v>804</v>
      </c>
      <c r="E7" s="1034">
        <v>15879</v>
      </c>
      <c r="F7" s="1035">
        <v>-11083</v>
      </c>
      <c r="G7" s="1034">
        <v>69902</v>
      </c>
      <c r="H7" s="1035">
        <v>80985</v>
      </c>
      <c r="I7" s="1034">
        <v>26962</v>
      </c>
      <c r="J7" s="1035">
        <v>496793</v>
      </c>
      <c r="K7" s="1036">
        <v>469831</v>
      </c>
      <c r="L7" s="1030"/>
    </row>
    <row r="8" spans="1:12">
      <c r="B8" s="1031">
        <v>29</v>
      </c>
      <c r="C8" s="1032">
        <v>9147400</v>
      </c>
      <c r="D8" s="1033">
        <v>28</v>
      </c>
      <c r="E8" s="1034">
        <v>19363</v>
      </c>
      <c r="F8" s="1035">
        <v>-5354</v>
      </c>
      <c r="G8" s="1034">
        <v>72795</v>
      </c>
      <c r="H8" s="1035">
        <v>78149</v>
      </c>
      <c r="I8" s="1034">
        <v>24717</v>
      </c>
      <c r="J8" s="1035">
        <v>486889</v>
      </c>
      <c r="K8" s="1036">
        <v>462172</v>
      </c>
      <c r="L8" s="1030"/>
    </row>
    <row r="9" spans="1:12">
      <c r="B9" s="1031">
        <v>28</v>
      </c>
      <c r="C9" s="1032">
        <v>9128037</v>
      </c>
      <c r="D9" s="1033" t="s">
        <v>853</v>
      </c>
      <c r="E9" s="1034">
        <v>27691</v>
      </c>
      <c r="F9" s="1035">
        <v>-1492</v>
      </c>
      <c r="G9" s="1034">
        <v>75189</v>
      </c>
      <c r="H9" s="1035">
        <v>76681</v>
      </c>
      <c r="I9" s="1034">
        <v>29183</v>
      </c>
      <c r="J9" s="1035">
        <v>521832</v>
      </c>
      <c r="K9" s="1036">
        <v>492649</v>
      </c>
      <c r="L9" s="1030"/>
    </row>
    <row r="10" spans="1:12">
      <c r="B10" s="1031">
        <v>27</v>
      </c>
      <c r="C10" s="1032">
        <v>9100346</v>
      </c>
      <c r="D10" s="1033">
        <v>26</v>
      </c>
      <c r="E10" s="1034">
        <v>16507</v>
      </c>
      <c r="F10" s="1035">
        <v>-285</v>
      </c>
      <c r="G10" s="1034">
        <v>74459</v>
      </c>
      <c r="H10" s="1035">
        <v>74744</v>
      </c>
      <c r="I10" s="1034">
        <v>16792</v>
      </c>
      <c r="J10" s="1035">
        <v>478908</v>
      </c>
      <c r="K10" s="1036">
        <v>462116</v>
      </c>
      <c r="L10" s="1030"/>
    </row>
    <row r="11" spans="1:12">
      <c r="B11" s="1037">
        <v>26</v>
      </c>
      <c r="C11" s="1032">
        <v>9083839</v>
      </c>
      <c r="D11" s="1033">
        <v>25</v>
      </c>
      <c r="E11" s="1034">
        <v>11306</v>
      </c>
      <c r="F11" s="1035">
        <v>2111</v>
      </c>
      <c r="G11" s="1034">
        <v>75656</v>
      </c>
      <c r="H11" s="1035">
        <v>73545</v>
      </c>
      <c r="I11" s="1034">
        <v>9195</v>
      </c>
      <c r="J11" s="1035">
        <v>486505</v>
      </c>
      <c r="K11" s="1036">
        <v>477310</v>
      </c>
      <c r="L11" s="1030"/>
    </row>
    <row r="12" spans="1:12">
      <c r="B12" s="1037">
        <v>25</v>
      </c>
      <c r="C12" s="1032">
        <v>9072533</v>
      </c>
      <c r="D12" s="1033">
        <v>24</v>
      </c>
      <c r="E12" s="1034">
        <v>12276</v>
      </c>
      <c r="F12" s="1035">
        <v>4625</v>
      </c>
      <c r="G12" s="1034">
        <v>77079</v>
      </c>
      <c r="H12" s="1035">
        <v>72454</v>
      </c>
      <c r="I12" s="1034">
        <v>7651</v>
      </c>
      <c r="J12" s="1035">
        <v>487933</v>
      </c>
      <c r="K12" s="1036">
        <v>480282</v>
      </c>
      <c r="L12" s="1030"/>
    </row>
    <row r="13" spans="1:12" ht="13.5" customHeight="1">
      <c r="B13" s="1037">
        <v>24</v>
      </c>
      <c r="C13" s="1032">
        <v>9060257</v>
      </c>
      <c r="D13" s="1033">
        <v>23</v>
      </c>
      <c r="E13" s="1034">
        <v>9229</v>
      </c>
      <c r="F13" s="1035">
        <v>5970</v>
      </c>
      <c r="G13" s="1034">
        <v>77353</v>
      </c>
      <c r="H13" s="1035">
        <v>71383</v>
      </c>
      <c r="I13" s="1034">
        <v>3259</v>
      </c>
      <c r="J13" s="1035">
        <v>484175</v>
      </c>
      <c r="K13" s="1036">
        <v>480916</v>
      </c>
      <c r="L13" s="1030"/>
    </row>
    <row r="14" spans="1:12" ht="13.5" customHeight="1">
      <c r="B14" s="1031">
        <v>23</v>
      </c>
      <c r="C14" s="1032">
        <v>9051028</v>
      </c>
      <c r="D14" s="1038" t="s">
        <v>854</v>
      </c>
      <c r="E14" s="1034">
        <v>42896</v>
      </c>
      <c r="F14" s="1035">
        <v>11519</v>
      </c>
      <c r="G14" s="1034">
        <v>79870</v>
      </c>
      <c r="H14" s="1035">
        <v>68351</v>
      </c>
      <c r="I14" s="1034">
        <v>31377</v>
      </c>
      <c r="J14" s="1035">
        <v>530727</v>
      </c>
      <c r="K14" s="1036">
        <v>499350</v>
      </c>
      <c r="L14" s="1030"/>
    </row>
    <row r="15" spans="1:12" ht="14.1" customHeight="1">
      <c r="B15" s="1037">
        <v>22</v>
      </c>
      <c r="C15" s="1032">
        <v>9008132</v>
      </c>
      <c r="D15" s="1038">
        <v>21</v>
      </c>
      <c r="E15" s="1034">
        <v>42780</v>
      </c>
      <c r="F15" s="1035">
        <v>15296</v>
      </c>
      <c r="G15" s="1035">
        <v>79738</v>
      </c>
      <c r="H15" s="1035">
        <v>64442</v>
      </c>
      <c r="I15" s="1035">
        <v>27484</v>
      </c>
      <c r="J15" s="1035">
        <v>520485</v>
      </c>
      <c r="K15" s="1034">
        <v>493001</v>
      </c>
      <c r="L15" s="1030"/>
    </row>
    <row r="16" spans="1:12" ht="14.1" customHeight="1">
      <c r="B16" s="1037">
        <v>21</v>
      </c>
      <c r="C16" s="1032">
        <v>8965352</v>
      </c>
      <c r="D16" s="1038">
        <v>20</v>
      </c>
      <c r="E16" s="1034">
        <v>55096</v>
      </c>
      <c r="F16" s="1035">
        <v>16427</v>
      </c>
      <c r="G16" s="1034">
        <v>80276</v>
      </c>
      <c r="H16" s="1035">
        <v>63849</v>
      </c>
      <c r="I16" s="1034">
        <v>38669</v>
      </c>
      <c r="J16" s="1035">
        <v>530261</v>
      </c>
      <c r="K16" s="1036">
        <v>491592</v>
      </c>
      <c r="L16" s="1039"/>
    </row>
    <row r="17" spans="2:12" ht="14.1" customHeight="1">
      <c r="B17" s="1037" t="s">
        <v>855</v>
      </c>
      <c r="C17" s="1032">
        <v>8910256</v>
      </c>
      <c r="D17" s="1038">
        <v>19</v>
      </c>
      <c r="E17" s="1034">
        <v>62090</v>
      </c>
      <c r="F17" s="1035">
        <v>19192</v>
      </c>
      <c r="G17" s="1034">
        <v>80674</v>
      </c>
      <c r="H17" s="1035">
        <v>61482</v>
      </c>
      <c r="I17" s="1034">
        <v>42898</v>
      </c>
      <c r="J17" s="1035">
        <v>549582</v>
      </c>
      <c r="K17" s="1036">
        <v>506684</v>
      </c>
      <c r="L17" s="1040"/>
    </row>
    <row r="18" spans="2:12" ht="14.1" customHeight="1">
      <c r="B18" s="1037" t="s">
        <v>856</v>
      </c>
      <c r="C18" s="1041">
        <v>8848166</v>
      </c>
      <c r="D18" s="1037">
        <v>18</v>
      </c>
      <c r="E18" s="1042">
        <v>46534</v>
      </c>
      <c r="F18" s="1041">
        <v>20836</v>
      </c>
      <c r="G18" s="1043">
        <v>80256</v>
      </c>
      <c r="H18" s="1041">
        <v>59420</v>
      </c>
      <c r="I18" s="1043">
        <v>25698</v>
      </c>
      <c r="J18" s="1042">
        <v>543598</v>
      </c>
      <c r="K18" s="1042">
        <v>517900</v>
      </c>
      <c r="L18" s="1040"/>
    </row>
    <row r="19" spans="2:12" ht="14.1" customHeight="1">
      <c r="B19" s="1037" t="s">
        <v>857</v>
      </c>
      <c r="C19" s="1041">
        <v>8801632</v>
      </c>
      <c r="D19" s="1037" t="s">
        <v>858</v>
      </c>
      <c r="E19" s="1042">
        <v>52901</v>
      </c>
      <c r="F19" s="1041">
        <v>18418</v>
      </c>
      <c r="G19" s="1043">
        <v>77579</v>
      </c>
      <c r="H19" s="1041">
        <v>59161</v>
      </c>
      <c r="I19" s="1043">
        <v>34483</v>
      </c>
      <c r="J19" s="1042">
        <v>568091</v>
      </c>
      <c r="K19" s="1042">
        <v>533608</v>
      </c>
      <c r="L19" s="1040"/>
    </row>
    <row r="20" spans="2:12" ht="14.1" customHeight="1">
      <c r="B20" s="1037" t="s">
        <v>859</v>
      </c>
      <c r="C20" s="1041">
        <v>8748731</v>
      </c>
      <c r="D20" s="1037">
        <v>16</v>
      </c>
      <c r="E20" s="1042">
        <v>51011</v>
      </c>
      <c r="F20" s="1041">
        <v>25047</v>
      </c>
      <c r="G20" s="1043">
        <v>81067</v>
      </c>
      <c r="H20" s="1041">
        <v>56020</v>
      </c>
      <c r="I20" s="1043">
        <v>25964</v>
      </c>
      <c r="J20" s="1042">
        <v>558651</v>
      </c>
      <c r="K20" s="1042">
        <v>532687</v>
      </c>
      <c r="L20" s="1040"/>
    </row>
    <row r="21" spans="2:12" ht="14.1" customHeight="1">
      <c r="B21" s="1037">
        <v>16</v>
      </c>
      <c r="C21" s="1041">
        <v>8697720</v>
      </c>
      <c r="D21" s="1037">
        <v>15</v>
      </c>
      <c r="E21" s="1042">
        <v>58055</v>
      </c>
      <c r="F21" s="1041">
        <v>26314</v>
      </c>
      <c r="G21" s="1043">
        <v>81271</v>
      </c>
      <c r="H21" s="1041">
        <v>54957</v>
      </c>
      <c r="I21" s="1043">
        <v>31741</v>
      </c>
      <c r="J21" s="1042">
        <v>574857</v>
      </c>
      <c r="K21" s="1042">
        <v>543116</v>
      </c>
      <c r="L21" s="1040"/>
    </row>
    <row r="22" spans="2:12" ht="14.1" customHeight="1">
      <c r="B22" s="1037" t="s">
        <v>860</v>
      </c>
      <c r="C22" s="1041">
        <v>8639665</v>
      </c>
      <c r="D22" s="1037" t="s">
        <v>861</v>
      </c>
      <c r="E22" s="1042">
        <v>64293</v>
      </c>
      <c r="F22" s="1041">
        <v>29182</v>
      </c>
      <c r="G22" s="1043">
        <v>82685</v>
      </c>
      <c r="H22" s="1041">
        <v>53503</v>
      </c>
      <c r="I22" s="1043">
        <v>35111</v>
      </c>
      <c r="J22" s="1042">
        <v>571871</v>
      </c>
      <c r="K22" s="1042">
        <v>536760</v>
      </c>
      <c r="L22" s="1040"/>
    </row>
    <row r="23" spans="2:12" ht="14.1" customHeight="1">
      <c r="B23" s="1037" t="s">
        <v>861</v>
      </c>
      <c r="C23" s="1041">
        <v>8575372</v>
      </c>
      <c r="D23" s="1037" t="s">
        <v>862</v>
      </c>
      <c r="E23" s="1042">
        <v>71874</v>
      </c>
      <c r="F23" s="1041">
        <v>30898</v>
      </c>
      <c r="G23" s="1043">
        <v>83163</v>
      </c>
      <c r="H23" s="1041">
        <v>52265</v>
      </c>
      <c r="I23" s="1043">
        <v>40976</v>
      </c>
      <c r="J23" s="1042">
        <v>583135</v>
      </c>
      <c r="K23" s="1042">
        <v>542159</v>
      </c>
      <c r="L23" s="1040"/>
    </row>
    <row r="24" spans="2:12" ht="14.1" customHeight="1">
      <c r="B24" s="1037" t="s">
        <v>862</v>
      </c>
      <c r="C24" s="1041">
        <v>8503498</v>
      </c>
      <c r="D24" s="1037" t="s">
        <v>863</v>
      </c>
      <c r="E24" s="1042">
        <v>57324</v>
      </c>
      <c r="F24" s="1041">
        <v>33217</v>
      </c>
      <c r="G24" s="1043">
        <v>84411</v>
      </c>
      <c r="H24" s="1041">
        <v>51194</v>
      </c>
      <c r="I24" s="1043">
        <v>24107</v>
      </c>
      <c r="J24" s="1042">
        <v>591245</v>
      </c>
      <c r="K24" s="1042">
        <v>567138</v>
      </c>
      <c r="L24" s="1040"/>
    </row>
    <row r="25" spans="2:12" ht="14.1" customHeight="1">
      <c r="B25" s="1037" t="s">
        <v>864</v>
      </c>
      <c r="C25" s="1041">
        <v>8446174</v>
      </c>
      <c r="D25" s="1037" t="s">
        <v>865</v>
      </c>
      <c r="E25" s="1042">
        <v>47838</v>
      </c>
      <c r="F25" s="1041">
        <v>31408</v>
      </c>
      <c r="G25" s="1043">
        <v>83308</v>
      </c>
      <c r="H25" s="1041">
        <v>51900</v>
      </c>
      <c r="I25" s="1043">
        <v>16430</v>
      </c>
      <c r="J25" s="1042">
        <v>572124</v>
      </c>
      <c r="K25" s="1042">
        <v>555694</v>
      </c>
      <c r="L25" s="1040"/>
    </row>
    <row r="26" spans="2:12" ht="14.1" customHeight="1">
      <c r="B26" s="1037" t="s">
        <v>865</v>
      </c>
      <c r="C26" s="1041">
        <v>8398336</v>
      </c>
      <c r="D26" s="1037" t="s">
        <v>866</v>
      </c>
      <c r="E26" s="1042">
        <v>57499</v>
      </c>
      <c r="F26" s="1041">
        <v>34626</v>
      </c>
      <c r="G26" s="1043">
        <v>84711</v>
      </c>
      <c r="H26" s="1041">
        <v>50085</v>
      </c>
      <c r="I26" s="1043">
        <v>22873</v>
      </c>
      <c r="J26" s="1042">
        <v>574061</v>
      </c>
      <c r="K26" s="1042">
        <v>551188</v>
      </c>
      <c r="L26" s="1040"/>
    </row>
    <row r="27" spans="2:12" ht="14.1" customHeight="1">
      <c r="B27" s="1037" t="s">
        <v>866</v>
      </c>
      <c r="C27" s="1041">
        <v>8340837</v>
      </c>
      <c r="D27" s="1037" t="s">
        <v>867</v>
      </c>
      <c r="E27" s="1042">
        <v>45333</v>
      </c>
      <c r="F27" s="1041">
        <v>35197</v>
      </c>
      <c r="G27" s="1043">
        <v>82961</v>
      </c>
      <c r="H27" s="1041">
        <v>47764</v>
      </c>
      <c r="I27" s="1043">
        <v>10136</v>
      </c>
      <c r="J27" s="1042">
        <v>579491</v>
      </c>
      <c r="K27" s="1042">
        <v>569355</v>
      </c>
      <c r="L27" s="1040"/>
    </row>
    <row r="28" spans="2:12" ht="14.1" customHeight="1">
      <c r="B28" s="1037" t="s">
        <v>867</v>
      </c>
      <c r="C28" s="1041">
        <v>8295504</v>
      </c>
      <c r="D28" s="1037" t="s">
        <v>868</v>
      </c>
      <c r="E28" s="1042">
        <v>42839</v>
      </c>
      <c r="F28" s="1041">
        <v>36959</v>
      </c>
      <c r="G28" s="1043">
        <v>83046</v>
      </c>
      <c r="H28" s="1041">
        <v>46087</v>
      </c>
      <c r="I28" s="1043">
        <v>5880</v>
      </c>
      <c r="J28" s="1042">
        <v>590290</v>
      </c>
      <c r="K28" s="1042">
        <v>584410</v>
      </c>
      <c r="L28" s="1040"/>
    </row>
    <row r="29" spans="2:12" ht="14.1" customHeight="1">
      <c r="B29" s="1037" t="s">
        <v>868</v>
      </c>
      <c r="C29" s="1041">
        <v>8252665</v>
      </c>
      <c r="D29" s="1037" t="s">
        <v>869</v>
      </c>
      <c r="E29" s="1042">
        <v>13825</v>
      </c>
      <c r="F29" s="1041">
        <v>35304</v>
      </c>
      <c r="G29" s="1043">
        <v>82204</v>
      </c>
      <c r="H29" s="1041">
        <v>46900</v>
      </c>
      <c r="I29" s="1043">
        <v>-21479</v>
      </c>
      <c r="J29" s="1042">
        <v>598915</v>
      </c>
      <c r="K29" s="1042">
        <v>620394</v>
      </c>
      <c r="L29" s="1040"/>
    </row>
    <row r="30" spans="2:12" ht="14.1" customHeight="1">
      <c r="B30" s="1037" t="s">
        <v>870</v>
      </c>
      <c r="C30" s="1041">
        <v>8238840</v>
      </c>
      <c r="D30" s="1037" t="s">
        <v>871</v>
      </c>
      <c r="E30" s="1042">
        <v>41968</v>
      </c>
      <c r="F30" s="1041">
        <v>40246</v>
      </c>
      <c r="G30" s="1043">
        <v>85015</v>
      </c>
      <c r="H30" s="1041">
        <v>44769</v>
      </c>
      <c r="I30" s="1043">
        <v>1722</v>
      </c>
      <c r="J30" s="1042">
        <v>599910</v>
      </c>
      <c r="K30" s="1042">
        <v>598188</v>
      </c>
      <c r="L30" s="1040"/>
    </row>
    <row r="31" spans="2:12" ht="14.1" customHeight="1">
      <c r="B31" s="1037" t="s">
        <v>871</v>
      </c>
      <c r="C31" s="1041">
        <v>8196872</v>
      </c>
      <c r="D31" s="1031" t="s">
        <v>872</v>
      </c>
      <c r="E31" s="1042">
        <v>48360</v>
      </c>
      <c r="F31" s="1041">
        <v>36360</v>
      </c>
      <c r="G31" s="1043">
        <v>80550</v>
      </c>
      <c r="H31" s="1041">
        <v>44190</v>
      </c>
      <c r="I31" s="1043">
        <v>12000</v>
      </c>
      <c r="J31" s="1042">
        <v>597641</v>
      </c>
      <c r="K31" s="1042">
        <v>585641</v>
      </c>
      <c r="L31" s="1040"/>
    </row>
    <row r="32" spans="2:12" ht="14.1" customHeight="1">
      <c r="B32" s="1031" t="s">
        <v>872</v>
      </c>
      <c r="C32" s="1041">
        <v>8148512</v>
      </c>
      <c r="D32" s="1031" t="s">
        <v>873</v>
      </c>
      <c r="E32" s="1042">
        <v>63663</v>
      </c>
      <c r="F32" s="1041">
        <v>38388</v>
      </c>
      <c r="G32" s="1043">
        <v>80794</v>
      </c>
      <c r="H32" s="1041">
        <v>42406</v>
      </c>
      <c r="I32" s="1043">
        <v>25275</v>
      </c>
      <c r="J32" s="1042">
        <v>593602</v>
      </c>
      <c r="K32" s="1042">
        <v>568327</v>
      </c>
      <c r="L32" s="1040"/>
    </row>
    <row r="33" spans="2:12" ht="14.1" customHeight="1">
      <c r="B33" s="1031" t="s">
        <v>873</v>
      </c>
      <c r="C33" s="1041">
        <v>8084849</v>
      </c>
      <c r="D33" s="1037" t="s">
        <v>874</v>
      </c>
      <c r="E33" s="1042">
        <v>86102</v>
      </c>
      <c r="F33" s="1041">
        <v>40921</v>
      </c>
      <c r="G33" s="1043">
        <v>81652</v>
      </c>
      <c r="H33" s="1041">
        <v>40731</v>
      </c>
      <c r="I33" s="1043">
        <v>45181</v>
      </c>
      <c r="J33" s="1042">
        <v>596314</v>
      </c>
      <c r="K33" s="1042">
        <v>551133</v>
      </c>
      <c r="L33" s="1040"/>
    </row>
    <row r="34" spans="2:12" ht="14.1" customHeight="1">
      <c r="B34" s="1037" t="s">
        <v>874</v>
      </c>
      <c r="C34" s="1041">
        <v>7998747</v>
      </c>
      <c r="D34" s="1037" t="s">
        <v>875</v>
      </c>
      <c r="E34" s="1042">
        <v>88365</v>
      </c>
      <c r="F34" s="1041">
        <v>39966</v>
      </c>
      <c r="G34" s="1043">
        <v>79435</v>
      </c>
      <c r="H34" s="1041">
        <v>39469</v>
      </c>
      <c r="I34" s="1043">
        <v>48399</v>
      </c>
      <c r="J34" s="1042">
        <v>611876</v>
      </c>
      <c r="K34" s="1042">
        <v>563477</v>
      </c>
      <c r="L34" s="1040"/>
    </row>
    <row r="35" spans="2:12" ht="14.1" customHeight="1">
      <c r="B35" s="1037" t="s">
        <v>876</v>
      </c>
      <c r="C35" s="1041">
        <v>7910382</v>
      </c>
      <c r="D35" s="1037" t="s">
        <v>877</v>
      </c>
      <c r="E35" s="1042">
        <v>100278</v>
      </c>
      <c r="F35" s="1041">
        <v>42342</v>
      </c>
      <c r="G35" s="1043">
        <v>79173</v>
      </c>
      <c r="H35" s="1041">
        <v>36831</v>
      </c>
      <c r="I35" s="1043">
        <v>57936</v>
      </c>
      <c r="J35" s="1042">
        <v>585529</v>
      </c>
      <c r="K35" s="1042">
        <v>527593</v>
      </c>
      <c r="L35" s="1040"/>
    </row>
    <row r="36" spans="2:12" ht="14.1" customHeight="1">
      <c r="B36" s="1037" t="s">
        <v>877</v>
      </c>
      <c r="C36" s="1041">
        <v>7810104</v>
      </c>
      <c r="D36" s="1037" t="s">
        <v>878</v>
      </c>
      <c r="E36" s="1042">
        <v>109017</v>
      </c>
      <c r="F36" s="1041">
        <v>47324</v>
      </c>
      <c r="G36" s="1043">
        <v>84328</v>
      </c>
      <c r="H36" s="1041">
        <v>37004</v>
      </c>
      <c r="I36" s="1043">
        <v>61693</v>
      </c>
      <c r="J36" s="1042">
        <v>568062</v>
      </c>
      <c r="K36" s="1042">
        <v>506369</v>
      </c>
      <c r="L36" s="1040"/>
    </row>
    <row r="37" spans="2:12" ht="14.1" customHeight="1">
      <c r="B37" s="1037" t="s">
        <v>879</v>
      </c>
      <c r="C37" s="1041">
        <v>7701087</v>
      </c>
      <c r="D37" s="1037" t="s">
        <v>880</v>
      </c>
      <c r="E37" s="1042">
        <v>128890</v>
      </c>
      <c r="F37" s="1041">
        <v>48655</v>
      </c>
      <c r="G37" s="1043">
        <v>83506</v>
      </c>
      <c r="H37" s="1041">
        <v>34851</v>
      </c>
      <c r="I37" s="1043">
        <v>80235</v>
      </c>
      <c r="J37" s="1042">
        <v>579558</v>
      </c>
      <c r="K37" s="1042">
        <v>499323</v>
      </c>
      <c r="L37" s="1040"/>
    </row>
    <row r="38" spans="2:12" ht="14.1" customHeight="1">
      <c r="B38" s="1037" t="s">
        <v>880</v>
      </c>
      <c r="C38" s="1041">
        <v>7572197</v>
      </c>
      <c r="D38" s="1037" t="s">
        <v>881</v>
      </c>
      <c r="E38" s="1042">
        <v>119944</v>
      </c>
      <c r="F38" s="1041">
        <v>49040</v>
      </c>
      <c r="G38" s="1043">
        <v>83036</v>
      </c>
      <c r="H38" s="1041">
        <v>33996</v>
      </c>
      <c r="I38" s="1043">
        <v>70904</v>
      </c>
      <c r="J38" s="1042">
        <v>559606</v>
      </c>
      <c r="K38" s="1042">
        <v>488702</v>
      </c>
      <c r="L38" s="1040"/>
    </row>
    <row r="39" spans="2:12" ht="14.1" customHeight="1">
      <c r="B39" s="1037" t="s">
        <v>881</v>
      </c>
      <c r="C39" s="1041">
        <v>7452253</v>
      </c>
      <c r="D39" s="1037" t="s">
        <v>882</v>
      </c>
      <c r="E39" s="1042">
        <v>102260</v>
      </c>
      <c r="F39" s="1041">
        <v>52583</v>
      </c>
      <c r="G39" s="1043">
        <v>86202</v>
      </c>
      <c r="H39" s="1041">
        <v>33619</v>
      </c>
      <c r="I39" s="1043">
        <v>49677</v>
      </c>
      <c r="J39" s="1042">
        <v>545369</v>
      </c>
      <c r="K39" s="1042">
        <v>495692</v>
      </c>
      <c r="L39" s="1040"/>
    </row>
    <row r="40" spans="2:12" ht="14.1" customHeight="1">
      <c r="B40" s="1037" t="s">
        <v>883</v>
      </c>
      <c r="C40" s="1041">
        <v>7349993</v>
      </c>
      <c r="D40" s="1037" t="s">
        <v>884</v>
      </c>
      <c r="E40" s="1042">
        <v>101415</v>
      </c>
      <c r="F40" s="1041">
        <v>55972</v>
      </c>
      <c r="G40" s="1043">
        <v>88786</v>
      </c>
      <c r="H40" s="1041">
        <v>32814</v>
      </c>
      <c r="I40" s="1043">
        <v>45443</v>
      </c>
      <c r="J40" s="1042">
        <v>529376</v>
      </c>
      <c r="K40" s="1042">
        <v>483933</v>
      </c>
      <c r="L40" s="1040"/>
    </row>
    <row r="41" spans="2:12" ht="14.1" customHeight="1">
      <c r="B41" s="1037" t="s">
        <v>884</v>
      </c>
      <c r="C41" s="1041">
        <v>7248578</v>
      </c>
      <c r="D41" s="1037" t="s">
        <v>885</v>
      </c>
      <c r="E41" s="1042">
        <v>100535</v>
      </c>
      <c r="F41" s="1041">
        <v>58352</v>
      </c>
      <c r="G41" s="1043">
        <v>90597</v>
      </c>
      <c r="H41" s="1041">
        <v>32245</v>
      </c>
      <c r="I41" s="1043">
        <v>42183</v>
      </c>
      <c r="J41" s="1042">
        <v>530510</v>
      </c>
      <c r="K41" s="1042">
        <v>488327</v>
      </c>
      <c r="L41" s="1040"/>
    </row>
    <row r="42" spans="2:12" ht="14.1" customHeight="1">
      <c r="B42" s="1037" t="s">
        <v>885</v>
      </c>
      <c r="C42" s="1041">
        <v>7148043</v>
      </c>
      <c r="D42" s="1037" t="s">
        <v>886</v>
      </c>
      <c r="E42" s="1042">
        <v>103483</v>
      </c>
      <c r="F42" s="1041">
        <v>60339</v>
      </c>
      <c r="G42" s="1043">
        <v>90554</v>
      </c>
      <c r="H42" s="1041">
        <v>30215</v>
      </c>
      <c r="I42" s="1043">
        <v>43144</v>
      </c>
      <c r="J42" s="1042">
        <v>542446</v>
      </c>
      <c r="K42" s="1042">
        <v>499302</v>
      </c>
      <c r="L42" s="1040"/>
    </row>
    <row r="43" spans="2:12" ht="14.1" customHeight="1">
      <c r="B43" s="1037" t="s">
        <v>886</v>
      </c>
      <c r="C43" s="1041">
        <v>7044560</v>
      </c>
      <c r="D43" s="1037" t="s">
        <v>887</v>
      </c>
      <c r="E43" s="1042">
        <v>100986</v>
      </c>
      <c r="F43" s="1041">
        <v>62127</v>
      </c>
      <c r="G43" s="1043">
        <v>92348</v>
      </c>
      <c r="H43" s="1041">
        <v>30221</v>
      </c>
      <c r="I43" s="1043">
        <v>38859</v>
      </c>
      <c r="J43" s="1042">
        <v>540831</v>
      </c>
      <c r="K43" s="1042">
        <v>501972</v>
      </c>
      <c r="L43" s="1040"/>
    </row>
    <row r="44" spans="2:12" ht="14.1" customHeight="1">
      <c r="B44" s="1037" t="s">
        <v>887</v>
      </c>
      <c r="C44" s="1041">
        <v>6943574</v>
      </c>
      <c r="D44" s="1037" t="s">
        <v>888</v>
      </c>
      <c r="E44" s="1042">
        <v>86534</v>
      </c>
      <c r="F44" s="1041">
        <v>64640</v>
      </c>
      <c r="G44" s="1043">
        <v>94274</v>
      </c>
      <c r="H44" s="1041">
        <v>29634</v>
      </c>
      <c r="I44" s="1043">
        <v>21894</v>
      </c>
      <c r="J44" s="1042">
        <v>549403</v>
      </c>
      <c r="K44" s="1042">
        <v>527509</v>
      </c>
      <c r="L44" s="1040"/>
    </row>
    <row r="45" spans="2:12" ht="14.1" customHeight="1">
      <c r="B45" s="1037" t="s">
        <v>889</v>
      </c>
      <c r="C45" s="1041">
        <v>6857040</v>
      </c>
      <c r="D45" s="1037" t="s">
        <v>890</v>
      </c>
      <c r="E45" s="1042">
        <v>97817</v>
      </c>
      <c r="F45" s="1041">
        <v>71989</v>
      </c>
      <c r="G45" s="1043">
        <v>99947</v>
      </c>
      <c r="H45" s="1041">
        <v>27958</v>
      </c>
      <c r="I45" s="1043">
        <v>25828</v>
      </c>
      <c r="J45" s="1042">
        <v>572868</v>
      </c>
      <c r="K45" s="1042">
        <v>547040</v>
      </c>
      <c r="L45" s="1040"/>
    </row>
    <row r="46" spans="2:12" ht="14.1" customHeight="1">
      <c r="B46" s="1037" t="s">
        <v>890</v>
      </c>
      <c r="C46" s="1041">
        <v>6759223</v>
      </c>
      <c r="D46" s="1037" t="s">
        <v>891</v>
      </c>
      <c r="E46" s="1042">
        <v>112529</v>
      </c>
      <c r="F46" s="1041">
        <v>76221</v>
      </c>
      <c r="G46" s="1043">
        <v>104017</v>
      </c>
      <c r="H46" s="1041">
        <v>27796</v>
      </c>
      <c r="I46" s="1043">
        <v>36308</v>
      </c>
      <c r="J46" s="1042">
        <v>577221</v>
      </c>
      <c r="K46" s="1042">
        <v>540913</v>
      </c>
      <c r="L46" s="1040"/>
    </row>
    <row r="47" spans="2:12" ht="14.1" customHeight="1">
      <c r="B47" s="1037" t="s">
        <v>891</v>
      </c>
      <c r="C47" s="1041">
        <v>6646694</v>
      </c>
      <c r="D47" s="1037" t="s">
        <v>892</v>
      </c>
      <c r="E47" s="1042">
        <v>112020</v>
      </c>
      <c r="F47" s="1041">
        <v>81332</v>
      </c>
      <c r="G47" s="1043">
        <v>108145</v>
      </c>
      <c r="H47" s="1041">
        <v>26813</v>
      </c>
      <c r="I47" s="1043">
        <v>30688</v>
      </c>
      <c r="J47" s="1042">
        <v>580079</v>
      </c>
      <c r="K47" s="1042">
        <v>549391</v>
      </c>
      <c r="L47" s="1040"/>
    </row>
    <row r="48" spans="2:12" ht="14.1" customHeight="1">
      <c r="B48" s="1037" t="s">
        <v>892</v>
      </c>
      <c r="C48" s="1041">
        <v>6534674</v>
      </c>
      <c r="D48" s="1037" t="s">
        <v>893</v>
      </c>
      <c r="E48" s="1042">
        <v>113349</v>
      </c>
      <c r="F48" s="1041">
        <v>87123</v>
      </c>
      <c r="G48" s="1043">
        <v>113644</v>
      </c>
      <c r="H48" s="1041">
        <v>26521</v>
      </c>
      <c r="I48" s="1043">
        <v>26226</v>
      </c>
      <c r="J48" s="1042">
        <v>582766</v>
      </c>
      <c r="K48" s="1042">
        <v>556540</v>
      </c>
      <c r="L48" s="1040"/>
    </row>
    <row r="49" spans="1:12" ht="14.1" customHeight="1">
      <c r="B49" s="1037" t="s">
        <v>893</v>
      </c>
      <c r="C49" s="1041">
        <v>6421325</v>
      </c>
      <c r="D49" s="1037" t="s">
        <v>894</v>
      </c>
      <c r="E49" s="1042">
        <v>125327</v>
      </c>
      <c r="F49" s="1041">
        <v>90784</v>
      </c>
      <c r="G49" s="1043">
        <v>117269</v>
      </c>
      <c r="H49" s="1041">
        <v>26485</v>
      </c>
      <c r="I49" s="1043">
        <v>34543</v>
      </c>
      <c r="J49" s="1042">
        <v>607335</v>
      </c>
      <c r="K49" s="1042">
        <v>572792</v>
      </c>
      <c r="L49" s="1040"/>
    </row>
    <row r="50" spans="1:12" ht="14.1" customHeight="1">
      <c r="B50" s="1037" t="s">
        <v>895</v>
      </c>
      <c r="C50" s="1041">
        <v>6295998</v>
      </c>
      <c r="D50" s="1037" t="s">
        <v>896</v>
      </c>
      <c r="E50" s="1042">
        <v>157902</v>
      </c>
      <c r="F50" s="1041">
        <v>101799</v>
      </c>
      <c r="G50" s="1043">
        <v>128524</v>
      </c>
      <c r="H50" s="1041">
        <v>26725</v>
      </c>
      <c r="I50" s="1043">
        <v>56103</v>
      </c>
      <c r="J50" s="1042">
        <v>658495</v>
      </c>
      <c r="K50" s="1042">
        <v>602392</v>
      </c>
      <c r="L50" s="1040"/>
    </row>
    <row r="51" spans="1:12" ht="14.1" customHeight="1">
      <c r="B51" s="1037" t="s">
        <v>896</v>
      </c>
      <c r="C51" s="1041">
        <v>6138096</v>
      </c>
      <c r="D51" s="1037" t="s">
        <v>897</v>
      </c>
      <c r="E51" s="1042">
        <v>179906</v>
      </c>
      <c r="F51" s="1041">
        <v>108371</v>
      </c>
      <c r="G51" s="1043">
        <v>134217</v>
      </c>
      <c r="H51" s="1041">
        <v>25846</v>
      </c>
      <c r="I51" s="1043">
        <v>71535</v>
      </c>
      <c r="J51" s="1042">
        <v>700624</v>
      </c>
      <c r="K51" s="1042">
        <v>629089</v>
      </c>
      <c r="L51" s="1040"/>
    </row>
    <row r="52" spans="1:12" ht="14.1" customHeight="1">
      <c r="B52" s="1037" t="s">
        <v>897</v>
      </c>
      <c r="C52" s="1041">
        <v>5958190</v>
      </c>
      <c r="D52" s="1037" t="s">
        <v>898</v>
      </c>
      <c r="E52" s="1042">
        <v>199934</v>
      </c>
      <c r="F52" s="1041">
        <v>106384</v>
      </c>
      <c r="G52" s="1043">
        <v>131361</v>
      </c>
      <c r="H52" s="1041">
        <v>24977</v>
      </c>
      <c r="I52" s="1043">
        <v>93550</v>
      </c>
      <c r="J52" s="1042">
        <v>701526</v>
      </c>
      <c r="K52" s="1042">
        <v>607976</v>
      </c>
      <c r="L52" s="1040"/>
    </row>
    <row r="53" spans="1:12" ht="14.1" customHeight="1">
      <c r="B53" s="1037" t="s">
        <v>898</v>
      </c>
      <c r="C53" s="1041">
        <v>5758256</v>
      </c>
      <c r="D53" s="1037" t="s">
        <v>899</v>
      </c>
      <c r="E53" s="1042">
        <v>233876</v>
      </c>
      <c r="F53" s="1041">
        <v>102700</v>
      </c>
      <c r="G53" s="1043">
        <v>126635</v>
      </c>
      <c r="H53" s="1041">
        <v>23935</v>
      </c>
      <c r="I53" s="1043">
        <v>131176</v>
      </c>
      <c r="J53" s="1042">
        <v>714259</v>
      </c>
      <c r="K53" s="1042">
        <v>583083</v>
      </c>
      <c r="L53" s="1040"/>
    </row>
    <row r="54" spans="1:12" ht="14.1" customHeight="1">
      <c r="B54" s="1037" t="s">
        <v>899</v>
      </c>
      <c r="C54" s="1041">
        <v>5524380</v>
      </c>
      <c r="D54" s="1037" t="s">
        <v>900</v>
      </c>
      <c r="E54" s="1042">
        <v>231476</v>
      </c>
      <c r="F54" s="1041">
        <v>97696</v>
      </c>
      <c r="G54" s="1043">
        <v>120706</v>
      </c>
      <c r="H54" s="1041">
        <v>23010</v>
      </c>
      <c r="I54" s="1043">
        <v>133780</v>
      </c>
      <c r="J54" s="1042">
        <v>770448</v>
      </c>
      <c r="K54" s="1042">
        <v>636668</v>
      </c>
      <c r="L54" s="1040"/>
    </row>
    <row r="55" spans="1:12" ht="14.1" customHeight="1">
      <c r="B55" s="1037" t="s">
        <v>901</v>
      </c>
      <c r="C55" s="1041">
        <v>5292904</v>
      </c>
      <c r="D55" s="1037" t="s">
        <v>902</v>
      </c>
      <c r="E55" s="1042">
        <v>219526</v>
      </c>
      <c r="F55" s="1041">
        <v>90246</v>
      </c>
      <c r="G55" s="1043">
        <v>111300</v>
      </c>
      <c r="H55" s="1041">
        <v>21054</v>
      </c>
      <c r="I55" s="1043">
        <v>129280</v>
      </c>
      <c r="J55" s="1042">
        <v>728289</v>
      </c>
      <c r="K55" s="1042">
        <v>599009</v>
      </c>
      <c r="L55" s="1040"/>
    </row>
    <row r="56" spans="1:12" ht="14.1" customHeight="1">
      <c r="B56" s="1037" t="s">
        <v>902</v>
      </c>
      <c r="C56" s="1041">
        <v>5073378</v>
      </c>
      <c r="D56" s="1037" t="s">
        <v>903</v>
      </c>
      <c r="E56" s="1042">
        <v>227639</v>
      </c>
      <c r="F56" s="1041">
        <v>86018</v>
      </c>
      <c r="G56" s="1043">
        <v>106834</v>
      </c>
      <c r="H56" s="1041">
        <v>20816</v>
      </c>
      <c r="I56" s="1043">
        <v>141621</v>
      </c>
      <c r="J56" s="1042">
        <v>692357</v>
      </c>
      <c r="K56" s="1042">
        <v>550736</v>
      </c>
      <c r="L56" s="1040"/>
    </row>
    <row r="57" spans="1:12" ht="14.1" customHeight="1">
      <c r="B57" s="1037" t="s">
        <v>903</v>
      </c>
      <c r="C57" s="1041">
        <v>4845739</v>
      </c>
      <c r="D57" s="1037" t="s">
        <v>904</v>
      </c>
      <c r="E57" s="1042">
        <v>207214</v>
      </c>
      <c r="F57" s="1041">
        <v>85699</v>
      </c>
      <c r="G57" s="1043">
        <v>105413</v>
      </c>
      <c r="H57" s="1041">
        <v>19714</v>
      </c>
      <c r="I57" s="1043">
        <v>121515</v>
      </c>
      <c r="J57" s="1042">
        <v>624117</v>
      </c>
      <c r="K57" s="1042">
        <v>502602</v>
      </c>
      <c r="L57" s="1040"/>
    </row>
    <row r="58" spans="1:12" ht="13.5" customHeight="1" thickBot="1">
      <c r="A58" s="1044"/>
      <c r="B58" s="1045" t="s">
        <v>904</v>
      </c>
      <c r="C58" s="1046">
        <v>4638525</v>
      </c>
      <c r="D58" s="1045" t="s">
        <v>905</v>
      </c>
      <c r="E58" s="1047">
        <v>164190</v>
      </c>
      <c r="F58" s="1046">
        <v>55394</v>
      </c>
      <c r="G58" s="1048">
        <v>74176</v>
      </c>
      <c r="H58" s="1046">
        <v>18782</v>
      </c>
      <c r="I58" s="1048">
        <v>108796</v>
      </c>
      <c r="J58" s="1047">
        <v>606898</v>
      </c>
      <c r="K58" s="1047">
        <v>498102</v>
      </c>
      <c r="L58" s="1049"/>
    </row>
    <row r="59" spans="1:12" ht="12.75" thickTop="1">
      <c r="A59" s="1006"/>
      <c r="B59" s="1050" t="s">
        <v>906</v>
      </c>
      <c r="C59" s="1051" t="s">
        <v>907</v>
      </c>
      <c r="D59" s="1051"/>
      <c r="E59" s="1051"/>
      <c r="F59" s="1051"/>
      <c r="G59" s="1051"/>
      <c r="H59" s="1051"/>
      <c r="I59" s="1051"/>
      <c r="J59" s="1051"/>
      <c r="K59" s="1051"/>
      <c r="L59" s="1052"/>
    </row>
    <row r="60" spans="1:12">
      <c r="B60" s="1053"/>
      <c r="C60" s="1053" t="s">
        <v>908</v>
      </c>
      <c r="D60" s="1053"/>
      <c r="E60" s="1053"/>
      <c r="F60" s="1053"/>
      <c r="G60" s="1053"/>
      <c r="H60" s="1053"/>
      <c r="I60" s="1053"/>
      <c r="J60" s="1053"/>
      <c r="K60" s="1053"/>
      <c r="L60" s="1054"/>
    </row>
  </sheetData>
  <mergeCells count="3">
    <mergeCell ref="B2:C3"/>
    <mergeCell ref="B4:B5"/>
    <mergeCell ref="C4:C5"/>
  </mergeCells>
  <phoneticPr fontId="3"/>
  <pageMargins left="0.70866141732283472" right="0.59055118110236227" top="0.59055118110236227" bottom="0.51181102362204722" header="0.51181102362204722" footer="0.19685039370078741"/>
  <pageSetup paperSize="9" firstPageNumber="57" fitToWidth="0" orientation="portrait" useFirstPageNumber="1" horizontalDpi="300" verticalDpi="300" r:id="rId1"/>
  <headerFooter>
    <oddFooter>&amp;C&amp;"ＭＳ ゴシック,太字"&amp;9-&amp;P-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8"/>
  <sheetViews>
    <sheetView showGridLines="0" zoomScaleNormal="100" zoomScaleSheetLayoutView="80" workbookViewId="0">
      <selection sqref="A1:H1"/>
    </sheetView>
  </sheetViews>
  <sheetFormatPr defaultRowHeight="13.5"/>
  <cols>
    <col min="1" max="1" width="3.75" style="197" customWidth="1"/>
    <col min="2" max="2" width="0.625" style="197" customWidth="1"/>
    <col min="3" max="3" width="10.125" style="197" customWidth="1"/>
    <col min="4" max="4" width="0.625" style="197" customWidth="1"/>
    <col min="5" max="8" width="10.25" style="197" customWidth="1"/>
    <col min="9" max="9" width="7.375" style="197" customWidth="1"/>
    <col min="10" max="10" width="5.625" style="197" customWidth="1"/>
    <col min="11" max="11" width="6.25" style="197" customWidth="1"/>
    <col min="12" max="12" width="6.5" style="197" customWidth="1"/>
    <col min="13" max="13" width="6.25" style="197" customWidth="1"/>
    <col min="14" max="14" width="6.25" style="197" hidden="1" customWidth="1"/>
    <col min="15" max="241" width="9" style="197"/>
    <col min="242" max="242" width="3.75" style="197" customWidth="1"/>
    <col min="243" max="243" width="0.625" style="197" customWidth="1"/>
    <col min="244" max="244" width="10.125" style="197" customWidth="1"/>
    <col min="245" max="245" width="0.625" style="197" customWidth="1"/>
    <col min="246" max="249" width="10.25" style="197" customWidth="1"/>
    <col min="250" max="250" width="7.375" style="197" customWidth="1"/>
    <col min="251" max="251" width="5.625" style="197" customWidth="1"/>
    <col min="252" max="252" width="6.25" style="197" customWidth="1"/>
    <col min="253" max="253" width="6.5" style="197" customWidth="1"/>
    <col min="254" max="254" width="6.25" style="197" customWidth="1"/>
    <col min="255" max="255" width="0" style="197" hidden="1" customWidth="1"/>
    <col min="256" max="256" width="9" style="197"/>
    <col min="257" max="257" width="10.375" style="197" bestFit="1" customWidth="1"/>
    <col min="258" max="258" width="9.75" style="197" bestFit="1" customWidth="1"/>
    <col min="259" max="259" width="9" style="197"/>
    <col min="260" max="260" width="9.75" style="197" bestFit="1" customWidth="1"/>
    <col min="261" max="261" width="9.75" style="197" customWidth="1"/>
    <col min="262" max="264" width="9" style="197"/>
    <col min="265" max="265" width="9.75" style="197" bestFit="1" customWidth="1"/>
    <col min="266" max="497" width="9" style="197"/>
    <col min="498" max="498" width="3.75" style="197" customWidth="1"/>
    <col min="499" max="499" width="0.625" style="197" customWidth="1"/>
    <col min="500" max="500" width="10.125" style="197" customWidth="1"/>
    <col min="501" max="501" width="0.625" style="197" customWidth="1"/>
    <col min="502" max="505" width="10.25" style="197" customWidth="1"/>
    <col min="506" max="506" width="7.375" style="197" customWidth="1"/>
    <col min="507" max="507" width="5.625" style="197" customWidth="1"/>
    <col min="508" max="508" width="6.25" style="197" customWidth="1"/>
    <col min="509" max="509" width="6.5" style="197" customWidth="1"/>
    <col min="510" max="510" width="6.25" style="197" customWidth="1"/>
    <col min="511" max="511" width="0" style="197" hidden="1" customWidth="1"/>
    <col min="512" max="512" width="9" style="197"/>
    <col min="513" max="513" width="10.375" style="197" bestFit="1" customWidth="1"/>
    <col min="514" max="514" width="9.75" style="197" bestFit="1" customWidth="1"/>
    <col min="515" max="515" width="9" style="197"/>
    <col min="516" max="516" width="9.75" style="197" bestFit="1" customWidth="1"/>
    <col min="517" max="517" width="9.75" style="197" customWidth="1"/>
    <col min="518" max="520" width="9" style="197"/>
    <col min="521" max="521" width="9.75" style="197" bestFit="1" customWidth="1"/>
    <col min="522" max="753" width="9" style="197"/>
    <col min="754" max="754" width="3.75" style="197" customWidth="1"/>
    <col min="755" max="755" width="0.625" style="197" customWidth="1"/>
    <col min="756" max="756" width="10.125" style="197" customWidth="1"/>
    <col min="757" max="757" width="0.625" style="197" customWidth="1"/>
    <col min="758" max="761" width="10.25" style="197" customWidth="1"/>
    <col min="762" max="762" width="7.375" style="197" customWidth="1"/>
    <col min="763" max="763" width="5.625" style="197" customWidth="1"/>
    <col min="764" max="764" width="6.25" style="197" customWidth="1"/>
    <col min="765" max="765" width="6.5" style="197" customWidth="1"/>
    <col min="766" max="766" width="6.25" style="197" customWidth="1"/>
    <col min="767" max="767" width="0" style="197" hidden="1" customWidth="1"/>
    <col min="768" max="768" width="9" style="197"/>
    <col min="769" max="769" width="10.375" style="197" bestFit="1" customWidth="1"/>
    <col min="770" max="770" width="9.75" style="197" bestFit="1" customWidth="1"/>
    <col min="771" max="771" width="9" style="197"/>
    <col min="772" max="772" width="9.75" style="197" bestFit="1" customWidth="1"/>
    <col min="773" max="773" width="9.75" style="197" customWidth="1"/>
    <col min="774" max="776" width="9" style="197"/>
    <col min="777" max="777" width="9.75" style="197" bestFit="1" customWidth="1"/>
    <col min="778" max="1009" width="9" style="197"/>
    <col min="1010" max="1010" width="3.75" style="197" customWidth="1"/>
    <col min="1011" max="1011" width="0.625" style="197" customWidth="1"/>
    <col min="1012" max="1012" width="10.125" style="197" customWidth="1"/>
    <col min="1013" max="1013" width="0.625" style="197" customWidth="1"/>
    <col min="1014" max="1017" width="10.25" style="197" customWidth="1"/>
    <col min="1018" max="1018" width="7.375" style="197" customWidth="1"/>
    <col min="1019" max="1019" width="5.625" style="197" customWidth="1"/>
    <col min="1020" max="1020" width="6.25" style="197" customWidth="1"/>
    <col min="1021" max="1021" width="6.5" style="197" customWidth="1"/>
    <col min="1022" max="1022" width="6.25" style="197" customWidth="1"/>
    <col min="1023" max="1023" width="0" style="197" hidden="1" customWidth="1"/>
    <col min="1024" max="1024" width="9" style="197"/>
    <col min="1025" max="1025" width="10.375" style="197" bestFit="1" customWidth="1"/>
    <col min="1026" max="1026" width="9.75" style="197" bestFit="1" customWidth="1"/>
    <col min="1027" max="1027" width="9" style="197"/>
    <col min="1028" max="1028" width="9.75" style="197" bestFit="1" customWidth="1"/>
    <col min="1029" max="1029" width="9.75" style="197" customWidth="1"/>
    <col min="1030" max="1032" width="9" style="197"/>
    <col min="1033" max="1033" width="9.75" style="197" bestFit="1" customWidth="1"/>
    <col min="1034" max="1265" width="9" style="197"/>
    <col min="1266" max="1266" width="3.75" style="197" customWidth="1"/>
    <col min="1267" max="1267" width="0.625" style="197" customWidth="1"/>
    <col min="1268" max="1268" width="10.125" style="197" customWidth="1"/>
    <col min="1269" max="1269" width="0.625" style="197" customWidth="1"/>
    <col min="1270" max="1273" width="10.25" style="197" customWidth="1"/>
    <col min="1274" max="1274" width="7.375" style="197" customWidth="1"/>
    <col min="1275" max="1275" width="5.625" style="197" customWidth="1"/>
    <col min="1276" max="1276" width="6.25" style="197" customWidth="1"/>
    <col min="1277" max="1277" width="6.5" style="197" customWidth="1"/>
    <col min="1278" max="1278" width="6.25" style="197" customWidth="1"/>
    <col min="1279" max="1279" width="0" style="197" hidden="1" customWidth="1"/>
    <col min="1280" max="1280" width="9" style="197"/>
    <col min="1281" max="1281" width="10.375" style="197" bestFit="1" customWidth="1"/>
    <col min="1282" max="1282" width="9.75" style="197" bestFit="1" customWidth="1"/>
    <col min="1283" max="1283" width="9" style="197"/>
    <col min="1284" max="1284" width="9.75" style="197" bestFit="1" customWidth="1"/>
    <col min="1285" max="1285" width="9.75" style="197" customWidth="1"/>
    <col min="1286" max="1288" width="9" style="197"/>
    <col min="1289" max="1289" width="9.75" style="197" bestFit="1" customWidth="1"/>
    <col min="1290" max="1521" width="9" style="197"/>
    <col min="1522" max="1522" width="3.75" style="197" customWidth="1"/>
    <col min="1523" max="1523" width="0.625" style="197" customWidth="1"/>
    <col min="1524" max="1524" width="10.125" style="197" customWidth="1"/>
    <col min="1525" max="1525" width="0.625" style="197" customWidth="1"/>
    <col min="1526" max="1529" width="10.25" style="197" customWidth="1"/>
    <col min="1530" max="1530" width="7.375" style="197" customWidth="1"/>
    <col min="1531" max="1531" width="5.625" style="197" customWidth="1"/>
    <col min="1532" max="1532" width="6.25" style="197" customWidth="1"/>
    <col min="1533" max="1533" width="6.5" style="197" customWidth="1"/>
    <col min="1534" max="1534" width="6.25" style="197" customWidth="1"/>
    <col min="1535" max="1535" width="0" style="197" hidden="1" customWidth="1"/>
    <col min="1536" max="1536" width="9" style="197"/>
    <col min="1537" max="1537" width="10.375" style="197" bestFit="1" customWidth="1"/>
    <col min="1538" max="1538" width="9.75" style="197" bestFit="1" customWidth="1"/>
    <col min="1539" max="1539" width="9" style="197"/>
    <col min="1540" max="1540" width="9.75" style="197" bestFit="1" customWidth="1"/>
    <col min="1541" max="1541" width="9.75" style="197" customWidth="1"/>
    <col min="1542" max="1544" width="9" style="197"/>
    <col min="1545" max="1545" width="9.75" style="197" bestFit="1" customWidth="1"/>
    <col min="1546" max="1777" width="9" style="197"/>
    <col min="1778" max="1778" width="3.75" style="197" customWidth="1"/>
    <col min="1779" max="1779" width="0.625" style="197" customWidth="1"/>
    <col min="1780" max="1780" width="10.125" style="197" customWidth="1"/>
    <col min="1781" max="1781" width="0.625" style="197" customWidth="1"/>
    <col min="1782" max="1785" width="10.25" style="197" customWidth="1"/>
    <col min="1786" max="1786" width="7.375" style="197" customWidth="1"/>
    <col min="1787" max="1787" width="5.625" style="197" customWidth="1"/>
    <col min="1788" max="1788" width="6.25" style="197" customWidth="1"/>
    <col min="1789" max="1789" width="6.5" style="197" customWidth="1"/>
    <col min="1790" max="1790" width="6.25" style="197" customWidth="1"/>
    <col min="1791" max="1791" width="0" style="197" hidden="1" customWidth="1"/>
    <col min="1792" max="1792" width="9" style="197"/>
    <col min="1793" max="1793" width="10.375" style="197" bestFit="1" customWidth="1"/>
    <col min="1794" max="1794" width="9.75" style="197" bestFit="1" customWidth="1"/>
    <col min="1795" max="1795" width="9" style="197"/>
    <col min="1796" max="1796" width="9.75" style="197" bestFit="1" customWidth="1"/>
    <col min="1797" max="1797" width="9.75" style="197" customWidth="1"/>
    <col min="1798" max="1800" width="9" style="197"/>
    <col min="1801" max="1801" width="9.75" style="197" bestFit="1" customWidth="1"/>
    <col min="1802" max="2033" width="9" style="197"/>
    <col min="2034" max="2034" width="3.75" style="197" customWidth="1"/>
    <col min="2035" max="2035" width="0.625" style="197" customWidth="1"/>
    <col min="2036" max="2036" width="10.125" style="197" customWidth="1"/>
    <col min="2037" max="2037" width="0.625" style="197" customWidth="1"/>
    <col min="2038" max="2041" width="10.25" style="197" customWidth="1"/>
    <col min="2042" max="2042" width="7.375" style="197" customWidth="1"/>
    <col min="2043" max="2043" width="5.625" style="197" customWidth="1"/>
    <col min="2044" max="2044" width="6.25" style="197" customWidth="1"/>
    <col min="2045" max="2045" width="6.5" style="197" customWidth="1"/>
    <col min="2046" max="2046" width="6.25" style="197" customWidth="1"/>
    <col min="2047" max="2047" width="0" style="197" hidden="1" customWidth="1"/>
    <col min="2048" max="2048" width="9" style="197"/>
    <col min="2049" max="2049" width="10.375" style="197" bestFit="1" customWidth="1"/>
    <col min="2050" max="2050" width="9.75" style="197" bestFit="1" customWidth="1"/>
    <col min="2051" max="2051" width="9" style="197"/>
    <col min="2052" max="2052" width="9.75" style="197" bestFit="1" customWidth="1"/>
    <col min="2053" max="2053" width="9.75" style="197" customWidth="1"/>
    <col min="2054" max="2056" width="9" style="197"/>
    <col min="2057" max="2057" width="9.75" style="197" bestFit="1" customWidth="1"/>
    <col min="2058" max="2289" width="9" style="197"/>
    <col min="2290" max="2290" width="3.75" style="197" customWidth="1"/>
    <col min="2291" max="2291" width="0.625" style="197" customWidth="1"/>
    <col min="2292" max="2292" width="10.125" style="197" customWidth="1"/>
    <col min="2293" max="2293" width="0.625" style="197" customWidth="1"/>
    <col min="2294" max="2297" width="10.25" style="197" customWidth="1"/>
    <col min="2298" max="2298" width="7.375" style="197" customWidth="1"/>
    <col min="2299" max="2299" width="5.625" style="197" customWidth="1"/>
    <col min="2300" max="2300" width="6.25" style="197" customWidth="1"/>
    <col min="2301" max="2301" width="6.5" style="197" customWidth="1"/>
    <col min="2302" max="2302" width="6.25" style="197" customWidth="1"/>
    <col min="2303" max="2303" width="0" style="197" hidden="1" customWidth="1"/>
    <col min="2304" max="2304" width="9" style="197"/>
    <col min="2305" max="2305" width="10.375" style="197" bestFit="1" customWidth="1"/>
    <col min="2306" max="2306" width="9.75" style="197" bestFit="1" customWidth="1"/>
    <col min="2307" max="2307" width="9" style="197"/>
    <col min="2308" max="2308" width="9.75" style="197" bestFit="1" customWidth="1"/>
    <col min="2309" max="2309" width="9.75" style="197" customWidth="1"/>
    <col min="2310" max="2312" width="9" style="197"/>
    <col min="2313" max="2313" width="9.75" style="197" bestFit="1" customWidth="1"/>
    <col min="2314" max="2545" width="9" style="197"/>
    <col min="2546" max="2546" width="3.75" style="197" customWidth="1"/>
    <col min="2547" max="2547" width="0.625" style="197" customWidth="1"/>
    <col min="2548" max="2548" width="10.125" style="197" customWidth="1"/>
    <col min="2549" max="2549" width="0.625" style="197" customWidth="1"/>
    <col min="2550" max="2553" width="10.25" style="197" customWidth="1"/>
    <col min="2554" max="2554" width="7.375" style="197" customWidth="1"/>
    <col min="2555" max="2555" width="5.625" style="197" customWidth="1"/>
    <col min="2556" max="2556" width="6.25" style="197" customWidth="1"/>
    <col min="2557" max="2557" width="6.5" style="197" customWidth="1"/>
    <col min="2558" max="2558" width="6.25" style="197" customWidth="1"/>
    <col min="2559" max="2559" width="0" style="197" hidden="1" customWidth="1"/>
    <col min="2560" max="2560" width="9" style="197"/>
    <col min="2561" max="2561" width="10.375" style="197" bestFit="1" customWidth="1"/>
    <col min="2562" max="2562" width="9.75" style="197" bestFit="1" customWidth="1"/>
    <col min="2563" max="2563" width="9" style="197"/>
    <col min="2564" max="2564" width="9.75" style="197" bestFit="1" customWidth="1"/>
    <col min="2565" max="2565" width="9.75" style="197" customWidth="1"/>
    <col min="2566" max="2568" width="9" style="197"/>
    <col min="2569" max="2569" width="9.75" style="197" bestFit="1" customWidth="1"/>
    <col min="2570" max="2801" width="9" style="197"/>
    <col min="2802" max="2802" width="3.75" style="197" customWidth="1"/>
    <col min="2803" max="2803" width="0.625" style="197" customWidth="1"/>
    <col min="2804" max="2804" width="10.125" style="197" customWidth="1"/>
    <col min="2805" max="2805" width="0.625" style="197" customWidth="1"/>
    <col min="2806" max="2809" width="10.25" style="197" customWidth="1"/>
    <col min="2810" max="2810" width="7.375" style="197" customWidth="1"/>
    <col min="2811" max="2811" width="5.625" style="197" customWidth="1"/>
    <col min="2812" max="2812" width="6.25" style="197" customWidth="1"/>
    <col min="2813" max="2813" width="6.5" style="197" customWidth="1"/>
    <col min="2814" max="2814" width="6.25" style="197" customWidth="1"/>
    <col min="2815" max="2815" width="0" style="197" hidden="1" customWidth="1"/>
    <col min="2816" max="2816" width="9" style="197"/>
    <col min="2817" max="2817" width="10.375" style="197" bestFit="1" customWidth="1"/>
    <col min="2818" max="2818" width="9.75" style="197" bestFit="1" customWidth="1"/>
    <col min="2819" max="2819" width="9" style="197"/>
    <col min="2820" max="2820" width="9.75" style="197" bestFit="1" customWidth="1"/>
    <col min="2821" max="2821" width="9.75" style="197" customWidth="1"/>
    <col min="2822" max="2824" width="9" style="197"/>
    <col min="2825" max="2825" width="9.75" style="197" bestFit="1" customWidth="1"/>
    <col min="2826" max="3057" width="9" style="197"/>
    <col min="3058" max="3058" width="3.75" style="197" customWidth="1"/>
    <col min="3059" max="3059" width="0.625" style="197" customWidth="1"/>
    <col min="3060" max="3060" width="10.125" style="197" customWidth="1"/>
    <col min="3061" max="3061" width="0.625" style="197" customWidth="1"/>
    <col min="3062" max="3065" width="10.25" style="197" customWidth="1"/>
    <col min="3066" max="3066" width="7.375" style="197" customWidth="1"/>
    <col min="3067" max="3067" width="5.625" style="197" customWidth="1"/>
    <col min="3068" max="3068" width="6.25" style="197" customWidth="1"/>
    <col min="3069" max="3069" width="6.5" style="197" customWidth="1"/>
    <col min="3070" max="3070" width="6.25" style="197" customWidth="1"/>
    <col min="3071" max="3071" width="0" style="197" hidden="1" customWidth="1"/>
    <col min="3072" max="3072" width="9" style="197"/>
    <col min="3073" max="3073" width="10.375" style="197" bestFit="1" customWidth="1"/>
    <col min="3074" max="3074" width="9.75" style="197" bestFit="1" customWidth="1"/>
    <col min="3075" max="3075" width="9" style="197"/>
    <col min="3076" max="3076" width="9.75" style="197" bestFit="1" customWidth="1"/>
    <col min="3077" max="3077" width="9.75" style="197" customWidth="1"/>
    <col min="3078" max="3080" width="9" style="197"/>
    <col min="3081" max="3081" width="9.75" style="197" bestFit="1" customWidth="1"/>
    <col min="3082" max="3313" width="9" style="197"/>
    <col min="3314" max="3314" width="3.75" style="197" customWidth="1"/>
    <col min="3315" max="3315" width="0.625" style="197" customWidth="1"/>
    <col min="3316" max="3316" width="10.125" style="197" customWidth="1"/>
    <col min="3317" max="3317" width="0.625" style="197" customWidth="1"/>
    <col min="3318" max="3321" width="10.25" style="197" customWidth="1"/>
    <col min="3322" max="3322" width="7.375" style="197" customWidth="1"/>
    <col min="3323" max="3323" width="5.625" style="197" customWidth="1"/>
    <col min="3324" max="3324" width="6.25" style="197" customWidth="1"/>
    <col min="3325" max="3325" width="6.5" style="197" customWidth="1"/>
    <col min="3326" max="3326" width="6.25" style="197" customWidth="1"/>
    <col min="3327" max="3327" width="0" style="197" hidden="1" customWidth="1"/>
    <col min="3328" max="3328" width="9" style="197"/>
    <col min="3329" max="3329" width="10.375" style="197" bestFit="1" customWidth="1"/>
    <col min="3330" max="3330" width="9.75" style="197" bestFit="1" customWidth="1"/>
    <col min="3331" max="3331" width="9" style="197"/>
    <col min="3332" max="3332" width="9.75" style="197" bestFit="1" customWidth="1"/>
    <col min="3333" max="3333" width="9.75" style="197" customWidth="1"/>
    <col min="3334" max="3336" width="9" style="197"/>
    <col min="3337" max="3337" width="9.75" style="197" bestFit="1" customWidth="1"/>
    <col min="3338" max="3569" width="9" style="197"/>
    <col min="3570" max="3570" width="3.75" style="197" customWidth="1"/>
    <col min="3571" max="3571" width="0.625" style="197" customWidth="1"/>
    <col min="3572" max="3572" width="10.125" style="197" customWidth="1"/>
    <col min="3573" max="3573" width="0.625" style="197" customWidth="1"/>
    <col min="3574" max="3577" width="10.25" style="197" customWidth="1"/>
    <col min="3578" max="3578" width="7.375" style="197" customWidth="1"/>
    <col min="3579" max="3579" width="5.625" style="197" customWidth="1"/>
    <col min="3580" max="3580" width="6.25" style="197" customWidth="1"/>
    <col min="3581" max="3581" width="6.5" style="197" customWidth="1"/>
    <col min="3582" max="3582" width="6.25" style="197" customWidth="1"/>
    <col min="3583" max="3583" width="0" style="197" hidden="1" customWidth="1"/>
    <col min="3584" max="3584" width="9" style="197"/>
    <col min="3585" max="3585" width="10.375" style="197" bestFit="1" customWidth="1"/>
    <col min="3586" max="3586" width="9.75" style="197" bestFit="1" customWidth="1"/>
    <col min="3587" max="3587" width="9" style="197"/>
    <col min="3588" max="3588" width="9.75" style="197" bestFit="1" customWidth="1"/>
    <col min="3589" max="3589" width="9.75" style="197" customWidth="1"/>
    <col min="3590" max="3592" width="9" style="197"/>
    <col min="3593" max="3593" width="9.75" style="197" bestFit="1" customWidth="1"/>
    <col min="3594" max="3825" width="9" style="197"/>
    <col min="3826" max="3826" width="3.75" style="197" customWidth="1"/>
    <col min="3827" max="3827" width="0.625" style="197" customWidth="1"/>
    <col min="3828" max="3828" width="10.125" style="197" customWidth="1"/>
    <col min="3829" max="3829" width="0.625" style="197" customWidth="1"/>
    <col min="3830" max="3833" width="10.25" style="197" customWidth="1"/>
    <col min="3834" max="3834" width="7.375" style="197" customWidth="1"/>
    <col min="3835" max="3835" width="5.625" style="197" customWidth="1"/>
    <col min="3836" max="3836" width="6.25" style="197" customWidth="1"/>
    <col min="3837" max="3837" width="6.5" style="197" customWidth="1"/>
    <col min="3838" max="3838" width="6.25" style="197" customWidth="1"/>
    <col min="3839" max="3839" width="0" style="197" hidden="1" customWidth="1"/>
    <col min="3840" max="3840" width="9" style="197"/>
    <col min="3841" max="3841" width="10.375" style="197" bestFit="1" customWidth="1"/>
    <col min="3842" max="3842" width="9.75" style="197" bestFit="1" customWidth="1"/>
    <col min="3843" max="3843" width="9" style="197"/>
    <col min="3844" max="3844" width="9.75" style="197" bestFit="1" customWidth="1"/>
    <col min="3845" max="3845" width="9.75" style="197" customWidth="1"/>
    <col min="3846" max="3848" width="9" style="197"/>
    <col min="3849" max="3849" width="9.75" style="197" bestFit="1" customWidth="1"/>
    <col min="3850" max="4081" width="9" style="197"/>
    <col min="4082" max="4082" width="3.75" style="197" customWidth="1"/>
    <col min="4083" max="4083" width="0.625" style="197" customWidth="1"/>
    <col min="4084" max="4084" width="10.125" style="197" customWidth="1"/>
    <col min="4085" max="4085" width="0.625" style="197" customWidth="1"/>
    <col min="4086" max="4089" width="10.25" style="197" customWidth="1"/>
    <col min="4090" max="4090" width="7.375" style="197" customWidth="1"/>
    <col min="4091" max="4091" width="5.625" style="197" customWidth="1"/>
    <col min="4092" max="4092" width="6.25" style="197" customWidth="1"/>
    <col min="4093" max="4093" width="6.5" style="197" customWidth="1"/>
    <col min="4094" max="4094" width="6.25" style="197" customWidth="1"/>
    <col min="4095" max="4095" width="0" style="197" hidden="1" customWidth="1"/>
    <col min="4096" max="4096" width="9" style="197"/>
    <col min="4097" max="4097" width="10.375" style="197" bestFit="1" customWidth="1"/>
    <col min="4098" max="4098" width="9.75" style="197" bestFit="1" customWidth="1"/>
    <col min="4099" max="4099" width="9" style="197"/>
    <col min="4100" max="4100" width="9.75" style="197" bestFit="1" customWidth="1"/>
    <col min="4101" max="4101" width="9.75" style="197" customWidth="1"/>
    <col min="4102" max="4104" width="9" style="197"/>
    <col min="4105" max="4105" width="9.75" style="197" bestFit="1" customWidth="1"/>
    <col min="4106" max="4337" width="9" style="197"/>
    <col min="4338" max="4338" width="3.75" style="197" customWidth="1"/>
    <col min="4339" max="4339" width="0.625" style="197" customWidth="1"/>
    <col min="4340" max="4340" width="10.125" style="197" customWidth="1"/>
    <col min="4341" max="4341" width="0.625" style="197" customWidth="1"/>
    <col min="4342" max="4345" width="10.25" style="197" customWidth="1"/>
    <col min="4346" max="4346" width="7.375" style="197" customWidth="1"/>
    <col min="4347" max="4347" width="5.625" style="197" customWidth="1"/>
    <col min="4348" max="4348" width="6.25" style="197" customWidth="1"/>
    <col min="4349" max="4349" width="6.5" style="197" customWidth="1"/>
    <col min="4350" max="4350" width="6.25" style="197" customWidth="1"/>
    <col min="4351" max="4351" width="0" style="197" hidden="1" customWidth="1"/>
    <col min="4352" max="4352" width="9" style="197"/>
    <col min="4353" max="4353" width="10.375" style="197" bestFit="1" customWidth="1"/>
    <col min="4354" max="4354" width="9.75" style="197" bestFit="1" customWidth="1"/>
    <col min="4355" max="4355" width="9" style="197"/>
    <col min="4356" max="4356" width="9.75" style="197" bestFit="1" customWidth="1"/>
    <col min="4357" max="4357" width="9.75" style="197" customWidth="1"/>
    <col min="4358" max="4360" width="9" style="197"/>
    <col min="4361" max="4361" width="9.75" style="197" bestFit="1" customWidth="1"/>
    <col min="4362" max="4593" width="9" style="197"/>
    <col min="4594" max="4594" width="3.75" style="197" customWidth="1"/>
    <col min="4595" max="4595" width="0.625" style="197" customWidth="1"/>
    <col min="4596" max="4596" width="10.125" style="197" customWidth="1"/>
    <col min="4597" max="4597" width="0.625" style="197" customWidth="1"/>
    <col min="4598" max="4601" width="10.25" style="197" customWidth="1"/>
    <col min="4602" max="4602" width="7.375" style="197" customWidth="1"/>
    <col min="4603" max="4603" width="5.625" style="197" customWidth="1"/>
    <col min="4604" max="4604" width="6.25" style="197" customWidth="1"/>
    <col min="4605" max="4605" width="6.5" style="197" customWidth="1"/>
    <col min="4606" max="4606" width="6.25" style="197" customWidth="1"/>
    <col min="4607" max="4607" width="0" style="197" hidden="1" customWidth="1"/>
    <col min="4608" max="4608" width="9" style="197"/>
    <col min="4609" max="4609" width="10.375" style="197" bestFit="1" customWidth="1"/>
    <col min="4610" max="4610" width="9.75" style="197" bestFit="1" customWidth="1"/>
    <col min="4611" max="4611" width="9" style="197"/>
    <col min="4612" max="4612" width="9.75" style="197" bestFit="1" customWidth="1"/>
    <col min="4613" max="4613" width="9.75" style="197" customWidth="1"/>
    <col min="4614" max="4616" width="9" style="197"/>
    <col min="4617" max="4617" width="9.75" style="197" bestFit="1" customWidth="1"/>
    <col min="4618" max="4849" width="9" style="197"/>
    <col min="4850" max="4850" width="3.75" style="197" customWidth="1"/>
    <col min="4851" max="4851" width="0.625" style="197" customWidth="1"/>
    <col min="4852" max="4852" width="10.125" style="197" customWidth="1"/>
    <col min="4853" max="4853" width="0.625" style="197" customWidth="1"/>
    <col min="4854" max="4857" width="10.25" style="197" customWidth="1"/>
    <col min="4858" max="4858" width="7.375" style="197" customWidth="1"/>
    <col min="4859" max="4859" width="5.625" style="197" customWidth="1"/>
    <col min="4860" max="4860" width="6.25" style="197" customWidth="1"/>
    <col min="4861" max="4861" width="6.5" style="197" customWidth="1"/>
    <col min="4862" max="4862" width="6.25" style="197" customWidth="1"/>
    <col min="4863" max="4863" width="0" style="197" hidden="1" customWidth="1"/>
    <col min="4864" max="4864" width="9" style="197"/>
    <col min="4865" max="4865" width="10.375" style="197" bestFit="1" customWidth="1"/>
    <col min="4866" max="4866" width="9.75" style="197" bestFit="1" customWidth="1"/>
    <col min="4867" max="4867" width="9" style="197"/>
    <col min="4868" max="4868" width="9.75" style="197" bestFit="1" customWidth="1"/>
    <col min="4869" max="4869" width="9.75" style="197" customWidth="1"/>
    <col min="4870" max="4872" width="9" style="197"/>
    <col min="4873" max="4873" width="9.75" style="197" bestFit="1" customWidth="1"/>
    <col min="4874" max="5105" width="9" style="197"/>
    <col min="5106" max="5106" width="3.75" style="197" customWidth="1"/>
    <col min="5107" max="5107" width="0.625" style="197" customWidth="1"/>
    <col min="5108" max="5108" width="10.125" style="197" customWidth="1"/>
    <col min="5109" max="5109" width="0.625" style="197" customWidth="1"/>
    <col min="5110" max="5113" width="10.25" style="197" customWidth="1"/>
    <col min="5114" max="5114" width="7.375" style="197" customWidth="1"/>
    <col min="5115" max="5115" width="5.625" style="197" customWidth="1"/>
    <col min="5116" max="5116" width="6.25" style="197" customWidth="1"/>
    <col min="5117" max="5117" width="6.5" style="197" customWidth="1"/>
    <col min="5118" max="5118" width="6.25" style="197" customWidth="1"/>
    <col min="5119" max="5119" width="0" style="197" hidden="1" customWidth="1"/>
    <col min="5120" max="5120" width="9" style="197"/>
    <col min="5121" max="5121" width="10.375" style="197" bestFit="1" customWidth="1"/>
    <col min="5122" max="5122" width="9.75" style="197" bestFit="1" customWidth="1"/>
    <col min="5123" max="5123" width="9" style="197"/>
    <col min="5124" max="5124" width="9.75" style="197" bestFit="1" customWidth="1"/>
    <col min="5125" max="5125" width="9.75" style="197" customWidth="1"/>
    <col min="5126" max="5128" width="9" style="197"/>
    <col min="5129" max="5129" width="9.75" style="197" bestFit="1" customWidth="1"/>
    <col min="5130" max="5361" width="9" style="197"/>
    <col min="5362" max="5362" width="3.75" style="197" customWidth="1"/>
    <col min="5363" max="5363" width="0.625" style="197" customWidth="1"/>
    <col min="5364" max="5364" width="10.125" style="197" customWidth="1"/>
    <col min="5365" max="5365" width="0.625" style="197" customWidth="1"/>
    <col min="5366" max="5369" width="10.25" style="197" customWidth="1"/>
    <col min="5370" max="5370" width="7.375" style="197" customWidth="1"/>
    <col min="5371" max="5371" width="5.625" style="197" customWidth="1"/>
    <col min="5372" max="5372" width="6.25" style="197" customWidth="1"/>
    <col min="5373" max="5373" width="6.5" style="197" customWidth="1"/>
    <col min="5374" max="5374" width="6.25" style="197" customWidth="1"/>
    <col min="5375" max="5375" width="0" style="197" hidden="1" customWidth="1"/>
    <col min="5376" max="5376" width="9" style="197"/>
    <col min="5377" max="5377" width="10.375" style="197" bestFit="1" customWidth="1"/>
    <col min="5378" max="5378" width="9.75" style="197" bestFit="1" customWidth="1"/>
    <col min="5379" max="5379" width="9" style="197"/>
    <col min="5380" max="5380" width="9.75" style="197" bestFit="1" customWidth="1"/>
    <col min="5381" max="5381" width="9.75" style="197" customWidth="1"/>
    <col min="5382" max="5384" width="9" style="197"/>
    <col min="5385" max="5385" width="9.75" style="197" bestFit="1" customWidth="1"/>
    <col min="5386" max="5617" width="9" style="197"/>
    <col min="5618" max="5618" width="3.75" style="197" customWidth="1"/>
    <col min="5619" max="5619" width="0.625" style="197" customWidth="1"/>
    <col min="5620" max="5620" width="10.125" style="197" customWidth="1"/>
    <col min="5621" max="5621" width="0.625" style="197" customWidth="1"/>
    <col min="5622" max="5625" width="10.25" style="197" customWidth="1"/>
    <col min="5626" max="5626" width="7.375" style="197" customWidth="1"/>
    <col min="5627" max="5627" width="5.625" style="197" customWidth="1"/>
    <col min="5628" max="5628" width="6.25" style="197" customWidth="1"/>
    <col min="5629" max="5629" width="6.5" style="197" customWidth="1"/>
    <col min="5630" max="5630" width="6.25" style="197" customWidth="1"/>
    <col min="5631" max="5631" width="0" style="197" hidden="1" customWidth="1"/>
    <col min="5632" max="5632" width="9" style="197"/>
    <col min="5633" max="5633" width="10.375" style="197" bestFit="1" customWidth="1"/>
    <col min="5634" max="5634" width="9.75" style="197" bestFit="1" customWidth="1"/>
    <col min="5635" max="5635" width="9" style="197"/>
    <col min="5636" max="5636" width="9.75" style="197" bestFit="1" customWidth="1"/>
    <col min="5637" max="5637" width="9.75" style="197" customWidth="1"/>
    <col min="5638" max="5640" width="9" style="197"/>
    <col min="5641" max="5641" width="9.75" style="197" bestFit="1" customWidth="1"/>
    <col min="5642" max="5873" width="9" style="197"/>
    <col min="5874" max="5874" width="3.75" style="197" customWidth="1"/>
    <col min="5875" max="5875" width="0.625" style="197" customWidth="1"/>
    <col min="5876" max="5876" width="10.125" style="197" customWidth="1"/>
    <col min="5877" max="5877" width="0.625" style="197" customWidth="1"/>
    <col min="5878" max="5881" width="10.25" style="197" customWidth="1"/>
    <col min="5882" max="5882" width="7.375" style="197" customWidth="1"/>
    <col min="5883" max="5883" width="5.625" style="197" customWidth="1"/>
    <col min="5884" max="5884" width="6.25" style="197" customWidth="1"/>
    <col min="5885" max="5885" width="6.5" style="197" customWidth="1"/>
    <col min="5886" max="5886" width="6.25" style="197" customWidth="1"/>
    <col min="5887" max="5887" width="0" style="197" hidden="1" customWidth="1"/>
    <col min="5888" max="5888" width="9" style="197"/>
    <col min="5889" max="5889" width="10.375" style="197" bestFit="1" customWidth="1"/>
    <col min="5890" max="5890" width="9.75" style="197" bestFit="1" customWidth="1"/>
    <col min="5891" max="5891" width="9" style="197"/>
    <col min="5892" max="5892" width="9.75" style="197" bestFit="1" customWidth="1"/>
    <col min="5893" max="5893" width="9.75" style="197" customWidth="1"/>
    <col min="5894" max="5896" width="9" style="197"/>
    <col min="5897" max="5897" width="9.75" style="197" bestFit="1" customWidth="1"/>
    <col min="5898" max="6129" width="9" style="197"/>
    <col min="6130" max="6130" width="3.75" style="197" customWidth="1"/>
    <col min="6131" max="6131" width="0.625" style="197" customWidth="1"/>
    <col min="6132" max="6132" width="10.125" style="197" customWidth="1"/>
    <col min="6133" max="6133" width="0.625" style="197" customWidth="1"/>
    <col min="6134" max="6137" width="10.25" style="197" customWidth="1"/>
    <col min="6138" max="6138" width="7.375" style="197" customWidth="1"/>
    <col min="6139" max="6139" width="5.625" style="197" customWidth="1"/>
    <col min="6140" max="6140" width="6.25" style="197" customWidth="1"/>
    <col min="6141" max="6141" width="6.5" style="197" customWidth="1"/>
    <col min="6142" max="6142" width="6.25" style="197" customWidth="1"/>
    <col min="6143" max="6143" width="0" style="197" hidden="1" customWidth="1"/>
    <col min="6144" max="6144" width="9" style="197"/>
    <col min="6145" max="6145" width="10.375" style="197" bestFit="1" customWidth="1"/>
    <col min="6146" max="6146" width="9.75" style="197" bestFit="1" customWidth="1"/>
    <col min="6147" max="6147" width="9" style="197"/>
    <col min="6148" max="6148" width="9.75" style="197" bestFit="1" customWidth="1"/>
    <col min="6149" max="6149" width="9.75" style="197" customWidth="1"/>
    <col min="6150" max="6152" width="9" style="197"/>
    <col min="6153" max="6153" width="9.75" style="197" bestFit="1" customWidth="1"/>
    <col min="6154" max="6385" width="9" style="197"/>
    <col min="6386" max="6386" width="3.75" style="197" customWidth="1"/>
    <col min="6387" max="6387" width="0.625" style="197" customWidth="1"/>
    <col min="6388" max="6388" width="10.125" style="197" customWidth="1"/>
    <col min="6389" max="6389" width="0.625" style="197" customWidth="1"/>
    <col min="6390" max="6393" width="10.25" style="197" customWidth="1"/>
    <col min="6394" max="6394" width="7.375" style="197" customWidth="1"/>
    <col min="6395" max="6395" width="5.625" style="197" customWidth="1"/>
    <col min="6396" max="6396" width="6.25" style="197" customWidth="1"/>
    <col min="6397" max="6397" width="6.5" style="197" customWidth="1"/>
    <col min="6398" max="6398" width="6.25" style="197" customWidth="1"/>
    <col min="6399" max="6399" width="0" style="197" hidden="1" customWidth="1"/>
    <col min="6400" max="6400" width="9" style="197"/>
    <col min="6401" max="6401" width="10.375" style="197" bestFit="1" customWidth="1"/>
    <col min="6402" max="6402" width="9.75" style="197" bestFit="1" customWidth="1"/>
    <col min="6403" max="6403" width="9" style="197"/>
    <col min="6404" max="6404" width="9.75" style="197" bestFit="1" customWidth="1"/>
    <col min="6405" max="6405" width="9.75" style="197" customWidth="1"/>
    <col min="6406" max="6408" width="9" style="197"/>
    <col min="6409" max="6409" width="9.75" style="197" bestFit="1" customWidth="1"/>
    <col min="6410" max="6641" width="9" style="197"/>
    <col min="6642" max="6642" width="3.75" style="197" customWidth="1"/>
    <col min="6643" max="6643" width="0.625" style="197" customWidth="1"/>
    <col min="6644" max="6644" width="10.125" style="197" customWidth="1"/>
    <col min="6645" max="6645" width="0.625" style="197" customWidth="1"/>
    <col min="6646" max="6649" width="10.25" style="197" customWidth="1"/>
    <col min="6650" max="6650" width="7.375" style="197" customWidth="1"/>
    <col min="6651" max="6651" width="5.625" style="197" customWidth="1"/>
    <col min="6652" max="6652" width="6.25" style="197" customWidth="1"/>
    <col min="6653" max="6653" width="6.5" style="197" customWidth="1"/>
    <col min="6654" max="6654" width="6.25" style="197" customWidth="1"/>
    <col min="6655" max="6655" width="0" style="197" hidden="1" customWidth="1"/>
    <col min="6656" max="6656" width="9" style="197"/>
    <col min="6657" max="6657" width="10.375" style="197" bestFit="1" customWidth="1"/>
    <col min="6658" max="6658" width="9.75" style="197" bestFit="1" customWidth="1"/>
    <col min="6659" max="6659" width="9" style="197"/>
    <col min="6660" max="6660" width="9.75" style="197" bestFit="1" customWidth="1"/>
    <col min="6661" max="6661" width="9.75" style="197" customWidth="1"/>
    <col min="6662" max="6664" width="9" style="197"/>
    <col min="6665" max="6665" width="9.75" style="197" bestFit="1" customWidth="1"/>
    <col min="6666" max="6897" width="9" style="197"/>
    <col min="6898" max="6898" width="3.75" style="197" customWidth="1"/>
    <col min="6899" max="6899" width="0.625" style="197" customWidth="1"/>
    <col min="6900" max="6900" width="10.125" style="197" customWidth="1"/>
    <col min="6901" max="6901" width="0.625" style="197" customWidth="1"/>
    <col min="6902" max="6905" width="10.25" style="197" customWidth="1"/>
    <col min="6906" max="6906" width="7.375" style="197" customWidth="1"/>
    <col min="6907" max="6907" width="5.625" style="197" customWidth="1"/>
    <col min="6908" max="6908" width="6.25" style="197" customWidth="1"/>
    <col min="6909" max="6909" width="6.5" style="197" customWidth="1"/>
    <col min="6910" max="6910" width="6.25" style="197" customWidth="1"/>
    <col min="6911" max="6911" width="0" style="197" hidden="1" customWidth="1"/>
    <col min="6912" max="6912" width="9" style="197"/>
    <col min="6913" max="6913" width="10.375" style="197" bestFit="1" customWidth="1"/>
    <col min="6914" max="6914" width="9.75" style="197" bestFit="1" customWidth="1"/>
    <col min="6915" max="6915" width="9" style="197"/>
    <col min="6916" max="6916" width="9.75" style="197" bestFit="1" customWidth="1"/>
    <col min="6917" max="6917" width="9.75" style="197" customWidth="1"/>
    <col min="6918" max="6920" width="9" style="197"/>
    <col min="6921" max="6921" width="9.75" style="197" bestFit="1" customWidth="1"/>
    <col min="6922" max="7153" width="9" style="197"/>
    <col min="7154" max="7154" width="3.75" style="197" customWidth="1"/>
    <col min="7155" max="7155" width="0.625" style="197" customWidth="1"/>
    <col min="7156" max="7156" width="10.125" style="197" customWidth="1"/>
    <col min="7157" max="7157" width="0.625" style="197" customWidth="1"/>
    <col min="7158" max="7161" width="10.25" style="197" customWidth="1"/>
    <col min="7162" max="7162" width="7.375" style="197" customWidth="1"/>
    <col min="7163" max="7163" width="5.625" style="197" customWidth="1"/>
    <col min="7164" max="7164" width="6.25" style="197" customWidth="1"/>
    <col min="7165" max="7165" width="6.5" style="197" customWidth="1"/>
    <col min="7166" max="7166" width="6.25" style="197" customWidth="1"/>
    <col min="7167" max="7167" width="0" style="197" hidden="1" customWidth="1"/>
    <col min="7168" max="7168" width="9" style="197"/>
    <col min="7169" max="7169" width="10.375" style="197" bestFit="1" customWidth="1"/>
    <col min="7170" max="7170" width="9.75" style="197" bestFit="1" customWidth="1"/>
    <col min="7171" max="7171" width="9" style="197"/>
    <col min="7172" max="7172" width="9.75" style="197" bestFit="1" customWidth="1"/>
    <col min="7173" max="7173" width="9.75" style="197" customWidth="1"/>
    <col min="7174" max="7176" width="9" style="197"/>
    <col min="7177" max="7177" width="9.75" style="197" bestFit="1" customWidth="1"/>
    <col min="7178" max="7409" width="9" style="197"/>
    <col min="7410" max="7410" width="3.75" style="197" customWidth="1"/>
    <col min="7411" max="7411" width="0.625" style="197" customWidth="1"/>
    <col min="7412" max="7412" width="10.125" style="197" customWidth="1"/>
    <col min="7413" max="7413" width="0.625" style="197" customWidth="1"/>
    <col min="7414" max="7417" width="10.25" style="197" customWidth="1"/>
    <col min="7418" max="7418" width="7.375" style="197" customWidth="1"/>
    <col min="7419" max="7419" width="5.625" style="197" customWidth="1"/>
    <col min="7420" max="7420" width="6.25" style="197" customWidth="1"/>
    <col min="7421" max="7421" width="6.5" style="197" customWidth="1"/>
    <col min="7422" max="7422" width="6.25" style="197" customWidth="1"/>
    <col min="7423" max="7423" width="0" style="197" hidden="1" customWidth="1"/>
    <col min="7424" max="7424" width="9" style="197"/>
    <col min="7425" max="7425" width="10.375" style="197" bestFit="1" customWidth="1"/>
    <col min="7426" max="7426" width="9.75" style="197" bestFit="1" customWidth="1"/>
    <col min="7427" max="7427" width="9" style="197"/>
    <col min="7428" max="7428" width="9.75" style="197" bestFit="1" customWidth="1"/>
    <col min="7429" max="7429" width="9.75" style="197" customWidth="1"/>
    <col min="7430" max="7432" width="9" style="197"/>
    <col min="7433" max="7433" width="9.75" style="197" bestFit="1" customWidth="1"/>
    <col min="7434" max="7665" width="9" style="197"/>
    <col min="7666" max="7666" width="3.75" style="197" customWidth="1"/>
    <col min="7667" max="7667" width="0.625" style="197" customWidth="1"/>
    <col min="7668" max="7668" width="10.125" style="197" customWidth="1"/>
    <col min="7669" max="7669" width="0.625" style="197" customWidth="1"/>
    <col min="7670" max="7673" width="10.25" style="197" customWidth="1"/>
    <col min="7674" max="7674" width="7.375" style="197" customWidth="1"/>
    <col min="7675" max="7675" width="5.625" style="197" customWidth="1"/>
    <col min="7676" max="7676" width="6.25" style="197" customWidth="1"/>
    <col min="7677" max="7677" width="6.5" style="197" customWidth="1"/>
    <col min="7678" max="7678" width="6.25" style="197" customWidth="1"/>
    <col min="7679" max="7679" width="0" style="197" hidden="1" customWidth="1"/>
    <col min="7680" max="7680" width="9" style="197"/>
    <col min="7681" max="7681" width="10.375" style="197" bestFit="1" customWidth="1"/>
    <col min="7682" max="7682" width="9.75" style="197" bestFit="1" customWidth="1"/>
    <col min="7683" max="7683" width="9" style="197"/>
    <col min="7684" max="7684" width="9.75" style="197" bestFit="1" customWidth="1"/>
    <col min="7685" max="7685" width="9.75" style="197" customWidth="1"/>
    <col min="7686" max="7688" width="9" style="197"/>
    <col min="7689" max="7689" width="9.75" style="197" bestFit="1" customWidth="1"/>
    <col min="7690" max="7921" width="9" style="197"/>
    <col min="7922" max="7922" width="3.75" style="197" customWidth="1"/>
    <col min="7923" max="7923" width="0.625" style="197" customWidth="1"/>
    <col min="7924" max="7924" width="10.125" style="197" customWidth="1"/>
    <col min="7925" max="7925" width="0.625" style="197" customWidth="1"/>
    <col min="7926" max="7929" width="10.25" style="197" customWidth="1"/>
    <col min="7930" max="7930" width="7.375" style="197" customWidth="1"/>
    <col min="7931" max="7931" width="5.625" style="197" customWidth="1"/>
    <col min="7932" max="7932" width="6.25" style="197" customWidth="1"/>
    <col min="7933" max="7933" width="6.5" style="197" customWidth="1"/>
    <col min="7934" max="7934" width="6.25" style="197" customWidth="1"/>
    <col min="7935" max="7935" width="0" style="197" hidden="1" customWidth="1"/>
    <col min="7936" max="7936" width="9" style="197"/>
    <col min="7937" max="7937" width="10.375" style="197" bestFit="1" customWidth="1"/>
    <col min="7938" max="7938" width="9.75" style="197" bestFit="1" customWidth="1"/>
    <col min="7939" max="7939" width="9" style="197"/>
    <col min="7940" max="7940" width="9.75" style="197" bestFit="1" customWidth="1"/>
    <col min="7941" max="7941" width="9.75" style="197" customWidth="1"/>
    <col min="7942" max="7944" width="9" style="197"/>
    <col min="7945" max="7945" width="9.75" style="197" bestFit="1" customWidth="1"/>
    <col min="7946" max="8177" width="9" style="197"/>
    <col min="8178" max="8178" width="3.75" style="197" customWidth="1"/>
    <col min="8179" max="8179" width="0.625" style="197" customWidth="1"/>
    <col min="8180" max="8180" width="10.125" style="197" customWidth="1"/>
    <col min="8181" max="8181" width="0.625" style="197" customWidth="1"/>
    <col min="8182" max="8185" width="10.25" style="197" customWidth="1"/>
    <col min="8186" max="8186" width="7.375" style="197" customWidth="1"/>
    <col min="8187" max="8187" width="5.625" style="197" customWidth="1"/>
    <col min="8188" max="8188" width="6.25" style="197" customWidth="1"/>
    <col min="8189" max="8189" width="6.5" style="197" customWidth="1"/>
    <col min="8190" max="8190" width="6.25" style="197" customWidth="1"/>
    <col min="8191" max="8191" width="0" style="197" hidden="1" customWidth="1"/>
    <col min="8192" max="8192" width="9" style="197"/>
    <col min="8193" max="8193" width="10.375" style="197" bestFit="1" customWidth="1"/>
    <col min="8194" max="8194" width="9.75" style="197" bestFit="1" customWidth="1"/>
    <col min="8195" max="8195" width="9" style="197"/>
    <col min="8196" max="8196" width="9.75" style="197" bestFit="1" customWidth="1"/>
    <col min="8197" max="8197" width="9.75" style="197" customWidth="1"/>
    <col min="8198" max="8200" width="9" style="197"/>
    <col min="8201" max="8201" width="9.75" style="197" bestFit="1" customWidth="1"/>
    <col min="8202" max="8433" width="9" style="197"/>
    <col min="8434" max="8434" width="3.75" style="197" customWidth="1"/>
    <col min="8435" max="8435" width="0.625" style="197" customWidth="1"/>
    <col min="8436" max="8436" width="10.125" style="197" customWidth="1"/>
    <col min="8437" max="8437" width="0.625" style="197" customWidth="1"/>
    <col min="8438" max="8441" width="10.25" style="197" customWidth="1"/>
    <col min="8442" max="8442" width="7.375" style="197" customWidth="1"/>
    <col min="8443" max="8443" width="5.625" style="197" customWidth="1"/>
    <col min="8444" max="8444" width="6.25" style="197" customWidth="1"/>
    <col min="8445" max="8445" width="6.5" style="197" customWidth="1"/>
    <col min="8446" max="8446" width="6.25" style="197" customWidth="1"/>
    <col min="8447" max="8447" width="0" style="197" hidden="1" customWidth="1"/>
    <col min="8448" max="8448" width="9" style="197"/>
    <col min="8449" max="8449" width="10.375" style="197" bestFit="1" customWidth="1"/>
    <col min="8450" max="8450" width="9.75" style="197" bestFit="1" customWidth="1"/>
    <col min="8451" max="8451" width="9" style="197"/>
    <col min="8452" max="8452" width="9.75" style="197" bestFit="1" customWidth="1"/>
    <col min="8453" max="8453" width="9.75" style="197" customWidth="1"/>
    <col min="8454" max="8456" width="9" style="197"/>
    <col min="8457" max="8457" width="9.75" style="197" bestFit="1" customWidth="1"/>
    <col min="8458" max="8689" width="9" style="197"/>
    <col min="8690" max="8690" width="3.75" style="197" customWidth="1"/>
    <col min="8691" max="8691" width="0.625" style="197" customWidth="1"/>
    <col min="8692" max="8692" width="10.125" style="197" customWidth="1"/>
    <col min="8693" max="8693" width="0.625" style="197" customWidth="1"/>
    <col min="8694" max="8697" width="10.25" style="197" customWidth="1"/>
    <col min="8698" max="8698" width="7.375" style="197" customWidth="1"/>
    <col min="8699" max="8699" width="5.625" style="197" customWidth="1"/>
    <col min="8700" max="8700" width="6.25" style="197" customWidth="1"/>
    <col min="8701" max="8701" width="6.5" style="197" customWidth="1"/>
    <col min="8702" max="8702" width="6.25" style="197" customWidth="1"/>
    <col min="8703" max="8703" width="0" style="197" hidden="1" customWidth="1"/>
    <col min="8704" max="8704" width="9" style="197"/>
    <col min="8705" max="8705" width="10.375" style="197" bestFit="1" customWidth="1"/>
    <col min="8706" max="8706" width="9.75" style="197" bestFit="1" customWidth="1"/>
    <col min="8707" max="8707" width="9" style="197"/>
    <col min="8708" max="8708" width="9.75" style="197" bestFit="1" customWidth="1"/>
    <col min="8709" max="8709" width="9.75" style="197" customWidth="1"/>
    <col min="8710" max="8712" width="9" style="197"/>
    <col min="8713" max="8713" width="9.75" style="197" bestFit="1" customWidth="1"/>
    <col min="8714" max="8945" width="9" style="197"/>
    <col min="8946" max="8946" width="3.75" style="197" customWidth="1"/>
    <col min="8947" max="8947" width="0.625" style="197" customWidth="1"/>
    <col min="8948" max="8948" width="10.125" style="197" customWidth="1"/>
    <col min="8949" max="8949" width="0.625" style="197" customWidth="1"/>
    <col min="8950" max="8953" width="10.25" style="197" customWidth="1"/>
    <col min="8954" max="8954" width="7.375" style="197" customWidth="1"/>
    <col min="8955" max="8955" width="5.625" style="197" customWidth="1"/>
    <col min="8956" max="8956" width="6.25" style="197" customWidth="1"/>
    <col min="8957" max="8957" width="6.5" style="197" customWidth="1"/>
    <col min="8958" max="8958" width="6.25" style="197" customWidth="1"/>
    <col min="8959" max="8959" width="0" style="197" hidden="1" customWidth="1"/>
    <col min="8960" max="8960" width="9" style="197"/>
    <col min="8961" max="8961" width="10.375" style="197" bestFit="1" customWidth="1"/>
    <col min="8962" max="8962" width="9.75" style="197" bestFit="1" customWidth="1"/>
    <col min="8963" max="8963" width="9" style="197"/>
    <col min="8964" max="8964" width="9.75" style="197" bestFit="1" customWidth="1"/>
    <col min="8965" max="8965" width="9.75" style="197" customWidth="1"/>
    <col min="8966" max="8968" width="9" style="197"/>
    <col min="8969" max="8969" width="9.75" style="197" bestFit="1" customWidth="1"/>
    <col min="8970" max="9201" width="9" style="197"/>
    <col min="9202" max="9202" width="3.75" style="197" customWidth="1"/>
    <col min="9203" max="9203" width="0.625" style="197" customWidth="1"/>
    <col min="9204" max="9204" width="10.125" style="197" customWidth="1"/>
    <col min="9205" max="9205" width="0.625" style="197" customWidth="1"/>
    <col min="9206" max="9209" width="10.25" style="197" customWidth="1"/>
    <col min="9210" max="9210" width="7.375" style="197" customWidth="1"/>
    <col min="9211" max="9211" width="5.625" style="197" customWidth="1"/>
    <col min="9212" max="9212" width="6.25" style="197" customWidth="1"/>
    <col min="9213" max="9213" width="6.5" style="197" customWidth="1"/>
    <col min="9214" max="9214" width="6.25" style="197" customWidth="1"/>
    <col min="9215" max="9215" width="0" style="197" hidden="1" customWidth="1"/>
    <col min="9216" max="9216" width="9" style="197"/>
    <col min="9217" max="9217" width="10.375" style="197" bestFit="1" customWidth="1"/>
    <col min="9218" max="9218" width="9.75" style="197" bestFit="1" customWidth="1"/>
    <col min="9219" max="9219" width="9" style="197"/>
    <col min="9220" max="9220" width="9.75" style="197" bestFit="1" customWidth="1"/>
    <col min="9221" max="9221" width="9.75" style="197" customWidth="1"/>
    <col min="9222" max="9224" width="9" style="197"/>
    <col min="9225" max="9225" width="9.75" style="197" bestFit="1" customWidth="1"/>
    <col min="9226" max="9457" width="9" style="197"/>
    <col min="9458" max="9458" width="3.75" style="197" customWidth="1"/>
    <col min="9459" max="9459" width="0.625" style="197" customWidth="1"/>
    <col min="9460" max="9460" width="10.125" style="197" customWidth="1"/>
    <col min="9461" max="9461" width="0.625" style="197" customWidth="1"/>
    <col min="9462" max="9465" width="10.25" style="197" customWidth="1"/>
    <col min="9466" max="9466" width="7.375" style="197" customWidth="1"/>
    <col min="9467" max="9467" width="5.625" style="197" customWidth="1"/>
    <col min="9468" max="9468" width="6.25" style="197" customWidth="1"/>
    <col min="9469" max="9469" width="6.5" style="197" customWidth="1"/>
    <col min="9470" max="9470" width="6.25" style="197" customWidth="1"/>
    <col min="9471" max="9471" width="0" style="197" hidden="1" customWidth="1"/>
    <col min="9472" max="9472" width="9" style="197"/>
    <col min="9473" max="9473" width="10.375" style="197" bestFit="1" customWidth="1"/>
    <col min="9474" max="9474" width="9.75" style="197" bestFit="1" customWidth="1"/>
    <col min="9475" max="9475" width="9" style="197"/>
    <col min="9476" max="9476" width="9.75" style="197" bestFit="1" customWidth="1"/>
    <col min="9477" max="9477" width="9.75" style="197" customWidth="1"/>
    <col min="9478" max="9480" width="9" style="197"/>
    <col min="9481" max="9481" width="9.75" style="197" bestFit="1" customWidth="1"/>
    <col min="9482" max="9713" width="9" style="197"/>
    <col min="9714" max="9714" width="3.75" style="197" customWidth="1"/>
    <col min="9715" max="9715" width="0.625" style="197" customWidth="1"/>
    <col min="9716" max="9716" width="10.125" style="197" customWidth="1"/>
    <col min="9717" max="9717" width="0.625" style="197" customWidth="1"/>
    <col min="9718" max="9721" width="10.25" style="197" customWidth="1"/>
    <col min="9722" max="9722" width="7.375" style="197" customWidth="1"/>
    <col min="9723" max="9723" width="5.625" style="197" customWidth="1"/>
    <col min="9724" max="9724" width="6.25" style="197" customWidth="1"/>
    <col min="9725" max="9725" width="6.5" style="197" customWidth="1"/>
    <col min="9726" max="9726" width="6.25" style="197" customWidth="1"/>
    <col min="9727" max="9727" width="0" style="197" hidden="1" customWidth="1"/>
    <col min="9728" max="9728" width="9" style="197"/>
    <col min="9729" max="9729" width="10.375" style="197" bestFit="1" customWidth="1"/>
    <col min="9730" max="9730" width="9.75" style="197" bestFit="1" customWidth="1"/>
    <col min="9731" max="9731" width="9" style="197"/>
    <col min="9732" max="9732" width="9.75" style="197" bestFit="1" customWidth="1"/>
    <col min="9733" max="9733" width="9.75" style="197" customWidth="1"/>
    <col min="9734" max="9736" width="9" style="197"/>
    <col min="9737" max="9737" width="9.75" style="197" bestFit="1" customWidth="1"/>
    <col min="9738" max="9969" width="9" style="197"/>
    <col min="9970" max="9970" width="3.75" style="197" customWidth="1"/>
    <col min="9971" max="9971" width="0.625" style="197" customWidth="1"/>
    <col min="9972" max="9972" width="10.125" style="197" customWidth="1"/>
    <col min="9973" max="9973" width="0.625" style="197" customWidth="1"/>
    <col min="9974" max="9977" width="10.25" style="197" customWidth="1"/>
    <col min="9978" max="9978" width="7.375" style="197" customWidth="1"/>
    <col min="9979" max="9979" width="5.625" style="197" customWidth="1"/>
    <col min="9980" max="9980" width="6.25" style="197" customWidth="1"/>
    <col min="9981" max="9981" width="6.5" style="197" customWidth="1"/>
    <col min="9982" max="9982" width="6.25" style="197" customWidth="1"/>
    <col min="9983" max="9983" width="0" style="197" hidden="1" customWidth="1"/>
    <col min="9984" max="9984" width="9" style="197"/>
    <col min="9985" max="9985" width="10.375" style="197" bestFit="1" customWidth="1"/>
    <col min="9986" max="9986" width="9.75" style="197" bestFit="1" customWidth="1"/>
    <col min="9987" max="9987" width="9" style="197"/>
    <col min="9988" max="9988" width="9.75" style="197" bestFit="1" customWidth="1"/>
    <col min="9989" max="9989" width="9.75" style="197" customWidth="1"/>
    <col min="9990" max="9992" width="9" style="197"/>
    <col min="9993" max="9993" width="9.75" style="197" bestFit="1" customWidth="1"/>
    <col min="9994" max="10225" width="9" style="197"/>
    <col min="10226" max="10226" width="3.75" style="197" customWidth="1"/>
    <col min="10227" max="10227" width="0.625" style="197" customWidth="1"/>
    <col min="10228" max="10228" width="10.125" style="197" customWidth="1"/>
    <col min="10229" max="10229" width="0.625" style="197" customWidth="1"/>
    <col min="10230" max="10233" width="10.25" style="197" customWidth="1"/>
    <col min="10234" max="10234" width="7.375" style="197" customWidth="1"/>
    <col min="10235" max="10235" width="5.625" style="197" customWidth="1"/>
    <col min="10236" max="10236" width="6.25" style="197" customWidth="1"/>
    <col min="10237" max="10237" width="6.5" style="197" customWidth="1"/>
    <col min="10238" max="10238" width="6.25" style="197" customWidth="1"/>
    <col min="10239" max="10239" width="0" style="197" hidden="1" customWidth="1"/>
    <col min="10240" max="10240" width="9" style="197"/>
    <col min="10241" max="10241" width="10.375" style="197" bestFit="1" customWidth="1"/>
    <col min="10242" max="10242" width="9.75" style="197" bestFit="1" customWidth="1"/>
    <col min="10243" max="10243" width="9" style="197"/>
    <col min="10244" max="10244" width="9.75" style="197" bestFit="1" customWidth="1"/>
    <col min="10245" max="10245" width="9.75" style="197" customWidth="1"/>
    <col min="10246" max="10248" width="9" style="197"/>
    <col min="10249" max="10249" width="9.75" style="197" bestFit="1" customWidth="1"/>
    <col min="10250" max="10481" width="9" style="197"/>
    <col min="10482" max="10482" width="3.75" style="197" customWidth="1"/>
    <col min="10483" max="10483" width="0.625" style="197" customWidth="1"/>
    <col min="10484" max="10484" width="10.125" style="197" customWidth="1"/>
    <col min="10485" max="10485" width="0.625" style="197" customWidth="1"/>
    <col min="10486" max="10489" width="10.25" style="197" customWidth="1"/>
    <col min="10490" max="10490" width="7.375" style="197" customWidth="1"/>
    <col min="10491" max="10491" width="5.625" style="197" customWidth="1"/>
    <col min="10492" max="10492" width="6.25" style="197" customWidth="1"/>
    <col min="10493" max="10493" width="6.5" style="197" customWidth="1"/>
    <col min="10494" max="10494" width="6.25" style="197" customWidth="1"/>
    <col min="10495" max="10495" width="0" style="197" hidden="1" customWidth="1"/>
    <col min="10496" max="10496" width="9" style="197"/>
    <col min="10497" max="10497" width="10.375" style="197" bestFit="1" customWidth="1"/>
    <col min="10498" max="10498" width="9.75" style="197" bestFit="1" customWidth="1"/>
    <col min="10499" max="10499" width="9" style="197"/>
    <col min="10500" max="10500" width="9.75" style="197" bestFit="1" customWidth="1"/>
    <col min="10501" max="10501" width="9.75" style="197" customWidth="1"/>
    <col min="10502" max="10504" width="9" style="197"/>
    <col min="10505" max="10505" width="9.75" style="197" bestFit="1" customWidth="1"/>
    <col min="10506" max="10737" width="9" style="197"/>
    <col min="10738" max="10738" width="3.75" style="197" customWidth="1"/>
    <col min="10739" max="10739" width="0.625" style="197" customWidth="1"/>
    <col min="10740" max="10740" width="10.125" style="197" customWidth="1"/>
    <col min="10741" max="10741" width="0.625" style="197" customWidth="1"/>
    <col min="10742" max="10745" width="10.25" style="197" customWidth="1"/>
    <col min="10746" max="10746" width="7.375" style="197" customWidth="1"/>
    <col min="10747" max="10747" width="5.625" style="197" customWidth="1"/>
    <col min="10748" max="10748" width="6.25" style="197" customWidth="1"/>
    <col min="10749" max="10749" width="6.5" style="197" customWidth="1"/>
    <col min="10750" max="10750" width="6.25" style="197" customWidth="1"/>
    <col min="10751" max="10751" width="0" style="197" hidden="1" customWidth="1"/>
    <col min="10752" max="10752" width="9" style="197"/>
    <col min="10753" max="10753" width="10.375" style="197" bestFit="1" customWidth="1"/>
    <col min="10754" max="10754" width="9.75" style="197" bestFit="1" customWidth="1"/>
    <col min="10755" max="10755" width="9" style="197"/>
    <col min="10756" max="10756" width="9.75" style="197" bestFit="1" customWidth="1"/>
    <col min="10757" max="10757" width="9.75" style="197" customWidth="1"/>
    <col min="10758" max="10760" width="9" style="197"/>
    <col min="10761" max="10761" width="9.75" style="197" bestFit="1" customWidth="1"/>
    <col min="10762" max="10993" width="9" style="197"/>
    <col min="10994" max="10994" width="3.75" style="197" customWidth="1"/>
    <col min="10995" max="10995" width="0.625" style="197" customWidth="1"/>
    <col min="10996" max="10996" width="10.125" style="197" customWidth="1"/>
    <col min="10997" max="10997" width="0.625" style="197" customWidth="1"/>
    <col min="10998" max="11001" width="10.25" style="197" customWidth="1"/>
    <col min="11002" max="11002" width="7.375" style="197" customWidth="1"/>
    <col min="11003" max="11003" width="5.625" style="197" customWidth="1"/>
    <col min="11004" max="11004" width="6.25" style="197" customWidth="1"/>
    <col min="11005" max="11005" width="6.5" style="197" customWidth="1"/>
    <col min="11006" max="11006" width="6.25" style="197" customWidth="1"/>
    <col min="11007" max="11007" width="0" style="197" hidden="1" customWidth="1"/>
    <col min="11008" max="11008" width="9" style="197"/>
    <col min="11009" max="11009" width="10.375" style="197" bestFit="1" customWidth="1"/>
    <col min="11010" max="11010" width="9.75" style="197" bestFit="1" customWidth="1"/>
    <col min="11011" max="11011" width="9" style="197"/>
    <col min="11012" max="11012" width="9.75" style="197" bestFit="1" customWidth="1"/>
    <col min="11013" max="11013" width="9.75" style="197" customWidth="1"/>
    <col min="11014" max="11016" width="9" style="197"/>
    <col min="11017" max="11017" width="9.75" style="197" bestFit="1" customWidth="1"/>
    <col min="11018" max="11249" width="9" style="197"/>
    <col min="11250" max="11250" width="3.75" style="197" customWidth="1"/>
    <col min="11251" max="11251" width="0.625" style="197" customWidth="1"/>
    <col min="11252" max="11252" width="10.125" style="197" customWidth="1"/>
    <col min="11253" max="11253" width="0.625" style="197" customWidth="1"/>
    <col min="11254" max="11257" width="10.25" style="197" customWidth="1"/>
    <col min="11258" max="11258" width="7.375" style="197" customWidth="1"/>
    <col min="11259" max="11259" width="5.625" style="197" customWidth="1"/>
    <col min="11260" max="11260" width="6.25" style="197" customWidth="1"/>
    <col min="11261" max="11261" width="6.5" style="197" customWidth="1"/>
    <col min="11262" max="11262" width="6.25" style="197" customWidth="1"/>
    <col min="11263" max="11263" width="0" style="197" hidden="1" customWidth="1"/>
    <col min="11264" max="11264" width="9" style="197"/>
    <col min="11265" max="11265" width="10.375" style="197" bestFit="1" customWidth="1"/>
    <col min="11266" max="11266" width="9.75" style="197" bestFit="1" customWidth="1"/>
    <col min="11267" max="11267" width="9" style="197"/>
    <col min="11268" max="11268" width="9.75" style="197" bestFit="1" customWidth="1"/>
    <col min="11269" max="11269" width="9.75" style="197" customWidth="1"/>
    <col min="11270" max="11272" width="9" style="197"/>
    <col min="11273" max="11273" width="9.75" style="197" bestFit="1" customWidth="1"/>
    <col min="11274" max="11505" width="9" style="197"/>
    <col min="11506" max="11506" width="3.75" style="197" customWidth="1"/>
    <col min="11507" max="11507" width="0.625" style="197" customWidth="1"/>
    <col min="11508" max="11508" width="10.125" style="197" customWidth="1"/>
    <col min="11509" max="11509" width="0.625" style="197" customWidth="1"/>
    <col min="11510" max="11513" width="10.25" style="197" customWidth="1"/>
    <col min="11514" max="11514" width="7.375" style="197" customWidth="1"/>
    <col min="11515" max="11515" width="5.625" style="197" customWidth="1"/>
    <col min="11516" max="11516" width="6.25" style="197" customWidth="1"/>
    <col min="11517" max="11517" width="6.5" style="197" customWidth="1"/>
    <col min="11518" max="11518" width="6.25" style="197" customWidth="1"/>
    <col min="11519" max="11519" width="0" style="197" hidden="1" customWidth="1"/>
    <col min="11520" max="11520" width="9" style="197"/>
    <col min="11521" max="11521" width="10.375" style="197" bestFit="1" customWidth="1"/>
    <col min="11522" max="11522" width="9.75" style="197" bestFit="1" customWidth="1"/>
    <col min="11523" max="11523" width="9" style="197"/>
    <col min="11524" max="11524" width="9.75" style="197" bestFit="1" customWidth="1"/>
    <col min="11525" max="11525" width="9.75" style="197" customWidth="1"/>
    <col min="11526" max="11528" width="9" style="197"/>
    <col min="11529" max="11529" width="9.75" style="197" bestFit="1" customWidth="1"/>
    <col min="11530" max="11761" width="9" style="197"/>
    <col min="11762" max="11762" width="3.75" style="197" customWidth="1"/>
    <col min="11763" max="11763" width="0.625" style="197" customWidth="1"/>
    <col min="11764" max="11764" width="10.125" style="197" customWidth="1"/>
    <col min="11765" max="11765" width="0.625" style="197" customWidth="1"/>
    <col min="11766" max="11769" width="10.25" style="197" customWidth="1"/>
    <col min="11770" max="11770" width="7.375" style="197" customWidth="1"/>
    <col min="11771" max="11771" width="5.625" style="197" customWidth="1"/>
    <col min="11772" max="11772" width="6.25" style="197" customWidth="1"/>
    <col min="11773" max="11773" width="6.5" style="197" customWidth="1"/>
    <col min="11774" max="11774" width="6.25" style="197" customWidth="1"/>
    <col min="11775" max="11775" width="0" style="197" hidden="1" customWidth="1"/>
    <col min="11776" max="11776" width="9" style="197"/>
    <col min="11777" max="11777" width="10.375" style="197" bestFit="1" customWidth="1"/>
    <col min="11778" max="11778" width="9.75" style="197" bestFit="1" customWidth="1"/>
    <col min="11779" max="11779" width="9" style="197"/>
    <col min="11780" max="11780" width="9.75" style="197" bestFit="1" customWidth="1"/>
    <col min="11781" max="11781" width="9.75" style="197" customWidth="1"/>
    <col min="11782" max="11784" width="9" style="197"/>
    <col min="11785" max="11785" width="9.75" style="197" bestFit="1" customWidth="1"/>
    <col min="11786" max="12017" width="9" style="197"/>
    <col min="12018" max="12018" width="3.75" style="197" customWidth="1"/>
    <col min="12019" max="12019" width="0.625" style="197" customWidth="1"/>
    <col min="12020" max="12020" width="10.125" style="197" customWidth="1"/>
    <col min="12021" max="12021" width="0.625" style="197" customWidth="1"/>
    <col min="12022" max="12025" width="10.25" style="197" customWidth="1"/>
    <col min="12026" max="12026" width="7.375" style="197" customWidth="1"/>
    <col min="12027" max="12027" width="5.625" style="197" customWidth="1"/>
    <col min="12028" max="12028" width="6.25" style="197" customWidth="1"/>
    <col min="12029" max="12029" width="6.5" style="197" customWidth="1"/>
    <col min="12030" max="12030" width="6.25" style="197" customWidth="1"/>
    <col min="12031" max="12031" width="0" style="197" hidden="1" customWidth="1"/>
    <col min="12032" max="12032" width="9" style="197"/>
    <col min="12033" max="12033" width="10.375" style="197" bestFit="1" customWidth="1"/>
    <col min="12034" max="12034" width="9.75" style="197" bestFit="1" customWidth="1"/>
    <col min="12035" max="12035" width="9" style="197"/>
    <col min="12036" max="12036" width="9.75" style="197" bestFit="1" customWidth="1"/>
    <col min="12037" max="12037" width="9.75" style="197" customWidth="1"/>
    <col min="12038" max="12040" width="9" style="197"/>
    <col min="12041" max="12041" width="9.75" style="197" bestFit="1" customWidth="1"/>
    <col min="12042" max="12273" width="9" style="197"/>
    <col min="12274" max="12274" width="3.75" style="197" customWidth="1"/>
    <col min="12275" max="12275" width="0.625" style="197" customWidth="1"/>
    <col min="12276" max="12276" width="10.125" style="197" customWidth="1"/>
    <col min="12277" max="12277" width="0.625" style="197" customWidth="1"/>
    <col min="12278" max="12281" width="10.25" style="197" customWidth="1"/>
    <col min="12282" max="12282" width="7.375" style="197" customWidth="1"/>
    <col min="12283" max="12283" width="5.625" style="197" customWidth="1"/>
    <col min="12284" max="12284" width="6.25" style="197" customWidth="1"/>
    <col min="12285" max="12285" width="6.5" style="197" customWidth="1"/>
    <col min="12286" max="12286" width="6.25" style="197" customWidth="1"/>
    <col min="12287" max="12287" width="0" style="197" hidden="1" customWidth="1"/>
    <col min="12288" max="12288" width="9" style="197"/>
    <col min="12289" max="12289" width="10.375" style="197" bestFit="1" customWidth="1"/>
    <col min="12290" max="12290" width="9.75" style="197" bestFit="1" customWidth="1"/>
    <col min="12291" max="12291" width="9" style="197"/>
    <col min="12292" max="12292" width="9.75" style="197" bestFit="1" customWidth="1"/>
    <col min="12293" max="12293" width="9.75" style="197" customWidth="1"/>
    <col min="12294" max="12296" width="9" style="197"/>
    <col min="12297" max="12297" width="9.75" style="197" bestFit="1" customWidth="1"/>
    <col min="12298" max="12529" width="9" style="197"/>
    <col min="12530" max="12530" width="3.75" style="197" customWidth="1"/>
    <col min="12531" max="12531" width="0.625" style="197" customWidth="1"/>
    <col min="12532" max="12532" width="10.125" style="197" customWidth="1"/>
    <col min="12533" max="12533" width="0.625" style="197" customWidth="1"/>
    <col min="12534" max="12537" width="10.25" style="197" customWidth="1"/>
    <col min="12538" max="12538" width="7.375" style="197" customWidth="1"/>
    <col min="12539" max="12539" width="5.625" style="197" customWidth="1"/>
    <col min="12540" max="12540" width="6.25" style="197" customWidth="1"/>
    <col min="12541" max="12541" width="6.5" style="197" customWidth="1"/>
    <col min="12542" max="12542" width="6.25" style="197" customWidth="1"/>
    <col min="12543" max="12543" width="0" style="197" hidden="1" customWidth="1"/>
    <col min="12544" max="12544" width="9" style="197"/>
    <col min="12545" max="12545" width="10.375" style="197" bestFit="1" customWidth="1"/>
    <col min="12546" max="12546" width="9.75" style="197" bestFit="1" customWidth="1"/>
    <col min="12547" max="12547" width="9" style="197"/>
    <col min="12548" max="12548" width="9.75" style="197" bestFit="1" customWidth="1"/>
    <col min="12549" max="12549" width="9.75" style="197" customWidth="1"/>
    <col min="12550" max="12552" width="9" style="197"/>
    <col min="12553" max="12553" width="9.75" style="197" bestFit="1" customWidth="1"/>
    <col min="12554" max="12785" width="9" style="197"/>
    <col min="12786" max="12786" width="3.75" style="197" customWidth="1"/>
    <col min="12787" max="12787" width="0.625" style="197" customWidth="1"/>
    <col min="12788" max="12788" width="10.125" style="197" customWidth="1"/>
    <col min="12789" max="12789" width="0.625" style="197" customWidth="1"/>
    <col min="12790" max="12793" width="10.25" style="197" customWidth="1"/>
    <col min="12794" max="12794" width="7.375" style="197" customWidth="1"/>
    <col min="12795" max="12795" width="5.625" style="197" customWidth="1"/>
    <col min="12796" max="12796" width="6.25" style="197" customWidth="1"/>
    <col min="12797" max="12797" width="6.5" style="197" customWidth="1"/>
    <col min="12798" max="12798" width="6.25" style="197" customWidth="1"/>
    <col min="12799" max="12799" width="0" style="197" hidden="1" customWidth="1"/>
    <col min="12800" max="12800" width="9" style="197"/>
    <col min="12801" max="12801" width="10.375" style="197" bestFit="1" customWidth="1"/>
    <col min="12802" max="12802" width="9.75" style="197" bestFit="1" customWidth="1"/>
    <col min="12803" max="12803" width="9" style="197"/>
    <col min="12804" max="12804" width="9.75" style="197" bestFit="1" customWidth="1"/>
    <col min="12805" max="12805" width="9.75" style="197" customWidth="1"/>
    <col min="12806" max="12808" width="9" style="197"/>
    <col min="12809" max="12809" width="9.75" style="197" bestFit="1" customWidth="1"/>
    <col min="12810" max="13041" width="9" style="197"/>
    <col min="13042" max="13042" width="3.75" style="197" customWidth="1"/>
    <col min="13043" max="13043" width="0.625" style="197" customWidth="1"/>
    <col min="13044" max="13044" width="10.125" style="197" customWidth="1"/>
    <col min="13045" max="13045" width="0.625" style="197" customWidth="1"/>
    <col min="13046" max="13049" width="10.25" style="197" customWidth="1"/>
    <col min="13050" max="13050" width="7.375" style="197" customWidth="1"/>
    <col min="13051" max="13051" width="5.625" style="197" customWidth="1"/>
    <col min="13052" max="13052" width="6.25" style="197" customWidth="1"/>
    <col min="13053" max="13053" width="6.5" style="197" customWidth="1"/>
    <col min="13054" max="13054" width="6.25" style="197" customWidth="1"/>
    <col min="13055" max="13055" width="0" style="197" hidden="1" customWidth="1"/>
    <col min="13056" max="13056" width="9" style="197"/>
    <col min="13057" max="13057" width="10.375" style="197" bestFit="1" customWidth="1"/>
    <col min="13058" max="13058" width="9.75" style="197" bestFit="1" customWidth="1"/>
    <col min="13059" max="13059" width="9" style="197"/>
    <col min="13060" max="13060" width="9.75" style="197" bestFit="1" customWidth="1"/>
    <col min="13061" max="13061" width="9.75" style="197" customWidth="1"/>
    <col min="13062" max="13064" width="9" style="197"/>
    <col min="13065" max="13065" width="9.75" style="197" bestFit="1" customWidth="1"/>
    <col min="13066" max="13297" width="9" style="197"/>
    <col min="13298" max="13298" width="3.75" style="197" customWidth="1"/>
    <col min="13299" max="13299" width="0.625" style="197" customWidth="1"/>
    <col min="13300" max="13300" width="10.125" style="197" customWidth="1"/>
    <col min="13301" max="13301" width="0.625" style="197" customWidth="1"/>
    <col min="13302" max="13305" width="10.25" style="197" customWidth="1"/>
    <col min="13306" max="13306" width="7.375" style="197" customWidth="1"/>
    <col min="13307" max="13307" width="5.625" style="197" customWidth="1"/>
    <col min="13308" max="13308" width="6.25" style="197" customWidth="1"/>
    <col min="13309" max="13309" width="6.5" style="197" customWidth="1"/>
    <col min="13310" max="13310" width="6.25" style="197" customWidth="1"/>
    <col min="13311" max="13311" width="0" style="197" hidden="1" customWidth="1"/>
    <col min="13312" max="13312" width="9" style="197"/>
    <col min="13313" max="13313" width="10.375" style="197" bestFit="1" customWidth="1"/>
    <col min="13314" max="13314" width="9.75" style="197" bestFit="1" customWidth="1"/>
    <col min="13315" max="13315" width="9" style="197"/>
    <col min="13316" max="13316" width="9.75" style="197" bestFit="1" customWidth="1"/>
    <col min="13317" max="13317" width="9.75" style="197" customWidth="1"/>
    <col min="13318" max="13320" width="9" style="197"/>
    <col min="13321" max="13321" width="9.75" style="197" bestFit="1" customWidth="1"/>
    <col min="13322" max="13553" width="9" style="197"/>
    <col min="13554" max="13554" width="3.75" style="197" customWidth="1"/>
    <col min="13555" max="13555" width="0.625" style="197" customWidth="1"/>
    <col min="13556" max="13556" width="10.125" style="197" customWidth="1"/>
    <col min="13557" max="13557" width="0.625" style="197" customWidth="1"/>
    <col min="13558" max="13561" width="10.25" style="197" customWidth="1"/>
    <col min="13562" max="13562" width="7.375" style="197" customWidth="1"/>
    <col min="13563" max="13563" width="5.625" style="197" customWidth="1"/>
    <col min="13564" max="13564" width="6.25" style="197" customWidth="1"/>
    <col min="13565" max="13565" width="6.5" style="197" customWidth="1"/>
    <col min="13566" max="13566" width="6.25" style="197" customWidth="1"/>
    <col min="13567" max="13567" width="0" style="197" hidden="1" customWidth="1"/>
    <col min="13568" max="13568" width="9" style="197"/>
    <col min="13569" max="13569" width="10.375" style="197" bestFit="1" customWidth="1"/>
    <col min="13570" max="13570" width="9.75" style="197" bestFit="1" customWidth="1"/>
    <col min="13571" max="13571" width="9" style="197"/>
    <col min="13572" max="13572" width="9.75" style="197" bestFit="1" customWidth="1"/>
    <col min="13573" max="13573" width="9.75" style="197" customWidth="1"/>
    <col min="13574" max="13576" width="9" style="197"/>
    <col min="13577" max="13577" width="9.75" style="197" bestFit="1" customWidth="1"/>
    <col min="13578" max="13809" width="9" style="197"/>
    <col min="13810" max="13810" width="3.75" style="197" customWidth="1"/>
    <col min="13811" max="13811" width="0.625" style="197" customWidth="1"/>
    <col min="13812" max="13812" width="10.125" style="197" customWidth="1"/>
    <col min="13813" max="13813" width="0.625" style="197" customWidth="1"/>
    <col min="13814" max="13817" width="10.25" style="197" customWidth="1"/>
    <col min="13818" max="13818" width="7.375" style="197" customWidth="1"/>
    <col min="13819" max="13819" width="5.625" style="197" customWidth="1"/>
    <col min="13820" max="13820" width="6.25" style="197" customWidth="1"/>
    <col min="13821" max="13821" width="6.5" style="197" customWidth="1"/>
    <col min="13822" max="13822" width="6.25" style="197" customWidth="1"/>
    <col min="13823" max="13823" width="0" style="197" hidden="1" customWidth="1"/>
    <col min="13824" max="13824" width="9" style="197"/>
    <col min="13825" max="13825" width="10.375" style="197" bestFit="1" customWidth="1"/>
    <col min="13826" max="13826" width="9.75" style="197" bestFit="1" customWidth="1"/>
    <col min="13827" max="13827" width="9" style="197"/>
    <col min="13828" max="13828" width="9.75" style="197" bestFit="1" customWidth="1"/>
    <col min="13829" max="13829" width="9.75" style="197" customWidth="1"/>
    <col min="13830" max="13832" width="9" style="197"/>
    <col min="13833" max="13833" width="9.75" style="197" bestFit="1" customWidth="1"/>
    <col min="13834" max="14065" width="9" style="197"/>
    <col min="14066" max="14066" width="3.75" style="197" customWidth="1"/>
    <col min="14067" max="14067" width="0.625" style="197" customWidth="1"/>
    <col min="14068" max="14068" width="10.125" style="197" customWidth="1"/>
    <col min="14069" max="14069" width="0.625" style="197" customWidth="1"/>
    <col min="14070" max="14073" width="10.25" style="197" customWidth="1"/>
    <col min="14074" max="14074" width="7.375" style="197" customWidth="1"/>
    <col min="14075" max="14075" width="5.625" style="197" customWidth="1"/>
    <col min="14076" max="14076" width="6.25" style="197" customWidth="1"/>
    <col min="14077" max="14077" width="6.5" style="197" customWidth="1"/>
    <col min="14078" max="14078" width="6.25" style="197" customWidth="1"/>
    <col min="14079" max="14079" width="0" style="197" hidden="1" customWidth="1"/>
    <col min="14080" max="14080" width="9" style="197"/>
    <col min="14081" max="14081" width="10.375" style="197" bestFit="1" customWidth="1"/>
    <col min="14082" max="14082" width="9.75" style="197" bestFit="1" customWidth="1"/>
    <col min="14083" max="14083" width="9" style="197"/>
    <col min="14084" max="14084" width="9.75" style="197" bestFit="1" customWidth="1"/>
    <col min="14085" max="14085" width="9.75" style="197" customWidth="1"/>
    <col min="14086" max="14088" width="9" style="197"/>
    <col min="14089" max="14089" width="9.75" style="197" bestFit="1" customWidth="1"/>
    <col min="14090" max="14321" width="9" style="197"/>
    <col min="14322" max="14322" width="3.75" style="197" customWidth="1"/>
    <col min="14323" max="14323" width="0.625" style="197" customWidth="1"/>
    <col min="14324" max="14324" width="10.125" style="197" customWidth="1"/>
    <col min="14325" max="14325" width="0.625" style="197" customWidth="1"/>
    <col min="14326" max="14329" width="10.25" style="197" customWidth="1"/>
    <col min="14330" max="14330" width="7.375" style="197" customWidth="1"/>
    <col min="14331" max="14331" width="5.625" style="197" customWidth="1"/>
    <col min="14332" max="14332" width="6.25" style="197" customWidth="1"/>
    <col min="14333" max="14333" width="6.5" style="197" customWidth="1"/>
    <col min="14334" max="14334" width="6.25" style="197" customWidth="1"/>
    <col min="14335" max="14335" width="0" style="197" hidden="1" customWidth="1"/>
    <col min="14336" max="14336" width="9" style="197"/>
    <col min="14337" max="14337" width="10.375" style="197" bestFit="1" customWidth="1"/>
    <col min="14338" max="14338" width="9.75" style="197" bestFit="1" customWidth="1"/>
    <col min="14339" max="14339" width="9" style="197"/>
    <col min="14340" max="14340" width="9.75" style="197" bestFit="1" customWidth="1"/>
    <col min="14341" max="14341" width="9.75" style="197" customWidth="1"/>
    <col min="14342" max="14344" width="9" style="197"/>
    <col min="14345" max="14345" width="9.75" style="197" bestFit="1" customWidth="1"/>
    <col min="14346" max="14577" width="9" style="197"/>
    <col min="14578" max="14578" width="3.75" style="197" customWidth="1"/>
    <col min="14579" max="14579" width="0.625" style="197" customWidth="1"/>
    <col min="14580" max="14580" width="10.125" style="197" customWidth="1"/>
    <col min="14581" max="14581" width="0.625" style="197" customWidth="1"/>
    <col min="14582" max="14585" width="10.25" style="197" customWidth="1"/>
    <col min="14586" max="14586" width="7.375" style="197" customWidth="1"/>
    <col min="14587" max="14587" width="5.625" style="197" customWidth="1"/>
    <col min="14588" max="14588" width="6.25" style="197" customWidth="1"/>
    <col min="14589" max="14589" width="6.5" style="197" customWidth="1"/>
    <col min="14590" max="14590" width="6.25" style="197" customWidth="1"/>
    <col min="14591" max="14591" width="0" style="197" hidden="1" customWidth="1"/>
    <col min="14592" max="14592" width="9" style="197"/>
    <col min="14593" max="14593" width="10.375" style="197" bestFit="1" customWidth="1"/>
    <col min="14594" max="14594" width="9.75" style="197" bestFit="1" customWidth="1"/>
    <col min="14595" max="14595" width="9" style="197"/>
    <col min="14596" max="14596" width="9.75" style="197" bestFit="1" customWidth="1"/>
    <col min="14597" max="14597" width="9.75" style="197" customWidth="1"/>
    <col min="14598" max="14600" width="9" style="197"/>
    <col min="14601" max="14601" width="9.75" style="197" bestFit="1" customWidth="1"/>
    <col min="14602" max="14833" width="9" style="197"/>
    <col min="14834" max="14834" width="3.75" style="197" customWidth="1"/>
    <col min="14835" max="14835" width="0.625" style="197" customWidth="1"/>
    <col min="14836" max="14836" width="10.125" style="197" customWidth="1"/>
    <col min="14837" max="14837" width="0.625" style="197" customWidth="1"/>
    <col min="14838" max="14841" width="10.25" style="197" customWidth="1"/>
    <col min="14842" max="14842" width="7.375" style="197" customWidth="1"/>
    <col min="14843" max="14843" width="5.625" style="197" customWidth="1"/>
    <col min="14844" max="14844" width="6.25" style="197" customWidth="1"/>
    <col min="14845" max="14845" width="6.5" style="197" customWidth="1"/>
    <col min="14846" max="14846" width="6.25" style="197" customWidth="1"/>
    <col min="14847" max="14847" width="0" style="197" hidden="1" customWidth="1"/>
    <col min="14848" max="14848" width="9" style="197"/>
    <col min="14849" max="14849" width="10.375" style="197" bestFit="1" customWidth="1"/>
    <col min="14850" max="14850" width="9.75" style="197" bestFit="1" customWidth="1"/>
    <col min="14851" max="14851" width="9" style="197"/>
    <col min="14852" max="14852" width="9.75" style="197" bestFit="1" customWidth="1"/>
    <col min="14853" max="14853" width="9.75" style="197" customWidth="1"/>
    <col min="14854" max="14856" width="9" style="197"/>
    <col min="14857" max="14857" width="9.75" style="197" bestFit="1" customWidth="1"/>
    <col min="14858" max="15089" width="9" style="197"/>
    <col min="15090" max="15090" width="3.75" style="197" customWidth="1"/>
    <col min="15091" max="15091" width="0.625" style="197" customWidth="1"/>
    <col min="15092" max="15092" width="10.125" style="197" customWidth="1"/>
    <col min="15093" max="15093" width="0.625" style="197" customWidth="1"/>
    <col min="15094" max="15097" width="10.25" style="197" customWidth="1"/>
    <col min="15098" max="15098" width="7.375" style="197" customWidth="1"/>
    <col min="15099" max="15099" width="5.625" style="197" customWidth="1"/>
    <col min="15100" max="15100" width="6.25" style="197" customWidth="1"/>
    <col min="15101" max="15101" width="6.5" style="197" customWidth="1"/>
    <col min="15102" max="15102" width="6.25" style="197" customWidth="1"/>
    <col min="15103" max="15103" width="0" style="197" hidden="1" customWidth="1"/>
    <col min="15104" max="15104" width="9" style="197"/>
    <col min="15105" max="15105" width="10.375" style="197" bestFit="1" customWidth="1"/>
    <col min="15106" max="15106" width="9.75" style="197" bestFit="1" customWidth="1"/>
    <col min="15107" max="15107" width="9" style="197"/>
    <col min="15108" max="15108" width="9.75" style="197" bestFit="1" customWidth="1"/>
    <col min="15109" max="15109" width="9.75" style="197" customWidth="1"/>
    <col min="15110" max="15112" width="9" style="197"/>
    <col min="15113" max="15113" width="9.75" style="197" bestFit="1" customWidth="1"/>
    <col min="15114" max="15345" width="9" style="197"/>
    <col min="15346" max="15346" width="3.75" style="197" customWidth="1"/>
    <col min="15347" max="15347" width="0.625" style="197" customWidth="1"/>
    <col min="15348" max="15348" width="10.125" style="197" customWidth="1"/>
    <col min="15349" max="15349" width="0.625" style="197" customWidth="1"/>
    <col min="15350" max="15353" width="10.25" style="197" customWidth="1"/>
    <col min="15354" max="15354" width="7.375" style="197" customWidth="1"/>
    <col min="15355" max="15355" width="5.625" style="197" customWidth="1"/>
    <col min="15356" max="15356" width="6.25" style="197" customWidth="1"/>
    <col min="15357" max="15357" width="6.5" style="197" customWidth="1"/>
    <col min="15358" max="15358" width="6.25" style="197" customWidth="1"/>
    <col min="15359" max="15359" width="0" style="197" hidden="1" customWidth="1"/>
    <col min="15360" max="15360" width="9" style="197"/>
    <col min="15361" max="15361" width="10.375" style="197" bestFit="1" customWidth="1"/>
    <col min="15362" max="15362" width="9.75" style="197" bestFit="1" customWidth="1"/>
    <col min="15363" max="15363" width="9" style="197"/>
    <col min="15364" max="15364" width="9.75" style="197" bestFit="1" customWidth="1"/>
    <col min="15365" max="15365" width="9.75" style="197" customWidth="1"/>
    <col min="15366" max="15368" width="9" style="197"/>
    <col min="15369" max="15369" width="9.75" style="197" bestFit="1" customWidth="1"/>
    <col min="15370" max="15601" width="9" style="197"/>
    <col min="15602" max="15602" width="3.75" style="197" customWidth="1"/>
    <col min="15603" max="15603" width="0.625" style="197" customWidth="1"/>
    <col min="15604" max="15604" width="10.125" style="197" customWidth="1"/>
    <col min="15605" max="15605" width="0.625" style="197" customWidth="1"/>
    <col min="15606" max="15609" width="10.25" style="197" customWidth="1"/>
    <col min="15610" max="15610" width="7.375" style="197" customWidth="1"/>
    <col min="15611" max="15611" width="5.625" style="197" customWidth="1"/>
    <col min="15612" max="15612" width="6.25" style="197" customWidth="1"/>
    <col min="15613" max="15613" width="6.5" style="197" customWidth="1"/>
    <col min="15614" max="15614" width="6.25" style="197" customWidth="1"/>
    <col min="15615" max="15615" width="0" style="197" hidden="1" customWidth="1"/>
    <col min="15616" max="15616" width="9" style="197"/>
    <col min="15617" max="15617" width="10.375" style="197" bestFit="1" customWidth="1"/>
    <col min="15618" max="15618" width="9.75" style="197" bestFit="1" customWidth="1"/>
    <col min="15619" max="15619" width="9" style="197"/>
    <col min="15620" max="15620" width="9.75" style="197" bestFit="1" customWidth="1"/>
    <col min="15621" max="15621" width="9.75" style="197" customWidth="1"/>
    <col min="15622" max="15624" width="9" style="197"/>
    <col min="15625" max="15625" width="9.75" style="197" bestFit="1" customWidth="1"/>
    <col min="15626" max="15857" width="9" style="197"/>
    <col min="15858" max="15858" width="3.75" style="197" customWidth="1"/>
    <col min="15859" max="15859" width="0.625" style="197" customWidth="1"/>
    <col min="15860" max="15860" width="10.125" style="197" customWidth="1"/>
    <col min="15861" max="15861" width="0.625" style="197" customWidth="1"/>
    <col min="15862" max="15865" width="10.25" style="197" customWidth="1"/>
    <col min="15866" max="15866" width="7.375" style="197" customWidth="1"/>
    <col min="15867" max="15867" width="5.625" style="197" customWidth="1"/>
    <col min="15868" max="15868" width="6.25" style="197" customWidth="1"/>
    <col min="15869" max="15869" width="6.5" style="197" customWidth="1"/>
    <col min="15870" max="15870" width="6.25" style="197" customWidth="1"/>
    <col min="15871" max="15871" width="0" style="197" hidden="1" customWidth="1"/>
    <col min="15872" max="15872" width="9" style="197"/>
    <col min="15873" max="15873" width="10.375" style="197" bestFit="1" customWidth="1"/>
    <col min="15874" max="15874" width="9.75" style="197" bestFit="1" customWidth="1"/>
    <col min="15875" max="15875" width="9" style="197"/>
    <col min="15876" max="15876" width="9.75" style="197" bestFit="1" customWidth="1"/>
    <col min="15877" max="15877" width="9.75" style="197" customWidth="1"/>
    <col min="15878" max="15880" width="9" style="197"/>
    <col min="15881" max="15881" width="9.75" style="197" bestFit="1" customWidth="1"/>
    <col min="15882" max="16113" width="9" style="197"/>
    <col min="16114" max="16114" width="3.75" style="197" customWidth="1"/>
    <col min="16115" max="16115" width="0.625" style="197" customWidth="1"/>
    <col min="16116" max="16116" width="10.125" style="197" customWidth="1"/>
    <col min="16117" max="16117" width="0.625" style="197" customWidth="1"/>
    <col min="16118" max="16121" width="10.25" style="197" customWidth="1"/>
    <col min="16122" max="16122" width="7.375" style="197" customWidth="1"/>
    <col min="16123" max="16123" width="5.625" style="197" customWidth="1"/>
    <col min="16124" max="16124" width="6.25" style="197" customWidth="1"/>
    <col min="16125" max="16125" width="6.5" style="197" customWidth="1"/>
    <col min="16126" max="16126" width="6.25" style="197" customWidth="1"/>
    <col min="16127" max="16127" width="0" style="197" hidden="1" customWidth="1"/>
    <col min="16128" max="16128" width="9" style="197"/>
    <col min="16129" max="16129" width="10.375" style="197" bestFit="1" customWidth="1"/>
    <col min="16130" max="16130" width="9.75" style="197" bestFit="1" customWidth="1"/>
    <col min="16131" max="16131" width="9" style="197"/>
    <col min="16132" max="16132" width="9.75" style="197" bestFit="1" customWidth="1"/>
    <col min="16133" max="16133" width="9.75" style="197" customWidth="1"/>
    <col min="16134" max="16136" width="9" style="197"/>
    <col min="16137" max="16137" width="9.75" style="197" bestFit="1" customWidth="1"/>
    <col min="16138" max="16384" width="9" style="197"/>
  </cols>
  <sheetData>
    <row r="1" spans="1:14" ht="20.25" customHeight="1" thickBot="1">
      <c r="A1" s="1379" t="s">
        <v>173</v>
      </c>
      <c r="B1" s="1379"/>
      <c r="C1" s="1379"/>
      <c r="D1" s="1379"/>
      <c r="E1" s="1379"/>
      <c r="F1" s="1379"/>
      <c r="G1" s="1379"/>
      <c r="H1" s="1379"/>
    </row>
    <row r="2" spans="1:14" ht="14.25" thickTop="1">
      <c r="A2" s="198"/>
      <c r="B2" s="198"/>
      <c r="C2" s="198"/>
      <c r="D2" s="198"/>
      <c r="E2" s="1380" t="s">
        <v>174</v>
      </c>
      <c r="F2" s="1381"/>
      <c r="G2" s="1381"/>
      <c r="H2" s="1381"/>
      <c r="I2" s="1382"/>
      <c r="J2" s="1380" t="s">
        <v>175</v>
      </c>
      <c r="K2" s="1381"/>
      <c r="L2" s="1381"/>
      <c r="M2" s="1381"/>
      <c r="N2" s="1381"/>
    </row>
    <row r="3" spans="1:14">
      <c r="A3" s="199"/>
      <c r="B3" s="199"/>
      <c r="C3" s="200" t="s">
        <v>176</v>
      </c>
      <c r="D3" s="200"/>
      <c r="E3" s="1383" t="s">
        <v>177</v>
      </c>
      <c r="F3" s="201" t="s">
        <v>4</v>
      </c>
      <c r="G3" s="201" t="s">
        <v>5</v>
      </c>
      <c r="H3" s="201" t="s">
        <v>6</v>
      </c>
      <c r="I3" s="1385" t="s">
        <v>178</v>
      </c>
      <c r="J3" s="1383" t="s">
        <v>177</v>
      </c>
      <c r="K3" s="1387" t="s">
        <v>179</v>
      </c>
      <c r="L3" s="1387" t="s">
        <v>180</v>
      </c>
      <c r="M3" s="1387" t="s">
        <v>181</v>
      </c>
      <c r="N3" s="1389" t="s">
        <v>178</v>
      </c>
    </row>
    <row r="4" spans="1:14">
      <c r="A4" s="202"/>
      <c r="B4" s="202"/>
      <c r="C4" s="202"/>
      <c r="D4" s="202"/>
      <c r="E4" s="1384"/>
      <c r="F4" s="203" t="s">
        <v>182</v>
      </c>
      <c r="G4" s="203" t="s">
        <v>183</v>
      </c>
      <c r="H4" s="203" t="s">
        <v>184</v>
      </c>
      <c r="I4" s="1386"/>
      <c r="J4" s="1384"/>
      <c r="K4" s="1388"/>
      <c r="L4" s="1388"/>
      <c r="M4" s="1388"/>
      <c r="N4" s="1390"/>
    </row>
    <row r="5" spans="1:14" ht="15" customHeight="1">
      <c r="A5" s="204"/>
      <c r="B5" s="205"/>
      <c r="C5" s="206" t="s">
        <v>185</v>
      </c>
      <c r="D5" s="207"/>
      <c r="E5" s="208" t="s">
        <v>14</v>
      </c>
      <c r="F5" s="209" t="s">
        <v>14</v>
      </c>
      <c r="G5" s="209" t="s">
        <v>14</v>
      </c>
      <c r="H5" s="209" t="s">
        <v>14</v>
      </c>
      <c r="I5" s="209" t="s">
        <v>14</v>
      </c>
      <c r="J5" s="208" t="s">
        <v>186</v>
      </c>
      <c r="K5" s="209" t="s">
        <v>22</v>
      </c>
      <c r="L5" s="209" t="s">
        <v>22</v>
      </c>
      <c r="M5" s="209" t="s">
        <v>22</v>
      </c>
      <c r="N5" s="209" t="s">
        <v>22</v>
      </c>
    </row>
    <row r="6" spans="1:14" ht="15" customHeight="1">
      <c r="A6" s="210" t="s">
        <v>74</v>
      </c>
      <c r="B6" s="211"/>
      <c r="C6" s="212" t="s">
        <v>187</v>
      </c>
      <c r="D6" s="213"/>
      <c r="E6" s="214">
        <v>9163279</v>
      </c>
      <c r="F6" s="215">
        <v>1117039</v>
      </c>
      <c r="G6" s="215">
        <v>5703570</v>
      </c>
      <c r="H6" s="215">
        <v>2259744</v>
      </c>
      <c r="I6" s="215">
        <v>82926</v>
      </c>
      <c r="J6" s="216" t="s">
        <v>188</v>
      </c>
      <c r="K6" s="217">
        <v>12.301713380526065</v>
      </c>
      <c r="L6" s="217">
        <v>62.812205648833256</v>
      </c>
      <c r="M6" s="217">
        <v>24.886080970640677</v>
      </c>
      <c r="N6" s="217">
        <f>I6/$E$6*100</f>
        <v>0.90498172106295138</v>
      </c>
    </row>
    <row r="7" spans="1:14" ht="15" customHeight="1">
      <c r="A7" s="210" t="s">
        <v>189</v>
      </c>
      <c r="B7" s="211"/>
      <c r="C7" s="218"/>
      <c r="D7" s="219"/>
      <c r="E7" s="220"/>
      <c r="F7" s="221"/>
      <c r="G7" s="221"/>
      <c r="H7" s="221"/>
      <c r="I7" s="221"/>
      <c r="J7" s="222"/>
      <c r="K7" s="223"/>
      <c r="L7" s="223"/>
      <c r="M7" s="223"/>
      <c r="N7" s="223"/>
    </row>
    <row r="8" spans="1:14" ht="15" customHeight="1">
      <c r="A8" s="210">
        <v>30</v>
      </c>
      <c r="B8" s="211"/>
      <c r="C8" s="224" t="s">
        <v>190</v>
      </c>
      <c r="D8" s="225"/>
      <c r="E8" s="220">
        <v>3733084</v>
      </c>
      <c r="F8" s="221">
        <v>457018</v>
      </c>
      <c r="G8" s="221">
        <v>2350639</v>
      </c>
      <c r="H8" s="221">
        <v>902899</v>
      </c>
      <c r="I8" s="221">
        <v>22528</v>
      </c>
      <c r="J8" s="222" t="s">
        <v>188</v>
      </c>
      <c r="K8" s="223">
        <v>12.31669862953153</v>
      </c>
      <c r="L8" s="223">
        <v>63.350047809546609</v>
      </c>
      <c r="M8" s="223">
        <v>24.333253560921868</v>
      </c>
      <c r="N8" s="223"/>
    </row>
    <row r="9" spans="1:14" ht="15" customHeight="1">
      <c r="A9" s="210" t="s">
        <v>191</v>
      </c>
      <c r="B9" s="211"/>
      <c r="C9" s="224" t="s">
        <v>192</v>
      </c>
      <c r="D9" s="225"/>
      <c r="E9" s="220">
        <v>1505357</v>
      </c>
      <c r="F9" s="221">
        <v>185871</v>
      </c>
      <c r="G9" s="221">
        <v>987428</v>
      </c>
      <c r="H9" s="221">
        <v>293438</v>
      </c>
      <c r="I9" s="221">
        <v>38620</v>
      </c>
      <c r="J9" s="222" t="s">
        <v>188</v>
      </c>
      <c r="K9" s="223">
        <v>12.672415027370279</v>
      </c>
      <c r="L9" s="223">
        <v>67.321407996116548</v>
      </c>
      <c r="M9" s="223">
        <v>20.006176976513171</v>
      </c>
      <c r="N9" s="223"/>
    </row>
    <row r="10" spans="1:14" ht="15" customHeight="1">
      <c r="A10" s="210">
        <v>1</v>
      </c>
      <c r="B10" s="226"/>
      <c r="C10" s="224" t="s">
        <v>193</v>
      </c>
      <c r="D10" s="225"/>
      <c r="E10" s="220">
        <v>705364</v>
      </c>
      <c r="F10" s="221">
        <v>79018</v>
      </c>
      <c r="G10" s="221">
        <v>401516</v>
      </c>
      <c r="H10" s="221">
        <v>222151</v>
      </c>
      <c r="I10" s="221">
        <v>2679</v>
      </c>
      <c r="J10" s="222" t="s">
        <v>188</v>
      </c>
      <c r="K10" s="223">
        <v>11.245152522111615</v>
      </c>
      <c r="L10" s="223">
        <v>57.140254879497917</v>
      </c>
      <c r="M10" s="223">
        <v>31.614592598390463</v>
      </c>
      <c r="N10" s="223">
        <f>I10/$E$10*100</f>
        <v>0.37980390266585762</v>
      </c>
    </row>
    <row r="11" spans="1:14" ht="15" customHeight="1">
      <c r="A11" s="210" t="s">
        <v>194</v>
      </c>
      <c r="B11" s="226"/>
      <c r="C11" s="224" t="s">
        <v>195</v>
      </c>
      <c r="D11" s="225"/>
      <c r="E11" s="220">
        <v>1572147</v>
      </c>
      <c r="F11" s="221">
        <v>192532</v>
      </c>
      <c r="G11" s="221">
        <v>975351</v>
      </c>
      <c r="H11" s="221">
        <v>392587</v>
      </c>
      <c r="I11" s="221">
        <v>11677</v>
      </c>
      <c r="J11" s="222" t="s">
        <v>188</v>
      </c>
      <c r="K11" s="223">
        <v>12.338077630457491</v>
      </c>
      <c r="L11" s="223">
        <v>62.503668766461388</v>
      </c>
      <c r="M11" s="223">
        <v>25.158253603081121</v>
      </c>
      <c r="N11" s="223">
        <f>I11/$E$11*100</f>
        <v>0.74274224992955495</v>
      </c>
    </row>
    <row r="12" spans="1:14" ht="15" customHeight="1">
      <c r="A12" s="210">
        <v>1</v>
      </c>
      <c r="B12" s="226"/>
      <c r="C12" s="224" t="s">
        <v>196</v>
      </c>
      <c r="D12" s="225"/>
      <c r="E12" s="220">
        <v>1304459</v>
      </c>
      <c r="F12" s="221">
        <v>164538</v>
      </c>
      <c r="G12" s="221">
        <v>791782</v>
      </c>
      <c r="H12" s="221">
        <v>342469</v>
      </c>
      <c r="I12" s="221">
        <v>5670</v>
      </c>
      <c r="J12" s="222" t="s">
        <v>188</v>
      </c>
      <c r="K12" s="223">
        <v>12.668570491434714</v>
      </c>
      <c r="L12" s="223">
        <v>60.963097162048655</v>
      </c>
      <c r="M12" s="223">
        <v>26.368332346516638</v>
      </c>
      <c r="N12" s="223">
        <f>I12/$E$12*100</f>
        <v>0.43466295222770507</v>
      </c>
    </row>
    <row r="13" spans="1:14" ht="15" customHeight="1">
      <c r="A13" s="1376" t="s">
        <v>197</v>
      </c>
      <c r="B13" s="226"/>
      <c r="C13" s="224" t="s">
        <v>198</v>
      </c>
      <c r="D13" s="225"/>
      <c r="E13" s="220">
        <v>342868</v>
      </c>
      <c r="F13" s="221">
        <v>38062</v>
      </c>
      <c r="G13" s="221">
        <v>196854</v>
      </c>
      <c r="H13" s="221">
        <v>106200</v>
      </c>
      <c r="I13" s="221">
        <v>1752</v>
      </c>
      <c r="J13" s="222" t="s">
        <v>188</v>
      </c>
      <c r="K13" s="223">
        <v>11.158081121964376</v>
      </c>
      <c r="L13" s="223">
        <v>57.708814596794056</v>
      </c>
      <c r="M13" s="223">
        <v>31.133104281241568</v>
      </c>
      <c r="N13" s="223">
        <f>I13/$E$13*100</f>
        <v>0.51098381884573651</v>
      </c>
    </row>
    <row r="14" spans="1:14" ht="15" customHeight="1">
      <c r="A14" s="1377"/>
      <c r="B14" s="226"/>
      <c r="C14" s="224"/>
      <c r="D14" s="225"/>
      <c r="E14" s="220"/>
      <c r="F14" s="221"/>
      <c r="G14" s="221"/>
      <c r="H14" s="221"/>
      <c r="I14" s="221"/>
      <c r="J14" s="222"/>
      <c r="K14" s="223"/>
      <c r="L14" s="223"/>
      <c r="M14" s="223"/>
      <c r="N14" s="223" t="e">
        <f>I14/$E$14*100</f>
        <v>#DIV/0!</v>
      </c>
    </row>
    <row r="15" spans="1:14" ht="9" customHeight="1" thickBot="1">
      <c r="A15" s="1378"/>
      <c r="B15" s="226"/>
      <c r="C15" s="224"/>
      <c r="D15" s="225"/>
      <c r="E15" s="220"/>
      <c r="F15" s="221"/>
      <c r="G15" s="221"/>
      <c r="H15" s="221"/>
      <c r="I15" s="221"/>
      <c r="J15" s="222"/>
      <c r="K15" s="223"/>
      <c r="L15" s="223"/>
      <c r="M15" s="223"/>
      <c r="N15" s="223"/>
    </row>
    <row r="16" spans="1:14" ht="15" customHeight="1" thickTop="1">
      <c r="A16" s="204"/>
      <c r="B16" s="227"/>
      <c r="C16" s="228" t="s">
        <v>199</v>
      </c>
      <c r="D16" s="229"/>
      <c r="E16" s="230" t="s">
        <v>14</v>
      </c>
      <c r="F16" s="228" t="s">
        <v>14</v>
      </c>
      <c r="G16" s="228" t="s">
        <v>14</v>
      </c>
      <c r="H16" s="228" t="s">
        <v>14</v>
      </c>
      <c r="I16" s="228" t="s">
        <v>14</v>
      </c>
      <c r="J16" s="230" t="s">
        <v>200</v>
      </c>
      <c r="K16" s="228" t="s">
        <v>200</v>
      </c>
      <c r="L16" s="228" t="s">
        <v>200</v>
      </c>
      <c r="M16" s="228" t="s">
        <v>200</v>
      </c>
      <c r="N16" s="228" t="s">
        <v>200</v>
      </c>
    </row>
    <row r="17" spans="1:15" ht="15" customHeight="1">
      <c r="A17" s="210" t="s">
        <v>201</v>
      </c>
      <c r="B17" s="211"/>
      <c r="C17" s="212" t="s">
        <v>187</v>
      </c>
      <c r="D17" s="213"/>
      <c r="E17" s="214">
        <v>9147400</v>
      </c>
      <c r="F17" s="215">
        <v>1128426</v>
      </c>
      <c r="G17" s="215">
        <v>5715800</v>
      </c>
      <c r="H17" s="215">
        <v>2220248</v>
      </c>
      <c r="I17" s="215">
        <v>82926</v>
      </c>
      <c r="J17" s="216" t="s">
        <v>188</v>
      </c>
      <c r="K17" s="217">
        <v>12.448885616528878</v>
      </c>
      <c r="L17" s="217">
        <v>63.057161397340863</v>
      </c>
      <c r="M17" s="217">
        <v>24.49395298613025</v>
      </c>
      <c r="N17" s="231">
        <v>0.42809097380011751</v>
      </c>
    </row>
    <row r="18" spans="1:15" ht="15" customHeight="1">
      <c r="A18" s="210" t="s">
        <v>189</v>
      </c>
      <c r="B18" s="211"/>
      <c r="C18" s="218"/>
      <c r="D18" s="219"/>
      <c r="E18" s="220"/>
      <c r="F18" s="221"/>
      <c r="G18" s="221"/>
      <c r="H18" s="221"/>
      <c r="I18" s="221"/>
      <c r="J18" s="222"/>
      <c r="K18" s="223"/>
      <c r="L18" s="223"/>
      <c r="M18" s="223"/>
      <c r="N18" s="209"/>
    </row>
    <row r="19" spans="1:15" ht="15" customHeight="1">
      <c r="A19" s="210">
        <v>29</v>
      </c>
      <c r="B19" s="211"/>
      <c r="C19" s="224" t="s">
        <v>190</v>
      </c>
      <c r="D19" s="225"/>
      <c r="E19" s="220">
        <v>3731096</v>
      </c>
      <c r="F19" s="221">
        <v>462690</v>
      </c>
      <c r="G19" s="221">
        <v>2357335</v>
      </c>
      <c r="H19" s="221">
        <v>888543</v>
      </c>
      <c r="I19" s="221">
        <v>22528</v>
      </c>
      <c r="J19" s="222" t="s">
        <v>188</v>
      </c>
      <c r="K19" s="223">
        <v>12.476244199917597</v>
      </c>
      <c r="L19" s="223">
        <v>63.564561847052559</v>
      </c>
      <c r="M19" s="223">
        <v>23.959193953029846</v>
      </c>
      <c r="N19" s="232"/>
    </row>
    <row r="20" spans="1:15" ht="15" customHeight="1">
      <c r="A20" s="210" t="s">
        <v>202</v>
      </c>
      <c r="B20" s="211"/>
      <c r="C20" s="224" t="s">
        <v>192</v>
      </c>
      <c r="D20" s="225"/>
      <c r="E20" s="220">
        <v>1491577</v>
      </c>
      <c r="F20" s="221">
        <v>185402</v>
      </c>
      <c r="G20" s="221">
        <v>979793</v>
      </c>
      <c r="H20" s="221">
        <v>287762</v>
      </c>
      <c r="I20" s="221">
        <v>38620</v>
      </c>
      <c r="J20" s="222" t="s">
        <v>188</v>
      </c>
      <c r="K20" s="223">
        <v>12.760322569766345</v>
      </c>
      <c r="L20" s="223">
        <v>67.434411341835997</v>
      </c>
      <c r="M20" s="223">
        <v>19.805266088397662</v>
      </c>
      <c r="N20" s="232"/>
    </row>
    <row r="21" spans="1:15" ht="15" customHeight="1">
      <c r="A21" s="210">
        <v>1</v>
      </c>
      <c r="B21" s="226"/>
      <c r="C21" s="224" t="s">
        <v>193</v>
      </c>
      <c r="D21" s="225"/>
      <c r="E21" s="220">
        <v>709759</v>
      </c>
      <c r="F21" s="221">
        <v>80680</v>
      </c>
      <c r="G21" s="221">
        <v>405842</v>
      </c>
      <c r="H21" s="221">
        <v>220558</v>
      </c>
      <c r="I21" s="221">
        <v>2679</v>
      </c>
      <c r="J21" s="222" t="s">
        <v>188</v>
      </c>
      <c r="K21" s="223">
        <v>11.410307178819936</v>
      </c>
      <c r="L21" s="223">
        <v>57.396899926458111</v>
      </c>
      <c r="M21" s="223">
        <v>31.192792894721954</v>
      </c>
      <c r="N21" s="232">
        <v>7.6101632502761751E-2</v>
      </c>
    </row>
    <row r="22" spans="1:15" ht="15" customHeight="1">
      <c r="A22" s="210" t="s">
        <v>203</v>
      </c>
      <c r="B22" s="226"/>
      <c r="C22" s="224" t="s">
        <v>195</v>
      </c>
      <c r="D22" s="225"/>
      <c r="E22" s="220">
        <v>1568539</v>
      </c>
      <c r="F22" s="221">
        <v>194831</v>
      </c>
      <c r="G22" s="221">
        <v>978608</v>
      </c>
      <c r="H22" s="221">
        <v>383423</v>
      </c>
      <c r="I22" s="221">
        <v>11677</v>
      </c>
      <c r="J22" s="222" t="s">
        <v>188</v>
      </c>
      <c r="K22" s="223">
        <v>12.514339742379221</v>
      </c>
      <c r="L22" s="223">
        <v>62.85772277825523</v>
      </c>
      <c r="M22" s="223">
        <v>24.627937479365546</v>
      </c>
      <c r="N22" s="232">
        <v>0.12973627824137277</v>
      </c>
    </row>
    <row r="23" spans="1:15" ht="15" customHeight="1">
      <c r="A23" s="210">
        <v>1</v>
      </c>
      <c r="B23" s="226"/>
      <c r="C23" s="224" t="s">
        <v>196</v>
      </c>
      <c r="D23" s="225"/>
      <c r="E23" s="220">
        <v>1301667</v>
      </c>
      <c r="F23" s="221">
        <v>165755</v>
      </c>
      <c r="G23" s="221">
        <v>794849</v>
      </c>
      <c r="H23" s="221">
        <v>335393</v>
      </c>
      <c r="I23" s="221">
        <v>5670</v>
      </c>
      <c r="J23" s="222" t="s">
        <v>188</v>
      </c>
      <c r="K23" s="223">
        <v>12.789767260263721</v>
      </c>
      <c r="L23" s="223">
        <v>61.33108332812499</v>
      </c>
      <c r="M23" s="223">
        <v>25.879149411611291</v>
      </c>
      <c r="N23" s="232">
        <v>6.2469184076122057E-2</v>
      </c>
    </row>
    <row r="24" spans="1:15" ht="15" customHeight="1">
      <c r="A24" s="1376" t="s">
        <v>197</v>
      </c>
      <c r="B24" s="226"/>
      <c r="C24" s="224" t="s">
        <v>198</v>
      </c>
      <c r="D24" s="225"/>
      <c r="E24" s="220">
        <v>344762</v>
      </c>
      <c r="F24" s="221">
        <v>39068</v>
      </c>
      <c r="G24" s="221">
        <v>199373</v>
      </c>
      <c r="H24" s="221">
        <v>104569</v>
      </c>
      <c r="I24" s="221">
        <v>1752</v>
      </c>
      <c r="J24" s="222" t="s">
        <v>188</v>
      </c>
      <c r="K24" s="223">
        <v>11.38975540071718</v>
      </c>
      <c r="L24" s="223">
        <v>58.124544473922043</v>
      </c>
      <c r="M24" s="223">
        <v>30.485700125360776</v>
      </c>
      <c r="N24" s="223">
        <f>I24/$E$13*100</f>
        <v>0.51098381884573651</v>
      </c>
    </row>
    <row r="25" spans="1:15" ht="15" customHeight="1">
      <c r="A25" s="1377"/>
      <c r="B25" s="226"/>
      <c r="C25" s="224"/>
      <c r="D25" s="225"/>
      <c r="E25" s="220"/>
      <c r="F25" s="221"/>
      <c r="G25" s="221"/>
      <c r="H25" s="221"/>
      <c r="I25" s="221"/>
      <c r="J25" s="222"/>
      <c r="K25" s="223"/>
      <c r="L25" s="223"/>
      <c r="M25" s="223"/>
      <c r="N25" s="232">
        <v>5.5887867877840461E-2</v>
      </c>
    </row>
    <row r="26" spans="1:15" ht="7.5" customHeight="1" thickBot="1">
      <c r="A26" s="1378"/>
      <c r="B26" s="226"/>
      <c r="C26" s="224"/>
      <c r="D26" s="225"/>
      <c r="E26" s="233"/>
      <c r="F26" s="234"/>
      <c r="G26" s="234"/>
      <c r="H26" s="234"/>
      <c r="I26" s="234"/>
      <c r="J26" s="235"/>
      <c r="K26" s="232"/>
      <c r="L26" s="232"/>
      <c r="M26" s="232"/>
      <c r="N26" s="232"/>
    </row>
    <row r="27" spans="1:15" ht="15" customHeight="1" thickTop="1">
      <c r="A27" s="236"/>
      <c r="B27" s="237"/>
      <c r="C27" s="228" t="s">
        <v>204</v>
      </c>
      <c r="D27" s="229"/>
      <c r="E27" s="230" t="s">
        <v>14</v>
      </c>
      <c r="F27" s="228" t="s">
        <v>14</v>
      </c>
      <c r="G27" s="228" t="s">
        <v>14</v>
      </c>
      <c r="H27" s="228" t="s">
        <v>14</v>
      </c>
      <c r="I27" s="228" t="s">
        <v>14</v>
      </c>
      <c r="J27" s="230" t="s">
        <v>205</v>
      </c>
      <c r="K27" s="228" t="s">
        <v>206</v>
      </c>
      <c r="L27" s="228" t="s">
        <v>206</v>
      </c>
      <c r="M27" s="228" t="s">
        <v>206</v>
      </c>
      <c r="N27" s="228" t="s">
        <v>206</v>
      </c>
      <c r="O27" s="238"/>
    </row>
    <row r="28" spans="1:15" ht="15" customHeight="1">
      <c r="A28" s="239" t="s">
        <v>201</v>
      </c>
      <c r="B28" s="211"/>
      <c r="C28" s="212" t="s">
        <v>187</v>
      </c>
      <c r="D28" s="213"/>
      <c r="E28" s="214">
        <v>15879</v>
      </c>
      <c r="F28" s="240">
        <v>-11387</v>
      </c>
      <c r="G28" s="240">
        <v>-12230</v>
      </c>
      <c r="H28" s="240">
        <v>39496</v>
      </c>
      <c r="I28" s="240">
        <v>0</v>
      </c>
      <c r="J28" s="241" t="s">
        <v>207</v>
      </c>
      <c r="K28" s="231">
        <v>-0.14717223600281315</v>
      </c>
      <c r="L28" s="231">
        <v>-0.24495574850760704</v>
      </c>
      <c r="M28" s="231">
        <v>0.3921279845104273</v>
      </c>
      <c r="N28" s="231">
        <f>N6-N17</f>
        <v>0.47689074726283387</v>
      </c>
      <c r="O28" s="238"/>
    </row>
    <row r="29" spans="1:15" ht="15" customHeight="1">
      <c r="A29" s="242" t="s">
        <v>208</v>
      </c>
      <c r="B29" s="226"/>
      <c r="C29" s="218"/>
      <c r="D29" s="219"/>
      <c r="E29" s="208"/>
      <c r="F29" s="243"/>
      <c r="G29" s="243"/>
      <c r="H29" s="243"/>
      <c r="I29" s="209"/>
      <c r="J29" s="244"/>
      <c r="K29" s="231"/>
      <c r="L29" s="231"/>
      <c r="M29" s="231"/>
      <c r="N29" s="231"/>
      <c r="O29" s="238"/>
    </row>
    <row r="30" spans="1:15" ht="15" customHeight="1">
      <c r="A30" s="245">
        <v>30</v>
      </c>
      <c r="B30" s="211"/>
      <c r="C30" s="224" t="s">
        <v>190</v>
      </c>
      <c r="D30" s="225"/>
      <c r="E30" s="233">
        <v>1988</v>
      </c>
      <c r="F30" s="246">
        <v>-5672</v>
      </c>
      <c r="G30" s="246">
        <v>-6696</v>
      </c>
      <c r="H30" s="246">
        <v>14356</v>
      </c>
      <c r="I30" s="247">
        <v>0</v>
      </c>
      <c r="J30" s="235" t="s">
        <v>209</v>
      </c>
      <c r="K30" s="232">
        <v>-0.15954557038606687</v>
      </c>
      <c r="L30" s="232">
        <v>-0.21451403750594977</v>
      </c>
      <c r="M30" s="232">
        <v>0.37405960789202197</v>
      </c>
      <c r="N30" s="232"/>
      <c r="O30" s="238"/>
    </row>
    <row r="31" spans="1:15" ht="15" customHeight="1">
      <c r="A31" s="242" t="s">
        <v>210</v>
      </c>
      <c r="B31" s="211"/>
      <c r="C31" s="224" t="s">
        <v>192</v>
      </c>
      <c r="D31" s="225"/>
      <c r="E31" s="233">
        <v>13780</v>
      </c>
      <c r="F31" s="246">
        <v>469</v>
      </c>
      <c r="G31" s="246">
        <v>7635</v>
      </c>
      <c r="H31" s="246">
        <v>5676</v>
      </c>
      <c r="I31" s="247">
        <v>0</v>
      </c>
      <c r="J31" s="235" t="s">
        <v>209</v>
      </c>
      <c r="K31" s="232">
        <v>-8.7907542396065352E-2</v>
      </c>
      <c r="L31" s="232">
        <v>-0.11300334571944859</v>
      </c>
      <c r="M31" s="232">
        <v>0.20091088811550861</v>
      </c>
      <c r="N31" s="232"/>
      <c r="O31" s="238"/>
    </row>
    <row r="32" spans="1:15" ht="15" customHeight="1">
      <c r="A32" s="245">
        <v>29</v>
      </c>
      <c r="B32" s="226"/>
      <c r="C32" s="224" t="s">
        <v>193</v>
      </c>
      <c r="D32" s="225"/>
      <c r="E32" s="233">
        <v>-4395</v>
      </c>
      <c r="F32" s="234">
        <v>-1662</v>
      </c>
      <c r="G32" s="234">
        <v>-4326</v>
      </c>
      <c r="H32" s="234">
        <v>1593</v>
      </c>
      <c r="I32" s="234">
        <v>0</v>
      </c>
      <c r="J32" s="235" t="s">
        <v>209</v>
      </c>
      <c r="K32" s="232">
        <v>-0.16515465670832086</v>
      </c>
      <c r="L32" s="248">
        <v>-0.25664504696019463</v>
      </c>
      <c r="M32" s="232">
        <v>0.42179970366850839</v>
      </c>
      <c r="N32" s="232">
        <f>N10-N21</f>
        <v>0.30370227016309587</v>
      </c>
      <c r="O32" s="238"/>
    </row>
    <row r="33" spans="1:15" ht="15" customHeight="1">
      <c r="A33" s="245" t="s">
        <v>63</v>
      </c>
      <c r="B33" s="211"/>
      <c r="C33" s="224" t="s">
        <v>195</v>
      </c>
      <c r="D33" s="225"/>
      <c r="E33" s="233">
        <v>3608</v>
      </c>
      <c r="F33" s="234">
        <v>-2299</v>
      </c>
      <c r="G33" s="234">
        <v>-3257</v>
      </c>
      <c r="H33" s="234">
        <v>9164</v>
      </c>
      <c r="I33" s="234">
        <v>0</v>
      </c>
      <c r="J33" s="235" t="s">
        <v>209</v>
      </c>
      <c r="K33" s="232">
        <v>-0.17626211192173002</v>
      </c>
      <c r="L33" s="232">
        <v>-0.35405401179384199</v>
      </c>
      <c r="M33" s="232">
        <v>0.53031612371557557</v>
      </c>
      <c r="N33" s="232">
        <f>N11-N22</f>
        <v>0.61300597168818216</v>
      </c>
      <c r="O33" s="238"/>
    </row>
    <row r="34" spans="1:15" ht="15" customHeight="1">
      <c r="A34" s="245" t="s">
        <v>211</v>
      </c>
      <c r="B34" s="211"/>
      <c r="C34" s="224" t="s">
        <v>196</v>
      </c>
      <c r="D34" s="225"/>
      <c r="E34" s="233">
        <v>2792</v>
      </c>
      <c r="F34" s="234">
        <v>-1217</v>
      </c>
      <c r="G34" s="234">
        <v>-3067</v>
      </c>
      <c r="H34" s="234">
        <v>7076</v>
      </c>
      <c r="I34" s="234">
        <v>0</v>
      </c>
      <c r="J34" s="235" t="s">
        <v>207</v>
      </c>
      <c r="K34" s="232">
        <v>-0.12119676882900698</v>
      </c>
      <c r="L34" s="232">
        <v>-0.36798616607633505</v>
      </c>
      <c r="M34" s="232">
        <v>0.48918293490534737</v>
      </c>
      <c r="N34" s="232">
        <f>N12-N23</f>
        <v>0.372193768151583</v>
      </c>
      <c r="O34" s="238"/>
    </row>
    <row r="35" spans="1:15" ht="15" customHeight="1">
      <c r="A35" s="245" t="s">
        <v>212</v>
      </c>
      <c r="B35" s="211"/>
      <c r="C35" s="224" t="s">
        <v>198</v>
      </c>
      <c r="D35" s="225"/>
      <c r="E35" s="233">
        <v>-1894</v>
      </c>
      <c r="F35" s="234">
        <v>-1006</v>
      </c>
      <c r="G35" s="234">
        <v>-2519</v>
      </c>
      <c r="H35" s="234">
        <v>1631</v>
      </c>
      <c r="I35" s="234">
        <v>0</v>
      </c>
      <c r="J35" s="235" t="s">
        <v>207</v>
      </c>
      <c r="K35" s="232">
        <v>-0.23167427875280389</v>
      </c>
      <c r="L35" s="232">
        <v>-0.41572987712798692</v>
      </c>
      <c r="M35" s="232">
        <v>0.64740415588079259</v>
      </c>
      <c r="N35" s="232">
        <f>N13-N24</f>
        <v>0</v>
      </c>
      <c r="O35" s="238"/>
    </row>
    <row r="36" spans="1:15" ht="15" customHeight="1">
      <c r="A36" s="249"/>
      <c r="B36" s="211"/>
      <c r="C36" s="224"/>
      <c r="D36" s="225"/>
      <c r="E36" s="233"/>
      <c r="F36" s="234"/>
      <c r="G36" s="234"/>
      <c r="H36" s="234"/>
      <c r="I36" s="234"/>
      <c r="J36" s="235"/>
      <c r="K36" s="232"/>
      <c r="L36" s="232"/>
      <c r="M36" s="232"/>
      <c r="N36" s="232">
        <v>0.2</v>
      </c>
      <c r="O36" s="238"/>
    </row>
    <row r="37" spans="1:15" ht="7.5" customHeight="1" thickBot="1">
      <c r="A37" s="250"/>
      <c r="B37" s="251"/>
      <c r="C37" s="252"/>
      <c r="D37" s="253"/>
      <c r="E37" s="254"/>
      <c r="F37" s="255"/>
      <c r="G37" s="255"/>
      <c r="H37" s="255"/>
      <c r="I37" s="255"/>
      <c r="J37" s="256"/>
      <c r="K37" s="257"/>
      <c r="L37" s="257"/>
      <c r="M37" s="257"/>
      <c r="N37" s="257"/>
    </row>
    <row r="38" spans="1:15" ht="14.25" thickTop="1">
      <c r="A38" s="3" t="s">
        <v>116</v>
      </c>
      <c r="B38" s="3"/>
      <c r="C38" s="3"/>
      <c r="D38" s="3"/>
      <c r="E38" s="3"/>
      <c r="F38" s="3"/>
      <c r="G38" s="3"/>
      <c r="H38" s="3"/>
      <c r="I38" s="3"/>
      <c r="J38" s="3"/>
    </row>
  </sheetData>
  <mergeCells count="12">
    <mergeCell ref="A13:A15"/>
    <mergeCell ref="A24:A26"/>
    <mergeCell ref="A1:H1"/>
    <mergeCell ref="E2:I2"/>
    <mergeCell ref="J2:N2"/>
    <mergeCell ref="E3:E4"/>
    <mergeCell ref="I3:I4"/>
    <mergeCell ref="J3:J4"/>
    <mergeCell ref="K3:K4"/>
    <mergeCell ref="L3:L4"/>
    <mergeCell ref="M3:M4"/>
    <mergeCell ref="N3:N4"/>
  </mergeCells>
  <phoneticPr fontId="3"/>
  <pageMargins left="1.1811023622047245" right="0.59055118110236227" top="0.78740157480314965" bottom="0.9055118110236221" header="0.51181102362204722" footer="0.19685039370078741"/>
  <pageSetup paperSize="9" scale="95" firstPageNumber="7" orientation="portrait" useFirstPageNumber="1" r:id="rId1"/>
  <headerFooter differentFirst="1" alignWithMargins="0">
    <oddFooter>&amp;C-9-</oddFooter>
  </headerFooter>
  <colBreaks count="1" manualBreakCount="1">
    <brk id="13" max="37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17"/>
  <sheetViews>
    <sheetView showGridLines="0" zoomScaleNormal="100" zoomScaleSheetLayoutView="80" workbookViewId="0"/>
  </sheetViews>
  <sheetFormatPr defaultRowHeight="13.5"/>
  <cols>
    <col min="1" max="1" width="0.625" style="197" customWidth="1"/>
    <col min="2" max="2" width="11.75" style="197" customWidth="1"/>
    <col min="3" max="3" width="0.625" style="197" customWidth="1"/>
    <col min="4" max="14" width="8.625" style="197" customWidth="1"/>
    <col min="15" max="256" width="9" style="197"/>
    <col min="257" max="257" width="0.625" style="197" customWidth="1"/>
    <col min="258" max="258" width="11.75" style="197" customWidth="1"/>
    <col min="259" max="259" width="0.625" style="197" customWidth="1"/>
    <col min="260" max="270" width="8.625" style="197" customWidth="1"/>
    <col min="271" max="512" width="9" style="197"/>
    <col min="513" max="513" width="0.625" style="197" customWidth="1"/>
    <col min="514" max="514" width="11.75" style="197" customWidth="1"/>
    <col min="515" max="515" width="0.625" style="197" customWidth="1"/>
    <col min="516" max="526" width="8.625" style="197" customWidth="1"/>
    <col min="527" max="768" width="9" style="197"/>
    <col min="769" max="769" width="0.625" style="197" customWidth="1"/>
    <col min="770" max="770" width="11.75" style="197" customWidth="1"/>
    <col min="771" max="771" width="0.625" style="197" customWidth="1"/>
    <col min="772" max="782" width="8.625" style="197" customWidth="1"/>
    <col min="783" max="1024" width="9" style="197"/>
    <col min="1025" max="1025" width="0.625" style="197" customWidth="1"/>
    <col min="1026" max="1026" width="11.75" style="197" customWidth="1"/>
    <col min="1027" max="1027" width="0.625" style="197" customWidth="1"/>
    <col min="1028" max="1038" width="8.625" style="197" customWidth="1"/>
    <col min="1039" max="1280" width="9" style="197"/>
    <col min="1281" max="1281" width="0.625" style="197" customWidth="1"/>
    <col min="1282" max="1282" width="11.75" style="197" customWidth="1"/>
    <col min="1283" max="1283" width="0.625" style="197" customWidth="1"/>
    <col min="1284" max="1294" width="8.625" style="197" customWidth="1"/>
    <col min="1295" max="1536" width="9" style="197"/>
    <col min="1537" max="1537" width="0.625" style="197" customWidth="1"/>
    <col min="1538" max="1538" width="11.75" style="197" customWidth="1"/>
    <col min="1539" max="1539" width="0.625" style="197" customWidth="1"/>
    <col min="1540" max="1550" width="8.625" style="197" customWidth="1"/>
    <col min="1551" max="1792" width="9" style="197"/>
    <col min="1793" max="1793" width="0.625" style="197" customWidth="1"/>
    <col min="1794" max="1794" width="11.75" style="197" customWidth="1"/>
    <col min="1795" max="1795" width="0.625" style="197" customWidth="1"/>
    <col min="1796" max="1806" width="8.625" style="197" customWidth="1"/>
    <col min="1807" max="2048" width="9" style="197"/>
    <col min="2049" max="2049" width="0.625" style="197" customWidth="1"/>
    <col min="2050" max="2050" width="11.75" style="197" customWidth="1"/>
    <col min="2051" max="2051" width="0.625" style="197" customWidth="1"/>
    <col min="2052" max="2062" width="8.625" style="197" customWidth="1"/>
    <col min="2063" max="2304" width="9" style="197"/>
    <col min="2305" max="2305" width="0.625" style="197" customWidth="1"/>
    <col min="2306" max="2306" width="11.75" style="197" customWidth="1"/>
    <col min="2307" max="2307" width="0.625" style="197" customWidth="1"/>
    <col min="2308" max="2318" width="8.625" style="197" customWidth="1"/>
    <col min="2319" max="2560" width="9" style="197"/>
    <col min="2561" max="2561" width="0.625" style="197" customWidth="1"/>
    <col min="2562" max="2562" width="11.75" style="197" customWidth="1"/>
    <col min="2563" max="2563" width="0.625" style="197" customWidth="1"/>
    <col min="2564" max="2574" width="8.625" style="197" customWidth="1"/>
    <col min="2575" max="2816" width="9" style="197"/>
    <col min="2817" max="2817" width="0.625" style="197" customWidth="1"/>
    <col min="2818" max="2818" width="11.75" style="197" customWidth="1"/>
    <col min="2819" max="2819" width="0.625" style="197" customWidth="1"/>
    <col min="2820" max="2830" width="8.625" style="197" customWidth="1"/>
    <col min="2831" max="3072" width="9" style="197"/>
    <col min="3073" max="3073" width="0.625" style="197" customWidth="1"/>
    <col min="3074" max="3074" width="11.75" style="197" customWidth="1"/>
    <col min="3075" max="3075" width="0.625" style="197" customWidth="1"/>
    <col min="3076" max="3086" width="8.625" style="197" customWidth="1"/>
    <col min="3087" max="3328" width="9" style="197"/>
    <col min="3329" max="3329" width="0.625" style="197" customWidth="1"/>
    <col min="3330" max="3330" width="11.75" style="197" customWidth="1"/>
    <col min="3331" max="3331" width="0.625" style="197" customWidth="1"/>
    <col min="3332" max="3342" width="8.625" style="197" customWidth="1"/>
    <col min="3343" max="3584" width="9" style="197"/>
    <col min="3585" max="3585" width="0.625" style="197" customWidth="1"/>
    <col min="3586" max="3586" width="11.75" style="197" customWidth="1"/>
    <col min="3587" max="3587" width="0.625" style="197" customWidth="1"/>
    <col min="3588" max="3598" width="8.625" style="197" customWidth="1"/>
    <col min="3599" max="3840" width="9" style="197"/>
    <col min="3841" max="3841" width="0.625" style="197" customWidth="1"/>
    <col min="3842" max="3842" width="11.75" style="197" customWidth="1"/>
    <col min="3843" max="3843" width="0.625" style="197" customWidth="1"/>
    <col min="3844" max="3854" width="8.625" style="197" customWidth="1"/>
    <col min="3855" max="4096" width="9" style="197"/>
    <col min="4097" max="4097" width="0.625" style="197" customWidth="1"/>
    <col min="4098" max="4098" width="11.75" style="197" customWidth="1"/>
    <col min="4099" max="4099" width="0.625" style="197" customWidth="1"/>
    <col min="4100" max="4110" width="8.625" style="197" customWidth="1"/>
    <col min="4111" max="4352" width="9" style="197"/>
    <col min="4353" max="4353" width="0.625" style="197" customWidth="1"/>
    <col min="4354" max="4354" width="11.75" style="197" customWidth="1"/>
    <col min="4355" max="4355" width="0.625" style="197" customWidth="1"/>
    <col min="4356" max="4366" width="8.625" style="197" customWidth="1"/>
    <col min="4367" max="4608" width="9" style="197"/>
    <col min="4609" max="4609" width="0.625" style="197" customWidth="1"/>
    <col min="4610" max="4610" width="11.75" style="197" customWidth="1"/>
    <col min="4611" max="4611" width="0.625" style="197" customWidth="1"/>
    <col min="4612" max="4622" width="8.625" style="197" customWidth="1"/>
    <col min="4623" max="4864" width="9" style="197"/>
    <col min="4865" max="4865" width="0.625" style="197" customWidth="1"/>
    <col min="4866" max="4866" width="11.75" style="197" customWidth="1"/>
    <col min="4867" max="4867" width="0.625" style="197" customWidth="1"/>
    <col min="4868" max="4878" width="8.625" style="197" customWidth="1"/>
    <col min="4879" max="5120" width="9" style="197"/>
    <col min="5121" max="5121" width="0.625" style="197" customWidth="1"/>
    <col min="5122" max="5122" width="11.75" style="197" customWidth="1"/>
    <col min="5123" max="5123" width="0.625" style="197" customWidth="1"/>
    <col min="5124" max="5134" width="8.625" style="197" customWidth="1"/>
    <col min="5135" max="5376" width="9" style="197"/>
    <col min="5377" max="5377" width="0.625" style="197" customWidth="1"/>
    <col min="5378" max="5378" width="11.75" style="197" customWidth="1"/>
    <col min="5379" max="5379" width="0.625" style="197" customWidth="1"/>
    <col min="5380" max="5390" width="8.625" style="197" customWidth="1"/>
    <col min="5391" max="5632" width="9" style="197"/>
    <col min="5633" max="5633" width="0.625" style="197" customWidth="1"/>
    <col min="5634" max="5634" width="11.75" style="197" customWidth="1"/>
    <col min="5635" max="5635" width="0.625" style="197" customWidth="1"/>
    <col min="5636" max="5646" width="8.625" style="197" customWidth="1"/>
    <col min="5647" max="5888" width="9" style="197"/>
    <col min="5889" max="5889" width="0.625" style="197" customWidth="1"/>
    <col min="5890" max="5890" width="11.75" style="197" customWidth="1"/>
    <col min="5891" max="5891" width="0.625" style="197" customWidth="1"/>
    <col min="5892" max="5902" width="8.625" style="197" customWidth="1"/>
    <col min="5903" max="6144" width="9" style="197"/>
    <col min="6145" max="6145" width="0.625" style="197" customWidth="1"/>
    <col min="6146" max="6146" width="11.75" style="197" customWidth="1"/>
    <col min="6147" max="6147" width="0.625" style="197" customWidth="1"/>
    <col min="6148" max="6158" width="8.625" style="197" customWidth="1"/>
    <col min="6159" max="6400" width="9" style="197"/>
    <col min="6401" max="6401" width="0.625" style="197" customWidth="1"/>
    <col min="6402" max="6402" width="11.75" style="197" customWidth="1"/>
    <col min="6403" max="6403" width="0.625" style="197" customWidth="1"/>
    <col min="6404" max="6414" width="8.625" style="197" customWidth="1"/>
    <col min="6415" max="6656" width="9" style="197"/>
    <col min="6657" max="6657" width="0.625" style="197" customWidth="1"/>
    <col min="6658" max="6658" width="11.75" style="197" customWidth="1"/>
    <col min="6659" max="6659" width="0.625" style="197" customWidth="1"/>
    <col min="6660" max="6670" width="8.625" style="197" customWidth="1"/>
    <col min="6671" max="6912" width="9" style="197"/>
    <col min="6913" max="6913" width="0.625" style="197" customWidth="1"/>
    <col min="6914" max="6914" width="11.75" style="197" customWidth="1"/>
    <col min="6915" max="6915" width="0.625" style="197" customWidth="1"/>
    <col min="6916" max="6926" width="8.625" style="197" customWidth="1"/>
    <col min="6927" max="7168" width="9" style="197"/>
    <col min="7169" max="7169" width="0.625" style="197" customWidth="1"/>
    <col min="7170" max="7170" width="11.75" style="197" customWidth="1"/>
    <col min="7171" max="7171" width="0.625" style="197" customWidth="1"/>
    <col min="7172" max="7182" width="8.625" style="197" customWidth="1"/>
    <col min="7183" max="7424" width="9" style="197"/>
    <col min="7425" max="7425" width="0.625" style="197" customWidth="1"/>
    <col min="7426" max="7426" width="11.75" style="197" customWidth="1"/>
    <col min="7427" max="7427" width="0.625" style="197" customWidth="1"/>
    <col min="7428" max="7438" width="8.625" style="197" customWidth="1"/>
    <col min="7439" max="7680" width="9" style="197"/>
    <col min="7681" max="7681" width="0.625" style="197" customWidth="1"/>
    <col min="7682" max="7682" width="11.75" style="197" customWidth="1"/>
    <col min="7683" max="7683" width="0.625" style="197" customWidth="1"/>
    <col min="7684" max="7694" width="8.625" style="197" customWidth="1"/>
    <col min="7695" max="7936" width="9" style="197"/>
    <col min="7937" max="7937" width="0.625" style="197" customWidth="1"/>
    <col min="7938" max="7938" width="11.75" style="197" customWidth="1"/>
    <col min="7939" max="7939" width="0.625" style="197" customWidth="1"/>
    <col min="7940" max="7950" width="8.625" style="197" customWidth="1"/>
    <col min="7951" max="8192" width="9" style="197"/>
    <col min="8193" max="8193" width="0.625" style="197" customWidth="1"/>
    <col min="8194" max="8194" width="11.75" style="197" customWidth="1"/>
    <col min="8195" max="8195" width="0.625" style="197" customWidth="1"/>
    <col min="8196" max="8206" width="8.625" style="197" customWidth="1"/>
    <col min="8207" max="8448" width="9" style="197"/>
    <col min="8449" max="8449" width="0.625" style="197" customWidth="1"/>
    <col min="8450" max="8450" width="11.75" style="197" customWidth="1"/>
    <col min="8451" max="8451" width="0.625" style="197" customWidth="1"/>
    <col min="8452" max="8462" width="8.625" style="197" customWidth="1"/>
    <col min="8463" max="8704" width="9" style="197"/>
    <col min="8705" max="8705" width="0.625" style="197" customWidth="1"/>
    <col min="8706" max="8706" width="11.75" style="197" customWidth="1"/>
    <col min="8707" max="8707" width="0.625" style="197" customWidth="1"/>
    <col min="8708" max="8718" width="8.625" style="197" customWidth="1"/>
    <col min="8719" max="8960" width="9" style="197"/>
    <col min="8961" max="8961" width="0.625" style="197" customWidth="1"/>
    <col min="8962" max="8962" width="11.75" style="197" customWidth="1"/>
    <col min="8963" max="8963" width="0.625" style="197" customWidth="1"/>
    <col min="8964" max="8974" width="8.625" style="197" customWidth="1"/>
    <col min="8975" max="9216" width="9" style="197"/>
    <col min="9217" max="9217" width="0.625" style="197" customWidth="1"/>
    <col min="9218" max="9218" width="11.75" style="197" customWidth="1"/>
    <col min="9219" max="9219" width="0.625" style="197" customWidth="1"/>
    <col min="9220" max="9230" width="8.625" style="197" customWidth="1"/>
    <col min="9231" max="9472" width="9" style="197"/>
    <col min="9473" max="9473" width="0.625" style="197" customWidth="1"/>
    <col min="9474" max="9474" width="11.75" style="197" customWidth="1"/>
    <col min="9475" max="9475" width="0.625" style="197" customWidth="1"/>
    <col min="9476" max="9486" width="8.625" style="197" customWidth="1"/>
    <col min="9487" max="9728" width="9" style="197"/>
    <col min="9729" max="9729" width="0.625" style="197" customWidth="1"/>
    <col min="9730" max="9730" width="11.75" style="197" customWidth="1"/>
    <col min="9731" max="9731" width="0.625" style="197" customWidth="1"/>
    <col min="9732" max="9742" width="8.625" style="197" customWidth="1"/>
    <col min="9743" max="9984" width="9" style="197"/>
    <col min="9985" max="9985" width="0.625" style="197" customWidth="1"/>
    <col min="9986" max="9986" width="11.75" style="197" customWidth="1"/>
    <col min="9987" max="9987" width="0.625" style="197" customWidth="1"/>
    <col min="9988" max="9998" width="8.625" style="197" customWidth="1"/>
    <col min="9999" max="10240" width="9" style="197"/>
    <col min="10241" max="10241" width="0.625" style="197" customWidth="1"/>
    <col min="10242" max="10242" width="11.75" style="197" customWidth="1"/>
    <col min="10243" max="10243" width="0.625" style="197" customWidth="1"/>
    <col min="10244" max="10254" width="8.625" style="197" customWidth="1"/>
    <col min="10255" max="10496" width="9" style="197"/>
    <col min="10497" max="10497" width="0.625" style="197" customWidth="1"/>
    <col min="10498" max="10498" width="11.75" style="197" customWidth="1"/>
    <col min="10499" max="10499" width="0.625" style="197" customWidth="1"/>
    <col min="10500" max="10510" width="8.625" style="197" customWidth="1"/>
    <col min="10511" max="10752" width="9" style="197"/>
    <col min="10753" max="10753" width="0.625" style="197" customWidth="1"/>
    <col min="10754" max="10754" width="11.75" style="197" customWidth="1"/>
    <col min="10755" max="10755" width="0.625" style="197" customWidth="1"/>
    <col min="10756" max="10766" width="8.625" style="197" customWidth="1"/>
    <col min="10767" max="11008" width="9" style="197"/>
    <col min="11009" max="11009" width="0.625" style="197" customWidth="1"/>
    <col min="11010" max="11010" width="11.75" style="197" customWidth="1"/>
    <col min="11011" max="11011" width="0.625" style="197" customWidth="1"/>
    <col min="11012" max="11022" width="8.625" style="197" customWidth="1"/>
    <col min="11023" max="11264" width="9" style="197"/>
    <col min="11265" max="11265" width="0.625" style="197" customWidth="1"/>
    <col min="11266" max="11266" width="11.75" style="197" customWidth="1"/>
    <col min="11267" max="11267" width="0.625" style="197" customWidth="1"/>
    <col min="11268" max="11278" width="8.625" style="197" customWidth="1"/>
    <col min="11279" max="11520" width="9" style="197"/>
    <col min="11521" max="11521" width="0.625" style="197" customWidth="1"/>
    <col min="11522" max="11522" width="11.75" style="197" customWidth="1"/>
    <col min="11523" max="11523" width="0.625" style="197" customWidth="1"/>
    <col min="11524" max="11534" width="8.625" style="197" customWidth="1"/>
    <col min="11535" max="11776" width="9" style="197"/>
    <col min="11777" max="11777" width="0.625" style="197" customWidth="1"/>
    <col min="11778" max="11778" width="11.75" style="197" customWidth="1"/>
    <col min="11779" max="11779" width="0.625" style="197" customWidth="1"/>
    <col min="11780" max="11790" width="8.625" style="197" customWidth="1"/>
    <col min="11791" max="12032" width="9" style="197"/>
    <col min="12033" max="12033" width="0.625" style="197" customWidth="1"/>
    <col min="12034" max="12034" width="11.75" style="197" customWidth="1"/>
    <col min="12035" max="12035" width="0.625" style="197" customWidth="1"/>
    <col min="12036" max="12046" width="8.625" style="197" customWidth="1"/>
    <col min="12047" max="12288" width="9" style="197"/>
    <col min="12289" max="12289" width="0.625" style="197" customWidth="1"/>
    <col min="12290" max="12290" width="11.75" style="197" customWidth="1"/>
    <col min="12291" max="12291" width="0.625" style="197" customWidth="1"/>
    <col min="12292" max="12302" width="8.625" style="197" customWidth="1"/>
    <col min="12303" max="12544" width="9" style="197"/>
    <col min="12545" max="12545" width="0.625" style="197" customWidth="1"/>
    <col min="12546" max="12546" width="11.75" style="197" customWidth="1"/>
    <col min="12547" max="12547" width="0.625" style="197" customWidth="1"/>
    <col min="12548" max="12558" width="8.625" style="197" customWidth="1"/>
    <col min="12559" max="12800" width="9" style="197"/>
    <col min="12801" max="12801" width="0.625" style="197" customWidth="1"/>
    <col min="12802" max="12802" width="11.75" style="197" customWidth="1"/>
    <col min="12803" max="12803" width="0.625" style="197" customWidth="1"/>
    <col min="12804" max="12814" width="8.625" style="197" customWidth="1"/>
    <col min="12815" max="13056" width="9" style="197"/>
    <col min="13057" max="13057" width="0.625" style="197" customWidth="1"/>
    <col min="13058" max="13058" width="11.75" style="197" customWidth="1"/>
    <col min="13059" max="13059" width="0.625" style="197" customWidth="1"/>
    <col min="13060" max="13070" width="8.625" style="197" customWidth="1"/>
    <col min="13071" max="13312" width="9" style="197"/>
    <col min="13313" max="13313" width="0.625" style="197" customWidth="1"/>
    <col min="13314" max="13314" width="11.75" style="197" customWidth="1"/>
    <col min="13315" max="13315" width="0.625" style="197" customWidth="1"/>
    <col min="13316" max="13326" width="8.625" style="197" customWidth="1"/>
    <col min="13327" max="13568" width="9" style="197"/>
    <col min="13569" max="13569" width="0.625" style="197" customWidth="1"/>
    <col min="13570" max="13570" width="11.75" style="197" customWidth="1"/>
    <col min="13571" max="13571" width="0.625" style="197" customWidth="1"/>
    <col min="13572" max="13582" width="8.625" style="197" customWidth="1"/>
    <col min="13583" max="13824" width="9" style="197"/>
    <col min="13825" max="13825" width="0.625" style="197" customWidth="1"/>
    <col min="13826" max="13826" width="11.75" style="197" customWidth="1"/>
    <col min="13827" max="13827" width="0.625" style="197" customWidth="1"/>
    <col min="13828" max="13838" width="8.625" style="197" customWidth="1"/>
    <col min="13839" max="14080" width="9" style="197"/>
    <col min="14081" max="14081" width="0.625" style="197" customWidth="1"/>
    <col min="14082" max="14082" width="11.75" style="197" customWidth="1"/>
    <col min="14083" max="14083" width="0.625" style="197" customWidth="1"/>
    <col min="14084" max="14094" width="8.625" style="197" customWidth="1"/>
    <col min="14095" max="14336" width="9" style="197"/>
    <col min="14337" max="14337" width="0.625" style="197" customWidth="1"/>
    <col min="14338" max="14338" width="11.75" style="197" customWidth="1"/>
    <col min="14339" max="14339" width="0.625" style="197" customWidth="1"/>
    <col min="14340" max="14350" width="8.625" style="197" customWidth="1"/>
    <col min="14351" max="14592" width="9" style="197"/>
    <col min="14593" max="14593" width="0.625" style="197" customWidth="1"/>
    <col min="14594" max="14594" width="11.75" style="197" customWidth="1"/>
    <col min="14595" max="14595" width="0.625" style="197" customWidth="1"/>
    <col min="14596" max="14606" width="8.625" style="197" customWidth="1"/>
    <col min="14607" max="14848" width="9" style="197"/>
    <col min="14849" max="14849" width="0.625" style="197" customWidth="1"/>
    <col min="14850" max="14850" width="11.75" style="197" customWidth="1"/>
    <col min="14851" max="14851" width="0.625" style="197" customWidth="1"/>
    <col min="14852" max="14862" width="8.625" style="197" customWidth="1"/>
    <col min="14863" max="15104" width="9" style="197"/>
    <col min="15105" max="15105" width="0.625" style="197" customWidth="1"/>
    <col min="15106" max="15106" width="11.75" style="197" customWidth="1"/>
    <col min="15107" max="15107" width="0.625" style="197" customWidth="1"/>
    <col min="15108" max="15118" width="8.625" style="197" customWidth="1"/>
    <col min="15119" max="15360" width="9" style="197"/>
    <col min="15361" max="15361" width="0.625" style="197" customWidth="1"/>
    <col min="15362" max="15362" width="11.75" style="197" customWidth="1"/>
    <col min="15363" max="15363" width="0.625" style="197" customWidth="1"/>
    <col min="15364" max="15374" width="8.625" style="197" customWidth="1"/>
    <col min="15375" max="15616" width="9" style="197"/>
    <col min="15617" max="15617" width="0.625" style="197" customWidth="1"/>
    <col min="15618" max="15618" width="11.75" style="197" customWidth="1"/>
    <col min="15619" max="15619" width="0.625" style="197" customWidth="1"/>
    <col min="15620" max="15630" width="8.625" style="197" customWidth="1"/>
    <col min="15631" max="15872" width="9" style="197"/>
    <col min="15873" max="15873" width="0.625" style="197" customWidth="1"/>
    <col min="15874" max="15874" width="11.75" style="197" customWidth="1"/>
    <col min="15875" max="15875" width="0.625" style="197" customWidth="1"/>
    <col min="15876" max="15886" width="8.625" style="197" customWidth="1"/>
    <col min="15887" max="16128" width="9" style="197"/>
    <col min="16129" max="16129" width="0.625" style="197" customWidth="1"/>
    <col min="16130" max="16130" width="11.75" style="197" customWidth="1"/>
    <col min="16131" max="16131" width="0.625" style="197" customWidth="1"/>
    <col min="16132" max="16142" width="8.625" style="197" customWidth="1"/>
    <col min="16143" max="16384" width="9" style="197"/>
  </cols>
  <sheetData>
    <row r="1" spans="2:15" ht="18" customHeight="1" thickBot="1">
      <c r="B1" s="1379" t="s">
        <v>213</v>
      </c>
      <c r="C1" s="1379"/>
      <c r="D1" s="1379"/>
      <c r="E1" s="1379"/>
      <c r="F1" s="1379"/>
      <c r="G1" s="1379"/>
      <c r="H1" s="1379"/>
      <c r="I1" s="1379"/>
      <c r="J1" s="1379"/>
      <c r="K1" s="1379"/>
    </row>
    <row r="2" spans="2:15" s="3" customFormat="1" ht="15.75" customHeight="1" thickTop="1">
      <c r="B2" s="1391" t="s">
        <v>176</v>
      </c>
      <c r="C2" s="236"/>
      <c r="D2" s="1380" t="s">
        <v>214</v>
      </c>
      <c r="E2" s="1381"/>
      <c r="F2" s="1381"/>
      <c r="G2" s="1382"/>
      <c r="H2" s="1380" t="s">
        <v>215</v>
      </c>
      <c r="I2" s="1381"/>
      <c r="J2" s="1381"/>
      <c r="K2" s="1382"/>
      <c r="L2" s="1380" t="s">
        <v>216</v>
      </c>
      <c r="M2" s="1381"/>
      <c r="N2" s="1381"/>
    </row>
    <row r="3" spans="2:15" s="3" customFormat="1" ht="12">
      <c r="B3" s="1392"/>
      <c r="C3" s="258"/>
      <c r="D3" s="259" t="s">
        <v>217</v>
      </c>
      <c r="E3" s="259" t="s">
        <v>59</v>
      </c>
      <c r="F3" s="259" t="s">
        <v>60</v>
      </c>
      <c r="G3" s="259" t="s">
        <v>218</v>
      </c>
      <c r="H3" s="259" t="s">
        <v>217</v>
      </c>
      <c r="I3" s="259" t="s">
        <v>59</v>
      </c>
      <c r="J3" s="259" t="s">
        <v>60</v>
      </c>
      <c r="K3" s="259" t="s">
        <v>218</v>
      </c>
      <c r="L3" s="259" t="s">
        <v>217</v>
      </c>
      <c r="M3" s="259" t="s">
        <v>59</v>
      </c>
      <c r="N3" s="260" t="s">
        <v>60</v>
      </c>
    </row>
    <row r="4" spans="2:15" s="3" customFormat="1" ht="12">
      <c r="B4" s="1393"/>
      <c r="C4" s="258"/>
      <c r="D4" s="261"/>
      <c r="E4" s="262" t="s">
        <v>219</v>
      </c>
      <c r="F4" s="262" t="s">
        <v>220</v>
      </c>
      <c r="G4" s="262" t="s">
        <v>221</v>
      </c>
      <c r="H4" s="262"/>
      <c r="I4" s="262" t="s">
        <v>222</v>
      </c>
      <c r="J4" s="262" t="s">
        <v>223</v>
      </c>
      <c r="K4" s="262" t="s">
        <v>224</v>
      </c>
      <c r="L4" s="261"/>
      <c r="M4" s="261"/>
      <c r="N4" s="244"/>
    </row>
    <row r="5" spans="2:15" s="3" customFormat="1" ht="12">
      <c r="B5" s="263"/>
      <c r="C5" s="263"/>
      <c r="D5" s="264" t="s">
        <v>225</v>
      </c>
      <c r="E5" s="264" t="s">
        <v>226</v>
      </c>
      <c r="F5" s="264" t="s">
        <v>226</v>
      </c>
      <c r="G5" s="264" t="s">
        <v>226</v>
      </c>
      <c r="H5" s="264" t="s">
        <v>225</v>
      </c>
      <c r="I5" s="264" t="s">
        <v>226</v>
      </c>
      <c r="J5" s="264" t="s">
        <v>226</v>
      </c>
      <c r="K5" s="264" t="s">
        <v>226</v>
      </c>
      <c r="L5" s="264" t="s">
        <v>226</v>
      </c>
      <c r="M5" s="264" t="s">
        <v>226</v>
      </c>
      <c r="N5" s="265" t="s">
        <v>226</v>
      </c>
    </row>
    <row r="6" spans="2:15" s="270" customFormat="1" ht="12">
      <c r="B6" s="212" t="s">
        <v>187</v>
      </c>
      <c r="C6" s="266"/>
      <c r="D6" s="267">
        <v>45.64</v>
      </c>
      <c r="E6" s="268">
        <v>44.39</v>
      </c>
      <c r="F6" s="267">
        <v>46.88</v>
      </c>
      <c r="G6" s="268">
        <v>2.490000000000002</v>
      </c>
      <c r="H6" s="267">
        <v>45.36</v>
      </c>
      <c r="I6" s="268">
        <v>44.12</v>
      </c>
      <c r="J6" s="267">
        <v>46.58</v>
      </c>
      <c r="K6" s="268">
        <v>2.4600000000000009</v>
      </c>
      <c r="L6" s="268">
        <v>0.28000000000000114</v>
      </c>
      <c r="M6" s="268">
        <v>0.27000000000000313</v>
      </c>
      <c r="N6" s="269">
        <v>0.30000000000000426</v>
      </c>
    </row>
    <row r="7" spans="2:15" s="3" customFormat="1" ht="12">
      <c r="B7" s="218"/>
      <c r="C7" s="218"/>
      <c r="D7" s="261"/>
      <c r="E7" s="261"/>
      <c r="F7" s="261"/>
      <c r="G7" s="261"/>
      <c r="H7" s="261"/>
      <c r="I7" s="261"/>
      <c r="J7" s="261"/>
      <c r="K7" s="261"/>
      <c r="L7" s="261"/>
      <c r="M7" s="261"/>
      <c r="N7" s="244"/>
    </row>
    <row r="8" spans="2:15" s="3" customFormat="1" ht="16.5" customHeight="1">
      <c r="B8" s="224" t="s">
        <v>190</v>
      </c>
      <c r="C8" s="224"/>
      <c r="D8" s="271">
        <v>45.54</v>
      </c>
      <c r="E8" s="271">
        <v>44.33</v>
      </c>
      <c r="F8" s="271">
        <v>46.73</v>
      </c>
      <c r="G8" s="272">
        <v>2.3999999999999986</v>
      </c>
      <c r="H8" s="273">
        <v>45.25</v>
      </c>
      <c r="I8" s="273">
        <v>44.05</v>
      </c>
      <c r="J8" s="273">
        <v>46.43</v>
      </c>
      <c r="K8" s="274">
        <v>2.3800000000000026</v>
      </c>
      <c r="L8" s="273">
        <v>0.28999999999999915</v>
      </c>
      <c r="M8" s="273">
        <v>0.28000000000000114</v>
      </c>
      <c r="N8" s="275">
        <v>0.29999999999999716</v>
      </c>
      <c r="O8" s="276"/>
    </row>
    <row r="9" spans="2:15" s="3" customFormat="1" ht="16.5" customHeight="1">
      <c r="B9" s="224" t="s">
        <v>192</v>
      </c>
      <c r="C9" s="224"/>
      <c r="D9" s="271">
        <v>43.21</v>
      </c>
      <c r="E9" s="271">
        <v>42.16</v>
      </c>
      <c r="F9" s="271">
        <v>44.28</v>
      </c>
      <c r="G9" s="272">
        <v>2.1200000000000045</v>
      </c>
      <c r="H9" s="273">
        <v>43.03</v>
      </c>
      <c r="I9" s="273">
        <v>41.97</v>
      </c>
      <c r="J9" s="273">
        <v>44.12</v>
      </c>
      <c r="K9" s="274">
        <v>2.1499999999999986</v>
      </c>
      <c r="L9" s="273">
        <v>0.17999999999999972</v>
      </c>
      <c r="M9" s="273">
        <v>0.18999999999999773</v>
      </c>
      <c r="N9" s="275">
        <v>0.16000000000000369</v>
      </c>
      <c r="O9" s="276"/>
    </row>
    <row r="10" spans="2:15" s="3" customFormat="1" ht="16.5" customHeight="1">
      <c r="B10" s="224" t="s">
        <v>193</v>
      </c>
      <c r="C10" s="224"/>
      <c r="D10" s="271">
        <v>49.07</v>
      </c>
      <c r="E10" s="271">
        <v>47.29</v>
      </c>
      <c r="F10" s="271">
        <v>50.76</v>
      </c>
      <c r="G10" s="272">
        <v>3.4699999999999989</v>
      </c>
      <c r="H10" s="271">
        <v>48.76</v>
      </c>
      <c r="I10" s="271">
        <v>46.99</v>
      </c>
      <c r="J10" s="271">
        <v>50.44</v>
      </c>
      <c r="K10" s="272">
        <v>3.4499999999999957</v>
      </c>
      <c r="L10" s="277">
        <v>0.31000000000000227</v>
      </c>
      <c r="M10" s="277">
        <v>0.29999999999999716</v>
      </c>
      <c r="N10" s="278">
        <v>0.32000000000000028</v>
      </c>
      <c r="O10" s="276"/>
    </row>
    <row r="11" spans="2:15" s="3" customFormat="1" ht="16.5" customHeight="1">
      <c r="B11" s="224" t="s">
        <v>195</v>
      </c>
      <c r="C11" s="224"/>
      <c r="D11" s="271">
        <v>45.51</v>
      </c>
      <c r="E11" s="271">
        <v>44.44</v>
      </c>
      <c r="F11" s="271">
        <v>46.6</v>
      </c>
      <c r="G11" s="272">
        <v>2.1600000000000037</v>
      </c>
      <c r="H11" s="271">
        <v>45.17</v>
      </c>
      <c r="I11" s="271">
        <v>44.14</v>
      </c>
      <c r="J11" s="271">
        <v>46.22</v>
      </c>
      <c r="K11" s="272">
        <v>2.0799999999999983</v>
      </c>
      <c r="L11" s="277">
        <v>0.33999999999999631</v>
      </c>
      <c r="M11" s="277">
        <v>0.29999999999999716</v>
      </c>
      <c r="N11" s="278">
        <v>0.38000000000000256</v>
      </c>
      <c r="O11" s="276"/>
    </row>
    <row r="12" spans="2:15" s="3" customFormat="1" ht="16.5" customHeight="1">
      <c r="B12" s="224" t="s">
        <v>196</v>
      </c>
      <c r="C12" s="224"/>
      <c r="D12" s="271">
        <v>46.14</v>
      </c>
      <c r="E12" s="271">
        <v>44.83</v>
      </c>
      <c r="F12" s="271">
        <v>47.43</v>
      </c>
      <c r="G12" s="272">
        <v>2.6000000000000014</v>
      </c>
      <c r="H12" s="271">
        <v>45.81</v>
      </c>
      <c r="I12" s="271">
        <v>44.52</v>
      </c>
      <c r="J12" s="271">
        <v>47.09</v>
      </c>
      <c r="K12" s="272">
        <v>2.5700000000000003</v>
      </c>
      <c r="L12" s="277">
        <v>0.32999999999999829</v>
      </c>
      <c r="M12" s="277">
        <v>0.30999999999999517</v>
      </c>
      <c r="N12" s="278">
        <v>0.33999999999999631</v>
      </c>
      <c r="O12" s="276"/>
    </row>
    <row r="13" spans="2:15" s="3" customFormat="1" ht="16.5" customHeight="1">
      <c r="B13" s="224" t="s">
        <v>198</v>
      </c>
      <c r="C13" s="224"/>
      <c r="D13" s="271">
        <v>48.86</v>
      </c>
      <c r="E13" s="271">
        <v>47.24</v>
      </c>
      <c r="F13" s="271">
        <v>50.38</v>
      </c>
      <c r="G13" s="272">
        <v>3.1400000000000006</v>
      </c>
      <c r="H13" s="271">
        <v>48.49</v>
      </c>
      <c r="I13" s="271">
        <v>46.88</v>
      </c>
      <c r="J13" s="271">
        <v>50.01</v>
      </c>
      <c r="K13" s="272">
        <v>3.1299999999999955</v>
      </c>
      <c r="L13" s="277">
        <v>0.36999999999999744</v>
      </c>
      <c r="M13" s="277">
        <v>0.35999999999999943</v>
      </c>
      <c r="N13" s="278">
        <v>0.37000000000000455</v>
      </c>
      <c r="O13" s="276"/>
    </row>
    <row r="14" spans="2:15" s="3" customFormat="1" ht="16.5" customHeight="1" thickBot="1">
      <c r="B14" s="252"/>
      <c r="C14" s="252"/>
      <c r="D14" s="279"/>
      <c r="E14" s="279"/>
      <c r="F14" s="279"/>
      <c r="G14" s="279"/>
      <c r="H14" s="280"/>
      <c r="I14" s="280"/>
      <c r="J14" s="280"/>
      <c r="K14" s="280"/>
      <c r="L14" s="280"/>
      <c r="M14" s="280"/>
      <c r="N14" s="281"/>
      <c r="O14" s="276"/>
    </row>
    <row r="15" spans="2:15" ht="14.25" thickTop="1"/>
    <row r="16" spans="2:15">
      <c r="D16" s="282"/>
    </row>
    <row r="17" spans="4:4">
      <c r="D17" s="282"/>
    </row>
  </sheetData>
  <mergeCells count="5">
    <mergeCell ref="B1:K1"/>
    <mergeCell ref="B2:B4"/>
    <mergeCell ref="D2:G2"/>
    <mergeCell ref="H2:K2"/>
    <mergeCell ref="L2:N2"/>
  </mergeCells>
  <phoneticPr fontId="3"/>
  <pageMargins left="1.1811023622047245" right="0.59055118110236227" top="0.78740157480314965" bottom="0.9055118110236221" header="0.51181102362204722" footer="0.19685039370078741"/>
  <pageSetup paperSize="9" scale="78" firstPageNumber="7" orientation="portrait" useFirstPageNumber="1" r:id="rId1"/>
  <headerFooter differentFirst="1" alignWithMargins="0">
    <oddFooter>&amp;C-9-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61"/>
  <sheetViews>
    <sheetView showGridLines="0" zoomScale="75" zoomScaleNormal="75" zoomScaleSheetLayoutView="80" workbookViewId="0">
      <pane xSplit="2" ySplit="6" topLeftCell="C7" activePane="bottomRight" state="frozen"/>
      <selection pane="topRight"/>
      <selection pane="bottomLeft"/>
      <selection pane="bottomRight"/>
    </sheetView>
  </sheetViews>
  <sheetFormatPr defaultRowHeight="13.5"/>
  <cols>
    <col min="1" max="1" width="5.75" style="132" customWidth="1"/>
    <col min="2" max="2" width="12.375" style="132" customWidth="1"/>
    <col min="3" max="9" width="15.125" style="132" customWidth="1"/>
    <col min="10" max="10" width="9.75" style="132" bestFit="1" customWidth="1"/>
    <col min="11" max="255" width="9" style="132"/>
    <col min="256" max="256" width="5.75" style="132" customWidth="1"/>
    <col min="257" max="257" width="12.375" style="132" customWidth="1"/>
    <col min="258" max="264" width="15.125" style="132" customWidth="1"/>
    <col min="265" max="265" width="9.75" style="132" bestFit="1" customWidth="1"/>
    <col min="266" max="511" width="9" style="132"/>
    <col min="512" max="512" width="5.75" style="132" customWidth="1"/>
    <col min="513" max="513" width="12.375" style="132" customWidth="1"/>
    <col min="514" max="520" width="15.125" style="132" customWidth="1"/>
    <col min="521" max="521" width="9.75" style="132" bestFit="1" customWidth="1"/>
    <col min="522" max="767" width="9" style="132"/>
    <col min="768" max="768" width="5.75" style="132" customWidth="1"/>
    <col min="769" max="769" width="12.375" style="132" customWidth="1"/>
    <col min="770" max="776" width="15.125" style="132" customWidth="1"/>
    <col min="777" max="777" width="9.75" style="132" bestFit="1" customWidth="1"/>
    <col min="778" max="1023" width="9" style="132"/>
    <col min="1024" max="1024" width="5.75" style="132" customWidth="1"/>
    <col min="1025" max="1025" width="12.375" style="132" customWidth="1"/>
    <col min="1026" max="1032" width="15.125" style="132" customWidth="1"/>
    <col min="1033" max="1033" width="9.75" style="132" bestFit="1" customWidth="1"/>
    <col min="1034" max="1279" width="9" style="132"/>
    <col min="1280" max="1280" width="5.75" style="132" customWidth="1"/>
    <col min="1281" max="1281" width="12.375" style="132" customWidth="1"/>
    <col min="1282" max="1288" width="15.125" style="132" customWidth="1"/>
    <col min="1289" max="1289" width="9.75" style="132" bestFit="1" customWidth="1"/>
    <col min="1290" max="1535" width="9" style="132"/>
    <col min="1536" max="1536" width="5.75" style="132" customWidth="1"/>
    <col min="1537" max="1537" width="12.375" style="132" customWidth="1"/>
    <col min="1538" max="1544" width="15.125" style="132" customWidth="1"/>
    <col min="1545" max="1545" width="9.75" style="132" bestFit="1" customWidth="1"/>
    <col min="1546" max="1791" width="9" style="132"/>
    <col min="1792" max="1792" width="5.75" style="132" customWidth="1"/>
    <col min="1793" max="1793" width="12.375" style="132" customWidth="1"/>
    <col min="1794" max="1800" width="15.125" style="132" customWidth="1"/>
    <col min="1801" max="1801" width="9.75" style="132" bestFit="1" customWidth="1"/>
    <col min="1802" max="2047" width="9" style="132"/>
    <col min="2048" max="2048" width="5.75" style="132" customWidth="1"/>
    <col min="2049" max="2049" width="12.375" style="132" customWidth="1"/>
    <col min="2050" max="2056" width="15.125" style="132" customWidth="1"/>
    <col min="2057" max="2057" width="9.75" style="132" bestFit="1" customWidth="1"/>
    <col min="2058" max="2303" width="9" style="132"/>
    <col min="2304" max="2304" width="5.75" style="132" customWidth="1"/>
    <col min="2305" max="2305" width="12.375" style="132" customWidth="1"/>
    <col min="2306" max="2312" width="15.125" style="132" customWidth="1"/>
    <col min="2313" max="2313" width="9.75" style="132" bestFit="1" customWidth="1"/>
    <col min="2314" max="2559" width="9" style="132"/>
    <col min="2560" max="2560" width="5.75" style="132" customWidth="1"/>
    <col min="2561" max="2561" width="12.375" style="132" customWidth="1"/>
    <col min="2562" max="2568" width="15.125" style="132" customWidth="1"/>
    <col min="2569" max="2569" width="9.75" style="132" bestFit="1" customWidth="1"/>
    <col min="2570" max="2815" width="9" style="132"/>
    <col min="2816" max="2816" width="5.75" style="132" customWidth="1"/>
    <col min="2817" max="2817" width="12.375" style="132" customWidth="1"/>
    <col min="2818" max="2824" width="15.125" style="132" customWidth="1"/>
    <col min="2825" max="2825" width="9.75" style="132" bestFit="1" customWidth="1"/>
    <col min="2826" max="3071" width="9" style="132"/>
    <col min="3072" max="3072" width="5.75" style="132" customWidth="1"/>
    <col min="3073" max="3073" width="12.375" style="132" customWidth="1"/>
    <col min="3074" max="3080" width="15.125" style="132" customWidth="1"/>
    <col min="3081" max="3081" width="9.75" style="132" bestFit="1" customWidth="1"/>
    <col min="3082" max="3327" width="9" style="132"/>
    <col min="3328" max="3328" width="5.75" style="132" customWidth="1"/>
    <col min="3329" max="3329" width="12.375" style="132" customWidth="1"/>
    <col min="3330" max="3336" width="15.125" style="132" customWidth="1"/>
    <col min="3337" max="3337" width="9.75" style="132" bestFit="1" customWidth="1"/>
    <col min="3338" max="3583" width="9" style="132"/>
    <col min="3584" max="3584" width="5.75" style="132" customWidth="1"/>
    <col min="3585" max="3585" width="12.375" style="132" customWidth="1"/>
    <col min="3586" max="3592" width="15.125" style="132" customWidth="1"/>
    <col min="3593" max="3593" width="9.75" style="132" bestFit="1" customWidth="1"/>
    <col min="3594" max="3839" width="9" style="132"/>
    <col min="3840" max="3840" width="5.75" style="132" customWidth="1"/>
    <col min="3841" max="3841" width="12.375" style="132" customWidth="1"/>
    <col min="3842" max="3848" width="15.125" style="132" customWidth="1"/>
    <col min="3849" max="3849" width="9.75" style="132" bestFit="1" customWidth="1"/>
    <col min="3850" max="4095" width="9" style="132"/>
    <col min="4096" max="4096" width="5.75" style="132" customWidth="1"/>
    <col min="4097" max="4097" width="12.375" style="132" customWidth="1"/>
    <col min="4098" max="4104" width="15.125" style="132" customWidth="1"/>
    <col min="4105" max="4105" width="9.75" style="132" bestFit="1" customWidth="1"/>
    <col min="4106" max="4351" width="9" style="132"/>
    <col min="4352" max="4352" width="5.75" style="132" customWidth="1"/>
    <col min="4353" max="4353" width="12.375" style="132" customWidth="1"/>
    <col min="4354" max="4360" width="15.125" style="132" customWidth="1"/>
    <col min="4361" max="4361" width="9.75" style="132" bestFit="1" customWidth="1"/>
    <col min="4362" max="4607" width="9" style="132"/>
    <col min="4608" max="4608" width="5.75" style="132" customWidth="1"/>
    <col min="4609" max="4609" width="12.375" style="132" customWidth="1"/>
    <col min="4610" max="4616" width="15.125" style="132" customWidth="1"/>
    <col min="4617" max="4617" width="9.75" style="132" bestFit="1" customWidth="1"/>
    <col min="4618" max="4863" width="9" style="132"/>
    <col min="4864" max="4864" width="5.75" style="132" customWidth="1"/>
    <col min="4865" max="4865" width="12.375" style="132" customWidth="1"/>
    <col min="4866" max="4872" width="15.125" style="132" customWidth="1"/>
    <col min="4873" max="4873" width="9.75" style="132" bestFit="1" customWidth="1"/>
    <col min="4874" max="5119" width="9" style="132"/>
    <col min="5120" max="5120" width="5.75" style="132" customWidth="1"/>
    <col min="5121" max="5121" width="12.375" style="132" customWidth="1"/>
    <col min="5122" max="5128" width="15.125" style="132" customWidth="1"/>
    <col min="5129" max="5129" width="9.75" style="132" bestFit="1" customWidth="1"/>
    <col min="5130" max="5375" width="9" style="132"/>
    <col min="5376" max="5376" width="5.75" style="132" customWidth="1"/>
    <col min="5377" max="5377" width="12.375" style="132" customWidth="1"/>
    <col min="5378" max="5384" width="15.125" style="132" customWidth="1"/>
    <col min="5385" max="5385" width="9.75" style="132" bestFit="1" customWidth="1"/>
    <col min="5386" max="5631" width="9" style="132"/>
    <col min="5632" max="5632" width="5.75" style="132" customWidth="1"/>
    <col min="5633" max="5633" width="12.375" style="132" customWidth="1"/>
    <col min="5634" max="5640" width="15.125" style="132" customWidth="1"/>
    <col min="5641" max="5641" width="9.75" style="132" bestFit="1" customWidth="1"/>
    <col min="5642" max="5887" width="9" style="132"/>
    <col min="5888" max="5888" width="5.75" style="132" customWidth="1"/>
    <col min="5889" max="5889" width="12.375" style="132" customWidth="1"/>
    <col min="5890" max="5896" width="15.125" style="132" customWidth="1"/>
    <col min="5897" max="5897" width="9.75" style="132" bestFit="1" customWidth="1"/>
    <col min="5898" max="6143" width="9" style="132"/>
    <col min="6144" max="6144" width="5.75" style="132" customWidth="1"/>
    <col min="6145" max="6145" width="12.375" style="132" customWidth="1"/>
    <col min="6146" max="6152" width="15.125" style="132" customWidth="1"/>
    <col min="6153" max="6153" width="9.75" style="132" bestFit="1" customWidth="1"/>
    <col min="6154" max="6399" width="9" style="132"/>
    <col min="6400" max="6400" width="5.75" style="132" customWidth="1"/>
    <col min="6401" max="6401" width="12.375" style="132" customWidth="1"/>
    <col min="6402" max="6408" width="15.125" style="132" customWidth="1"/>
    <col min="6409" max="6409" width="9.75" style="132" bestFit="1" customWidth="1"/>
    <col min="6410" max="6655" width="9" style="132"/>
    <col min="6656" max="6656" width="5.75" style="132" customWidth="1"/>
    <col min="6657" max="6657" width="12.375" style="132" customWidth="1"/>
    <col min="6658" max="6664" width="15.125" style="132" customWidth="1"/>
    <col min="6665" max="6665" width="9.75" style="132" bestFit="1" customWidth="1"/>
    <col min="6666" max="6911" width="9" style="132"/>
    <col min="6912" max="6912" width="5.75" style="132" customWidth="1"/>
    <col min="6913" max="6913" width="12.375" style="132" customWidth="1"/>
    <col min="6914" max="6920" width="15.125" style="132" customWidth="1"/>
    <col min="6921" max="6921" width="9.75" style="132" bestFit="1" customWidth="1"/>
    <col min="6922" max="7167" width="9" style="132"/>
    <col min="7168" max="7168" width="5.75" style="132" customWidth="1"/>
    <col min="7169" max="7169" width="12.375" style="132" customWidth="1"/>
    <col min="7170" max="7176" width="15.125" style="132" customWidth="1"/>
    <col min="7177" max="7177" width="9.75" style="132" bestFit="1" customWidth="1"/>
    <col min="7178" max="7423" width="9" style="132"/>
    <col min="7424" max="7424" width="5.75" style="132" customWidth="1"/>
    <col min="7425" max="7425" width="12.375" style="132" customWidth="1"/>
    <col min="7426" max="7432" width="15.125" style="132" customWidth="1"/>
    <col min="7433" max="7433" width="9.75" style="132" bestFit="1" customWidth="1"/>
    <col min="7434" max="7679" width="9" style="132"/>
    <col min="7680" max="7680" width="5.75" style="132" customWidth="1"/>
    <col min="7681" max="7681" width="12.375" style="132" customWidth="1"/>
    <col min="7682" max="7688" width="15.125" style="132" customWidth="1"/>
    <col min="7689" max="7689" width="9.75" style="132" bestFit="1" customWidth="1"/>
    <col min="7690" max="7935" width="9" style="132"/>
    <col min="7936" max="7936" width="5.75" style="132" customWidth="1"/>
    <col min="7937" max="7937" width="12.375" style="132" customWidth="1"/>
    <col min="7938" max="7944" width="15.125" style="132" customWidth="1"/>
    <col min="7945" max="7945" width="9.75" style="132" bestFit="1" customWidth="1"/>
    <col min="7946" max="8191" width="9" style="132"/>
    <col min="8192" max="8192" width="5.75" style="132" customWidth="1"/>
    <col min="8193" max="8193" width="12.375" style="132" customWidth="1"/>
    <col min="8194" max="8200" width="15.125" style="132" customWidth="1"/>
    <col min="8201" max="8201" width="9.75" style="132" bestFit="1" customWidth="1"/>
    <col min="8202" max="8447" width="9" style="132"/>
    <col min="8448" max="8448" width="5.75" style="132" customWidth="1"/>
    <col min="8449" max="8449" width="12.375" style="132" customWidth="1"/>
    <col min="8450" max="8456" width="15.125" style="132" customWidth="1"/>
    <col min="8457" max="8457" width="9.75" style="132" bestFit="1" customWidth="1"/>
    <col min="8458" max="8703" width="9" style="132"/>
    <col min="8704" max="8704" width="5.75" style="132" customWidth="1"/>
    <col min="8705" max="8705" width="12.375" style="132" customWidth="1"/>
    <col min="8706" max="8712" width="15.125" style="132" customWidth="1"/>
    <col min="8713" max="8713" width="9.75" style="132" bestFit="1" customWidth="1"/>
    <col min="8714" max="8959" width="9" style="132"/>
    <col min="8960" max="8960" width="5.75" style="132" customWidth="1"/>
    <col min="8961" max="8961" width="12.375" style="132" customWidth="1"/>
    <col min="8962" max="8968" width="15.125" style="132" customWidth="1"/>
    <col min="8969" max="8969" width="9.75" style="132" bestFit="1" customWidth="1"/>
    <col min="8970" max="9215" width="9" style="132"/>
    <col min="9216" max="9216" width="5.75" style="132" customWidth="1"/>
    <col min="9217" max="9217" width="12.375" style="132" customWidth="1"/>
    <col min="9218" max="9224" width="15.125" style="132" customWidth="1"/>
    <col min="9225" max="9225" width="9.75" style="132" bestFit="1" customWidth="1"/>
    <col min="9226" max="9471" width="9" style="132"/>
    <col min="9472" max="9472" width="5.75" style="132" customWidth="1"/>
    <col min="9473" max="9473" width="12.375" style="132" customWidth="1"/>
    <col min="9474" max="9480" width="15.125" style="132" customWidth="1"/>
    <col min="9481" max="9481" width="9.75" style="132" bestFit="1" customWidth="1"/>
    <col min="9482" max="9727" width="9" style="132"/>
    <col min="9728" max="9728" width="5.75" style="132" customWidth="1"/>
    <col min="9729" max="9729" width="12.375" style="132" customWidth="1"/>
    <col min="9730" max="9736" width="15.125" style="132" customWidth="1"/>
    <col min="9737" max="9737" width="9.75" style="132" bestFit="1" customWidth="1"/>
    <col min="9738" max="9983" width="9" style="132"/>
    <col min="9984" max="9984" width="5.75" style="132" customWidth="1"/>
    <col min="9985" max="9985" width="12.375" style="132" customWidth="1"/>
    <col min="9986" max="9992" width="15.125" style="132" customWidth="1"/>
    <col min="9993" max="9993" width="9.75" style="132" bestFit="1" customWidth="1"/>
    <col min="9994" max="10239" width="9" style="132"/>
    <col min="10240" max="10240" width="5.75" style="132" customWidth="1"/>
    <col min="10241" max="10241" width="12.375" style="132" customWidth="1"/>
    <col min="10242" max="10248" width="15.125" style="132" customWidth="1"/>
    <col min="10249" max="10249" width="9.75" style="132" bestFit="1" customWidth="1"/>
    <col min="10250" max="10495" width="9" style="132"/>
    <col min="10496" max="10496" width="5.75" style="132" customWidth="1"/>
    <col min="10497" max="10497" width="12.375" style="132" customWidth="1"/>
    <col min="10498" max="10504" width="15.125" style="132" customWidth="1"/>
    <col min="10505" max="10505" width="9.75" style="132" bestFit="1" customWidth="1"/>
    <col min="10506" max="10751" width="9" style="132"/>
    <col min="10752" max="10752" width="5.75" style="132" customWidth="1"/>
    <col min="10753" max="10753" width="12.375" style="132" customWidth="1"/>
    <col min="10754" max="10760" width="15.125" style="132" customWidth="1"/>
    <col min="10761" max="10761" width="9.75" style="132" bestFit="1" customWidth="1"/>
    <col min="10762" max="11007" width="9" style="132"/>
    <col min="11008" max="11008" width="5.75" style="132" customWidth="1"/>
    <col min="11009" max="11009" width="12.375" style="132" customWidth="1"/>
    <col min="11010" max="11016" width="15.125" style="132" customWidth="1"/>
    <col min="11017" max="11017" width="9.75" style="132" bestFit="1" customWidth="1"/>
    <col min="11018" max="11263" width="9" style="132"/>
    <col min="11264" max="11264" width="5.75" style="132" customWidth="1"/>
    <col min="11265" max="11265" width="12.375" style="132" customWidth="1"/>
    <col min="11266" max="11272" width="15.125" style="132" customWidth="1"/>
    <col min="11273" max="11273" width="9.75" style="132" bestFit="1" customWidth="1"/>
    <col min="11274" max="11519" width="9" style="132"/>
    <col min="11520" max="11520" width="5.75" style="132" customWidth="1"/>
    <col min="11521" max="11521" width="12.375" style="132" customWidth="1"/>
    <col min="11522" max="11528" width="15.125" style="132" customWidth="1"/>
    <col min="11529" max="11529" width="9.75" style="132" bestFit="1" customWidth="1"/>
    <col min="11530" max="11775" width="9" style="132"/>
    <col min="11776" max="11776" width="5.75" style="132" customWidth="1"/>
    <col min="11777" max="11777" width="12.375" style="132" customWidth="1"/>
    <col min="11778" max="11784" width="15.125" style="132" customWidth="1"/>
    <col min="11785" max="11785" width="9.75" style="132" bestFit="1" customWidth="1"/>
    <col min="11786" max="12031" width="9" style="132"/>
    <col min="12032" max="12032" width="5.75" style="132" customWidth="1"/>
    <col min="12033" max="12033" width="12.375" style="132" customWidth="1"/>
    <col min="12034" max="12040" width="15.125" style="132" customWidth="1"/>
    <col min="12041" max="12041" width="9.75" style="132" bestFit="1" customWidth="1"/>
    <col min="12042" max="12287" width="9" style="132"/>
    <col min="12288" max="12288" width="5.75" style="132" customWidth="1"/>
    <col min="12289" max="12289" width="12.375" style="132" customWidth="1"/>
    <col min="12290" max="12296" width="15.125" style="132" customWidth="1"/>
    <col min="12297" max="12297" width="9.75" style="132" bestFit="1" customWidth="1"/>
    <col min="12298" max="12543" width="9" style="132"/>
    <col min="12544" max="12544" width="5.75" style="132" customWidth="1"/>
    <col min="12545" max="12545" width="12.375" style="132" customWidth="1"/>
    <col min="12546" max="12552" width="15.125" style="132" customWidth="1"/>
    <col min="12553" max="12553" width="9.75" style="132" bestFit="1" customWidth="1"/>
    <col min="12554" max="12799" width="9" style="132"/>
    <col min="12800" max="12800" width="5.75" style="132" customWidth="1"/>
    <col min="12801" max="12801" width="12.375" style="132" customWidth="1"/>
    <col min="12802" max="12808" width="15.125" style="132" customWidth="1"/>
    <col min="12809" max="12809" width="9.75" style="132" bestFit="1" customWidth="1"/>
    <col min="12810" max="13055" width="9" style="132"/>
    <col min="13056" max="13056" width="5.75" style="132" customWidth="1"/>
    <col min="13057" max="13057" width="12.375" style="132" customWidth="1"/>
    <col min="13058" max="13064" width="15.125" style="132" customWidth="1"/>
    <col min="13065" max="13065" width="9.75" style="132" bestFit="1" customWidth="1"/>
    <col min="13066" max="13311" width="9" style="132"/>
    <col min="13312" max="13312" width="5.75" style="132" customWidth="1"/>
    <col min="13313" max="13313" width="12.375" style="132" customWidth="1"/>
    <col min="13314" max="13320" width="15.125" style="132" customWidth="1"/>
    <col min="13321" max="13321" width="9.75" style="132" bestFit="1" customWidth="1"/>
    <col min="13322" max="13567" width="9" style="132"/>
    <col min="13568" max="13568" width="5.75" style="132" customWidth="1"/>
    <col min="13569" max="13569" width="12.375" style="132" customWidth="1"/>
    <col min="13570" max="13576" width="15.125" style="132" customWidth="1"/>
    <col min="13577" max="13577" width="9.75" style="132" bestFit="1" customWidth="1"/>
    <col min="13578" max="13823" width="9" style="132"/>
    <col min="13824" max="13824" width="5.75" style="132" customWidth="1"/>
    <col min="13825" max="13825" width="12.375" style="132" customWidth="1"/>
    <col min="13826" max="13832" width="15.125" style="132" customWidth="1"/>
    <col min="13833" max="13833" width="9.75" style="132" bestFit="1" customWidth="1"/>
    <col min="13834" max="14079" width="9" style="132"/>
    <col min="14080" max="14080" width="5.75" style="132" customWidth="1"/>
    <col min="14081" max="14081" width="12.375" style="132" customWidth="1"/>
    <col min="14082" max="14088" width="15.125" style="132" customWidth="1"/>
    <col min="14089" max="14089" width="9.75" style="132" bestFit="1" customWidth="1"/>
    <col min="14090" max="14335" width="9" style="132"/>
    <col min="14336" max="14336" width="5.75" style="132" customWidth="1"/>
    <col min="14337" max="14337" width="12.375" style="132" customWidth="1"/>
    <col min="14338" max="14344" width="15.125" style="132" customWidth="1"/>
    <col min="14345" max="14345" width="9.75" style="132" bestFit="1" customWidth="1"/>
    <col min="14346" max="14591" width="9" style="132"/>
    <col min="14592" max="14592" width="5.75" style="132" customWidth="1"/>
    <col min="14593" max="14593" width="12.375" style="132" customWidth="1"/>
    <col min="14594" max="14600" width="15.125" style="132" customWidth="1"/>
    <col min="14601" max="14601" width="9.75" style="132" bestFit="1" customWidth="1"/>
    <col min="14602" max="14847" width="9" style="132"/>
    <col min="14848" max="14848" width="5.75" style="132" customWidth="1"/>
    <col min="14849" max="14849" width="12.375" style="132" customWidth="1"/>
    <col min="14850" max="14856" width="15.125" style="132" customWidth="1"/>
    <col min="14857" max="14857" width="9.75" style="132" bestFit="1" customWidth="1"/>
    <col min="14858" max="15103" width="9" style="132"/>
    <col min="15104" max="15104" width="5.75" style="132" customWidth="1"/>
    <col min="15105" max="15105" width="12.375" style="132" customWidth="1"/>
    <col min="15106" max="15112" width="15.125" style="132" customWidth="1"/>
    <col min="15113" max="15113" width="9.75" style="132" bestFit="1" customWidth="1"/>
    <col min="15114" max="15359" width="9" style="132"/>
    <col min="15360" max="15360" width="5.75" style="132" customWidth="1"/>
    <col min="15361" max="15361" width="12.375" style="132" customWidth="1"/>
    <col min="15362" max="15368" width="15.125" style="132" customWidth="1"/>
    <col min="15369" max="15369" width="9.75" style="132" bestFit="1" customWidth="1"/>
    <col min="15370" max="15615" width="9" style="132"/>
    <col min="15616" max="15616" width="5.75" style="132" customWidth="1"/>
    <col min="15617" max="15617" width="12.375" style="132" customWidth="1"/>
    <col min="15618" max="15624" width="15.125" style="132" customWidth="1"/>
    <col min="15625" max="15625" width="9.75" style="132" bestFit="1" customWidth="1"/>
    <col min="15626" max="15871" width="9" style="132"/>
    <col min="15872" max="15872" width="5.75" style="132" customWidth="1"/>
    <col min="15873" max="15873" width="12.375" style="132" customWidth="1"/>
    <col min="15874" max="15880" width="15.125" style="132" customWidth="1"/>
    <col min="15881" max="15881" width="9.75" style="132" bestFit="1" customWidth="1"/>
    <col min="15882" max="16127" width="9" style="132"/>
    <col min="16128" max="16128" width="5.75" style="132" customWidth="1"/>
    <col min="16129" max="16129" width="12.375" style="132" customWidth="1"/>
    <col min="16130" max="16136" width="15.125" style="132" customWidth="1"/>
    <col min="16137" max="16137" width="9.75" style="132" bestFit="1" customWidth="1"/>
    <col min="16138" max="16384" width="9" style="132"/>
  </cols>
  <sheetData>
    <row r="1" spans="1:10" ht="21" customHeight="1" thickBot="1">
      <c r="A1" s="1065" t="s">
        <v>227</v>
      </c>
      <c r="B1" s="283"/>
      <c r="C1" s="284"/>
    </row>
    <row r="2" spans="1:10" s="285" customFormat="1" ht="19.5" customHeight="1" thickTop="1">
      <c r="A2" s="1397" t="s">
        <v>228</v>
      </c>
      <c r="B2" s="1398"/>
      <c r="C2" s="1401" t="s">
        <v>229</v>
      </c>
      <c r="D2" s="1394" t="s">
        <v>230</v>
      </c>
      <c r="E2" s="1394" t="s">
        <v>231</v>
      </c>
      <c r="F2" s="1394" t="s">
        <v>232</v>
      </c>
      <c r="G2" s="1394" t="s">
        <v>233</v>
      </c>
      <c r="H2" s="1394" t="s">
        <v>234</v>
      </c>
      <c r="I2" s="1395" t="s">
        <v>235</v>
      </c>
    </row>
    <row r="3" spans="1:10" s="285" customFormat="1" ht="20.25" customHeight="1">
      <c r="A3" s="1399"/>
      <c r="B3" s="1400"/>
      <c r="C3" s="1402"/>
      <c r="D3" s="1403"/>
      <c r="E3" s="1403"/>
      <c r="F3" s="1403"/>
      <c r="G3" s="1355"/>
      <c r="H3" s="1355"/>
      <c r="I3" s="1396"/>
    </row>
    <row r="4" spans="1:10" s="285" customFormat="1" ht="16.5" customHeight="1">
      <c r="A4" s="286"/>
      <c r="B4" s="287"/>
      <c r="C4" s="288" t="s">
        <v>236</v>
      </c>
      <c r="D4" s="289" t="s">
        <v>237</v>
      </c>
      <c r="E4" s="288" t="s">
        <v>237</v>
      </c>
      <c r="F4" s="290" t="s">
        <v>236</v>
      </c>
      <c r="G4" s="289" t="s">
        <v>236</v>
      </c>
      <c r="H4" s="289" t="s">
        <v>236</v>
      </c>
      <c r="I4" s="289" t="s">
        <v>236</v>
      </c>
    </row>
    <row r="5" spans="1:10" s="285" customFormat="1" ht="16.5" customHeight="1">
      <c r="A5" s="286"/>
      <c r="B5" s="291" t="s">
        <v>238</v>
      </c>
      <c r="C5" s="292">
        <v>9163279</v>
      </c>
      <c r="D5" s="293">
        <v>3733084</v>
      </c>
      <c r="E5" s="292">
        <v>1505357</v>
      </c>
      <c r="F5" s="294">
        <v>705364</v>
      </c>
      <c r="G5" s="293">
        <v>1572147</v>
      </c>
      <c r="H5" s="293">
        <v>1304459</v>
      </c>
      <c r="I5" s="293">
        <v>342868</v>
      </c>
      <c r="J5" s="295"/>
    </row>
    <row r="6" spans="1:10" s="285" customFormat="1" ht="16.5" customHeight="1">
      <c r="A6" s="286"/>
      <c r="B6" s="296"/>
      <c r="C6" s="297"/>
      <c r="D6" s="298"/>
      <c r="E6" s="299"/>
      <c r="F6" s="300"/>
      <c r="G6" s="299"/>
      <c r="H6" s="300"/>
      <c r="I6" s="298"/>
    </row>
    <row r="7" spans="1:10" s="285" customFormat="1" ht="16.5" customHeight="1">
      <c r="A7" s="301"/>
      <c r="B7" s="302" t="s">
        <v>239</v>
      </c>
      <c r="C7" s="303">
        <v>356698</v>
      </c>
      <c r="D7" s="304">
        <v>146044</v>
      </c>
      <c r="E7" s="305">
        <v>66200</v>
      </c>
      <c r="F7" s="306">
        <v>23022</v>
      </c>
      <c r="G7" s="307">
        <v>60092</v>
      </c>
      <c r="H7" s="306">
        <v>50456</v>
      </c>
      <c r="I7" s="308">
        <v>10884</v>
      </c>
    </row>
    <row r="8" spans="1:10" s="285" customFormat="1" ht="16.5" customHeight="1">
      <c r="A8" s="301"/>
      <c r="B8" s="302" t="s">
        <v>240</v>
      </c>
      <c r="C8" s="303">
        <v>375134</v>
      </c>
      <c r="D8" s="304">
        <v>153302</v>
      </c>
      <c r="E8" s="307">
        <v>61199</v>
      </c>
      <c r="F8" s="306">
        <v>26583</v>
      </c>
      <c r="G8" s="307">
        <v>65409</v>
      </c>
      <c r="H8" s="306">
        <v>55581</v>
      </c>
      <c r="I8" s="304">
        <v>13060</v>
      </c>
    </row>
    <row r="9" spans="1:10" s="285" customFormat="1" ht="16.5" customHeight="1">
      <c r="A9" s="309"/>
      <c r="B9" s="302" t="s">
        <v>241</v>
      </c>
      <c r="C9" s="303">
        <v>385207</v>
      </c>
      <c r="D9" s="304">
        <v>157672</v>
      </c>
      <c r="E9" s="307">
        <v>58472</v>
      </c>
      <c r="F9" s="306">
        <v>29413</v>
      </c>
      <c r="G9" s="307">
        <v>67031</v>
      </c>
      <c r="H9" s="306">
        <v>58501</v>
      </c>
      <c r="I9" s="304">
        <v>14118</v>
      </c>
    </row>
    <row r="10" spans="1:10" s="285" customFormat="1" ht="16.5" customHeight="1">
      <c r="A10" s="309"/>
      <c r="B10" s="302" t="s">
        <v>242</v>
      </c>
      <c r="C10" s="303">
        <v>421093</v>
      </c>
      <c r="D10" s="304">
        <v>173050</v>
      </c>
      <c r="E10" s="307">
        <v>62005</v>
      </c>
      <c r="F10" s="306">
        <v>33887</v>
      </c>
      <c r="G10" s="307">
        <v>74226</v>
      </c>
      <c r="H10" s="306">
        <v>61577</v>
      </c>
      <c r="I10" s="304">
        <v>16348</v>
      </c>
    </row>
    <row r="11" spans="1:10" s="285" customFormat="1" ht="16.5" customHeight="1">
      <c r="A11" s="309" t="s">
        <v>243</v>
      </c>
      <c r="B11" s="310" t="s">
        <v>244</v>
      </c>
      <c r="C11" s="303">
        <v>504286</v>
      </c>
      <c r="D11" s="304">
        <v>203744</v>
      </c>
      <c r="E11" s="307">
        <v>91755</v>
      </c>
      <c r="F11" s="311">
        <v>31894</v>
      </c>
      <c r="G11" s="307">
        <v>90331</v>
      </c>
      <c r="H11" s="306">
        <v>70790</v>
      </c>
      <c r="I11" s="304">
        <v>15772</v>
      </c>
    </row>
    <row r="12" spans="1:10" s="285" customFormat="1" ht="16.5" customHeight="1">
      <c r="A12" s="309" t="s">
        <v>245</v>
      </c>
      <c r="B12" s="302" t="s">
        <v>246</v>
      </c>
      <c r="C12" s="312">
        <v>480103</v>
      </c>
      <c r="D12" s="308">
        <v>195543</v>
      </c>
      <c r="E12" s="305">
        <v>100017</v>
      </c>
      <c r="F12" s="313">
        <v>27986</v>
      </c>
      <c r="G12" s="305">
        <v>81548</v>
      </c>
      <c r="H12" s="313">
        <v>60593</v>
      </c>
      <c r="I12" s="308">
        <v>14416</v>
      </c>
    </row>
    <row r="13" spans="1:10" s="285" customFormat="1" ht="16.5" customHeight="1">
      <c r="A13" s="309">
        <v>30</v>
      </c>
      <c r="B13" s="302" t="s">
        <v>247</v>
      </c>
      <c r="C13" s="303">
        <v>532740</v>
      </c>
      <c r="D13" s="304">
        <v>218655</v>
      </c>
      <c r="E13" s="307">
        <v>108889</v>
      </c>
      <c r="F13" s="306">
        <v>31452</v>
      </c>
      <c r="G13" s="307">
        <v>88778</v>
      </c>
      <c r="H13" s="306">
        <v>68905</v>
      </c>
      <c r="I13" s="304">
        <v>16061</v>
      </c>
    </row>
    <row r="14" spans="1:10" s="285" customFormat="1" ht="16.5" customHeight="1">
      <c r="A14" s="309" t="s">
        <v>248</v>
      </c>
      <c r="B14" s="302" t="s">
        <v>249</v>
      </c>
      <c r="C14" s="303">
        <v>596951</v>
      </c>
      <c r="D14" s="304">
        <v>242722</v>
      </c>
      <c r="E14" s="307">
        <v>113397</v>
      </c>
      <c r="F14" s="306">
        <v>37883</v>
      </c>
      <c r="G14" s="307">
        <v>101101</v>
      </c>
      <c r="H14" s="306">
        <v>82947</v>
      </c>
      <c r="I14" s="304">
        <v>18901</v>
      </c>
    </row>
    <row r="15" spans="1:10" s="285" customFormat="1" ht="16.5" customHeight="1">
      <c r="A15" s="309">
        <v>1</v>
      </c>
      <c r="B15" s="302" t="s">
        <v>250</v>
      </c>
      <c r="C15" s="303">
        <v>723364</v>
      </c>
      <c r="D15" s="304">
        <v>296471</v>
      </c>
      <c r="E15" s="307">
        <v>125717</v>
      </c>
      <c r="F15" s="306">
        <v>50905</v>
      </c>
      <c r="G15" s="307">
        <v>124367</v>
      </c>
      <c r="H15" s="306">
        <v>102194</v>
      </c>
      <c r="I15" s="304">
        <v>23710</v>
      </c>
    </row>
    <row r="16" spans="1:10" s="285" customFormat="1" ht="16.5" customHeight="1">
      <c r="A16" s="309" t="s">
        <v>251</v>
      </c>
      <c r="B16" s="310" t="s">
        <v>252</v>
      </c>
      <c r="C16" s="297">
        <v>771885</v>
      </c>
      <c r="D16" s="314">
        <v>323050</v>
      </c>
      <c r="E16" s="315">
        <v>127172</v>
      </c>
      <c r="F16" s="316">
        <v>56818</v>
      </c>
      <c r="G16" s="315">
        <v>131777</v>
      </c>
      <c r="H16" s="316">
        <v>107179</v>
      </c>
      <c r="I16" s="314">
        <v>25889</v>
      </c>
    </row>
    <row r="17" spans="1:10" s="285" customFormat="1" ht="16.5" customHeight="1">
      <c r="A17" s="309">
        <v>1</v>
      </c>
      <c r="B17" s="302" t="s">
        <v>253</v>
      </c>
      <c r="C17" s="303">
        <v>653677</v>
      </c>
      <c r="D17" s="308">
        <v>276248</v>
      </c>
      <c r="E17" s="305">
        <v>105851</v>
      </c>
      <c r="F17" s="313">
        <v>48364</v>
      </c>
      <c r="G17" s="305">
        <v>109316</v>
      </c>
      <c r="H17" s="313">
        <v>90457</v>
      </c>
      <c r="I17" s="308">
        <v>23441</v>
      </c>
    </row>
    <row r="18" spans="1:10" s="285" customFormat="1" ht="16.5" customHeight="1">
      <c r="A18" s="309" t="s">
        <v>254</v>
      </c>
      <c r="B18" s="302" t="s">
        <v>255</v>
      </c>
      <c r="C18" s="303">
        <v>532925</v>
      </c>
      <c r="D18" s="304">
        <v>223400</v>
      </c>
      <c r="E18" s="307">
        <v>82581</v>
      </c>
      <c r="F18" s="306">
        <v>41723</v>
      </c>
      <c r="G18" s="307">
        <v>88956</v>
      </c>
      <c r="H18" s="306">
        <v>75324</v>
      </c>
      <c r="I18" s="304">
        <v>20941</v>
      </c>
    </row>
    <row r="19" spans="1:10" s="285" customFormat="1" ht="16.5" customHeight="1">
      <c r="A19" s="309" t="s">
        <v>256</v>
      </c>
      <c r="B19" s="302" t="s">
        <v>257</v>
      </c>
      <c r="C19" s="303">
        <v>486546</v>
      </c>
      <c r="D19" s="304">
        <v>197756</v>
      </c>
      <c r="E19" s="307">
        <v>70044</v>
      </c>
      <c r="F19" s="306">
        <v>40604</v>
      </c>
      <c r="G19" s="307">
        <v>84951</v>
      </c>
      <c r="H19" s="306">
        <v>71816</v>
      </c>
      <c r="I19" s="304">
        <v>21375</v>
      </c>
    </row>
    <row r="20" spans="1:10" s="285" customFormat="1" ht="16.5" customHeight="1">
      <c r="A20" s="309" t="s">
        <v>258</v>
      </c>
      <c r="B20" s="302" t="s">
        <v>259</v>
      </c>
      <c r="C20" s="303">
        <v>626754</v>
      </c>
      <c r="D20" s="304">
        <v>247834</v>
      </c>
      <c r="E20" s="307">
        <v>83853</v>
      </c>
      <c r="F20" s="306">
        <v>55742</v>
      </c>
      <c r="G20" s="307">
        <v>114041</v>
      </c>
      <c r="H20" s="306">
        <v>96421</v>
      </c>
      <c r="I20" s="304">
        <v>28863</v>
      </c>
    </row>
    <row r="21" spans="1:10" s="285" customFormat="1" ht="16.5" customHeight="1">
      <c r="A21" s="317"/>
      <c r="B21" s="310" t="s">
        <v>260</v>
      </c>
      <c r="C21" s="303">
        <v>535473</v>
      </c>
      <c r="D21" s="314">
        <v>210436</v>
      </c>
      <c r="E21" s="315">
        <v>67780</v>
      </c>
      <c r="F21" s="316">
        <v>51704</v>
      </c>
      <c r="G21" s="315">
        <v>98481</v>
      </c>
      <c r="H21" s="316">
        <v>82366</v>
      </c>
      <c r="I21" s="314">
        <v>24706</v>
      </c>
    </row>
    <row r="22" spans="1:10" s="285" customFormat="1" ht="16.5" customHeight="1">
      <c r="A22" s="286"/>
      <c r="B22" s="302" t="s">
        <v>261</v>
      </c>
      <c r="C22" s="312">
        <v>456390</v>
      </c>
      <c r="D22" s="308">
        <v>181119</v>
      </c>
      <c r="E22" s="305">
        <v>57112</v>
      </c>
      <c r="F22" s="313">
        <v>45241</v>
      </c>
      <c r="G22" s="305">
        <v>82835</v>
      </c>
      <c r="H22" s="313">
        <v>68953</v>
      </c>
      <c r="I22" s="308">
        <v>21130</v>
      </c>
    </row>
    <row r="23" spans="1:10" s="285" customFormat="1" ht="16.5" customHeight="1">
      <c r="A23" s="286"/>
      <c r="B23" s="302" t="s">
        <v>262</v>
      </c>
      <c r="C23" s="303">
        <v>333210</v>
      </c>
      <c r="D23" s="304">
        <v>137020</v>
      </c>
      <c r="E23" s="307">
        <v>43184</v>
      </c>
      <c r="F23" s="306">
        <v>35047</v>
      </c>
      <c r="G23" s="307">
        <v>52954</v>
      </c>
      <c r="H23" s="306">
        <v>49118</v>
      </c>
      <c r="I23" s="304">
        <v>15887</v>
      </c>
    </row>
    <row r="24" spans="1:10" s="285" customFormat="1" ht="16.5" customHeight="1">
      <c r="A24" s="286"/>
      <c r="B24" s="302" t="s">
        <v>263</v>
      </c>
      <c r="C24" s="303">
        <v>194978</v>
      </c>
      <c r="D24" s="304">
        <v>80852</v>
      </c>
      <c r="E24" s="307">
        <v>26333</v>
      </c>
      <c r="F24" s="306">
        <v>21407</v>
      </c>
      <c r="G24" s="307">
        <v>28335</v>
      </c>
      <c r="H24" s="306">
        <v>28385</v>
      </c>
      <c r="I24" s="304">
        <v>9666</v>
      </c>
    </row>
    <row r="25" spans="1:10" s="285" customFormat="1" ht="16.5" customHeight="1">
      <c r="A25" s="286"/>
      <c r="B25" s="302" t="s">
        <v>264</v>
      </c>
      <c r="C25" s="303">
        <v>86164</v>
      </c>
      <c r="D25" s="304">
        <v>35226</v>
      </c>
      <c r="E25" s="307">
        <v>11470</v>
      </c>
      <c r="F25" s="306">
        <v>9835</v>
      </c>
      <c r="G25" s="307">
        <v>12000</v>
      </c>
      <c r="H25" s="306">
        <v>13091</v>
      </c>
      <c r="I25" s="304">
        <v>4542</v>
      </c>
    </row>
    <row r="26" spans="1:10" s="285" customFormat="1" ht="16.5" customHeight="1">
      <c r="A26" s="286"/>
      <c r="B26" s="310" t="s">
        <v>265</v>
      </c>
      <c r="C26" s="297">
        <v>22604</v>
      </c>
      <c r="D26" s="314">
        <v>8910</v>
      </c>
      <c r="E26" s="315">
        <v>3077</v>
      </c>
      <c r="F26" s="316">
        <v>2666</v>
      </c>
      <c r="G26" s="315">
        <v>3303</v>
      </c>
      <c r="H26" s="316">
        <v>3457</v>
      </c>
      <c r="I26" s="314">
        <v>1191</v>
      </c>
    </row>
    <row r="27" spans="1:10" s="285" customFormat="1" ht="16.5" customHeight="1">
      <c r="A27" s="286"/>
      <c r="B27" s="318" t="s">
        <v>266</v>
      </c>
      <c r="C27" s="303">
        <v>4171</v>
      </c>
      <c r="D27" s="319">
        <v>1502</v>
      </c>
      <c r="E27" s="320">
        <v>629</v>
      </c>
      <c r="F27" s="321">
        <v>509</v>
      </c>
      <c r="G27" s="320">
        <v>638</v>
      </c>
      <c r="H27" s="321">
        <v>678</v>
      </c>
      <c r="I27" s="319">
        <v>215</v>
      </c>
    </row>
    <row r="28" spans="1:10" s="285" customFormat="1" ht="16.5" customHeight="1">
      <c r="A28" s="286"/>
      <c r="B28" s="322" t="s">
        <v>154</v>
      </c>
      <c r="C28" s="323">
        <v>82926</v>
      </c>
      <c r="D28" s="324">
        <v>22528</v>
      </c>
      <c r="E28" s="325">
        <v>38620</v>
      </c>
      <c r="F28" s="326">
        <v>2679</v>
      </c>
      <c r="G28" s="325">
        <v>11677</v>
      </c>
      <c r="H28" s="326">
        <v>5670</v>
      </c>
      <c r="I28" s="324">
        <v>1752</v>
      </c>
    </row>
    <row r="29" spans="1:10" s="285" customFormat="1" ht="16.5" customHeight="1">
      <c r="A29" s="286"/>
      <c r="B29" s="327" t="s">
        <v>267</v>
      </c>
      <c r="C29" s="303">
        <v>1117039</v>
      </c>
      <c r="D29" s="304">
        <v>457018</v>
      </c>
      <c r="E29" s="307">
        <v>185871</v>
      </c>
      <c r="F29" s="306">
        <v>79018</v>
      </c>
      <c r="G29" s="307">
        <v>192532</v>
      </c>
      <c r="H29" s="306">
        <v>164538</v>
      </c>
      <c r="I29" s="304">
        <v>38062</v>
      </c>
      <c r="J29" s="295"/>
    </row>
    <row r="30" spans="1:10" s="285" customFormat="1" ht="16.5" customHeight="1">
      <c r="A30" s="286"/>
      <c r="B30" s="302" t="s">
        <v>268</v>
      </c>
      <c r="C30" s="303">
        <v>5703570</v>
      </c>
      <c r="D30" s="304">
        <v>2350639</v>
      </c>
      <c r="E30" s="307">
        <v>987428</v>
      </c>
      <c r="F30" s="306">
        <v>401516</v>
      </c>
      <c r="G30" s="307">
        <v>975351</v>
      </c>
      <c r="H30" s="306">
        <v>791782</v>
      </c>
      <c r="I30" s="304">
        <v>196854</v>
      </c>
      <c r="J30" s="295"/>
    </row>
    <row r="31" spans="1:10" s="285" customFormat="1" ht="16.5" customHeight="1" thickBot="1">
      <c r="A31" s="328"/>
      <c r="B31" s="329" t="s">
        <v>269</v>
      </c>
      <c r="C31" s="330">
        <v>2259744</v>
      </c>
      <c r="D31" s="331">
        <v>902899</v>
      </c>
      <c r="E31" s="332">
        <v>293438</v>
      </c>
      <c r="F31" s="333">
        <v>222151</v>
      </c>
      <c r="G31" s="332">
        <v>392587</v>
      </c>
      <c r="H31" s="333">
        <v>342469</v>
      </c>
      <c r="I31" s="331">
        <v>106200</v>
      </c>
    </row>
    <row r="32" spans="1:10" s="285" customFormat="1" ht="16.5" customHeight="1" thickTop="1">
      <c r="A32" s="286"/>
      <c r="B32" s="287"/>
      <c r="C32" s="288" t="s">
        <v>236</v>
      </c>
      <c r="D32" s="289" t="s">
        <v>270</v>
      </c>
      <c r="E32" s="288" t="s">
        <v>270</v>
      </c>
      <c r="F32" s="290" t="s">
        <v>270</v>
      </c>
      <c r="G32" s="289" t="s">
        <v>270</v>
      </c>
      <c r="H32" s="289" t="s">
        <v>270</v>
      </c>
      <c r="I32" s="289" t="s">
        <v>270</v>
      </c>
    </row>
    <row r="33" spans="1:12" s="285" customFormat="1" ht="16.5" customHeight="1">
      <c r="A33" s="286"/>
      <c r="B33" s="291" t="s">
        <v>238</v>
      </c>
      <c r="C33" s="334">
        <v>9147400</v>
      </c>
      <c r="D33" s="335">
        <v>3731096</v>
      </c>
      <c r="E33" s="334">
        <v>1491577</v>
      </c>
      <c r="F33" s="336">
        <v>709759</v>
      </c>
      <c r="G33" s="335">
        <v>1568539</v>
      </c>
      <c r="H33" s="335">
        <v>1301667</v>
      </c>
      <c r="I33" s="335">
        <v>344762</v>
      </c>
    </row>
    <row r="34" spans="1:12" s="285" customFormat="1" ht="16.5" customHeight="1">
      <c r="A34" s="286"/>
      <c r="B34" s="296"/>
      <c r="C34" s="337"/>
      <c r="D34" s="338"/>
      <c r="E34" s="339"/>
      <c r="F34" s="338"/>
      <c r="G34" s="339"/>
      <c r="H34" s="338"/>
      <c r="I34" s="340"/>
    </row>
    <row r="35" spans="1:12" s="285" customFormat="1" ht="16.5" customHeight="1">
      <c r="A35" s="301"/>
      <c r="B35" s="302" t="s">
        <v>271</v>
      </c>
      <c r="C35" s="341">
        <v>361465</v>
      </c>
      <c r="D35" s="342">
        <v>148700</v>
      </c>
      <c r="E35" s="342">
        <v>65982</v>
      </c>
      <c r="F35" s="342">
        <v>23367</v>
      </c>
      <c r="G35" s="342">
        <v>61110</v>
      </c>
      <c r="H35" s="342">
        <v>50976</v>
      </c>
      <c r="I35" s="343">
        <v>11330</v>
      </c>
    </row>
    <row r="36" spans="1:12" s="285" customFormat="1" ht="16.5" customHeight="1">
      <c r="A36" s="301"/>
      <c r="B36" s="302" t="s">
        <v>272</v>
      </c>
      <c r="C36" s="341">
        <v>378404</v>
      </c>
      <c r="D36" s="342">
        <v>154564</v>
      </c>
      <c r="E36" s="342">
        <v>61062</v>
      </c>
      <c r="F36" s="342">
        <v>27333</v>
      </c>
      <c r="G36" s="342">
        <v>66122</v>
      </c>
      <c r="H36" s="342">
        <v>56165</v>
      </c>
      <c r="I36" s="343">
        <v>13158</v>
      </c>
    </row>
    <row r="37" spans="1:12" s="285" customFormat="1" ht="16.5" customHeight="1">
      <c r="A37" s="309"/>
      <c r="B37" s="302" t="s">
        <v>273</v>
      </c>
      <c r="C37" s="341">
        <v>388557</v>
      </c>
      <c r="D37" s="342">
        <v>159426</v>
      </c>
      <c r="E37" s="342">
        <v>58358</v>
      </c>
      <c r="F37" s="342">
        <v>29980</v>
      </c>
      <c r="G37" s="342">
        <v>67599</v>
      </c>
      <c r="H37" s="342">
        <v>58614</v>
      </c>
      <c r="I37" s="343">
        <v>14580</v>
      </c>
      <c r="K37" s="344"/>
      <c r="L37" s="344"/>
    </row>
    <row r="38" spans="1:12" s="285" customFormat="1" ht="16.5" customHeight="1">
      <c r="A38" s="309"/>
      <c r="B38" s="302" t="s">
        <v>274</v>
      </c>
      <c r="C38" s="341">
        <v>424844</v>
      </c>
      <c r="D38" s="342">
        <v>174562</v>
      </c>
      <c r="E38" s="342">
        <v>62366</v>
      </c>
      <c r="F38" s="342">
        <v>33889</v>
      </c>
      <c r="G38" s="342">
        <v>74977</v>
      </c>
      <c r="H38" s="342">
        <v>62443</v>
      </c>
      <c r="I38" s="343">
        <v>16607</v>
      </c>
    </row>
    <row r="39" spans="1:12" s="285" customFormat="1" ht="16.5" customHeight="1">
      <c r="A39" s="309" t="s">
        <v>243</v>
      </c>
      <c r="B39" s="310" t="s">
        <v>275</v>
      </c>
      <c r="C39" s="341">
        <v>494660</v>
      </c>
      <c r="D39" s="345">
        <v>198530</v>
      </c>
      <c r="E39" s="345">
        <v>89536</v>
      </c>
      <c r="F39" s="345">
        <v>31939</v>
      </c>
      <c r="G39" s="345">
        <v>89337</v>
      </c>
      <c r="H39" s="345">
        <v>69723</v>
      </c>
      <c r="I39" s="346">
        <v>15595</v>
      </c>
    </row>
    <row r="40" spans="1:12" s="285" customFormat="1" ht="16.5" customHeight="1">
      <c r="A40" s="309" t="s">
        <v>245</v>
      </c>
      <c r="B40" s="302" t="s">
        <v>276</v>
      </c>
      <c r="C40" s="347">
        <v>480992</v>
      </c>
      <c r="D40" s="342">
        <v>197429</v>
      </c>
      <c r="E40" s="342">
        <v>97934</v>
      </c>
      <c r="F40" s="342">
        <v>28636</v>
      </c>
      <c r="G40" s="342">
        <v>80957</v>
      </c>
      <c r="H40" s="342">
        <v>61245</v>
      </c>
      <c r="I40" s="343">
        <v>14791</v>
      </c>
    </row>
    <row r="41" spans="1:12" s="285" customFormat="1" ht="16.5" customHeight="1">
      <c r="A41" s="309">
        <v>29</v>
      </c>
      <c r="B41" s="302" t="s">
        <v>277</v>
      </c>
      <c r="C41" s="341">
        <v>544794</v>
      </c>
      <c r="D41" s="342">
        <v>224218</v>
      </c>
      <c r="E41" s="342">
        <v>109880</v>
      </c>
      <c r="F41" s="342">
        <v>32242</v>
      </c>
      <c r="G41" s="342">
        <v>90923</v>
      </c>
      <c r="H41" s="342">
        <v>70950</v>
      </c>
      <c r="I41" s="343">
        <v>16581</v>
      </c>
    </row>
    <row r="42" spans="1:12" s="285" customFormat="1" ht="16.5" customHeight="1">
      <c r="A42" s="309" t="s">
        <v>248</v>
      </c>
      <c r="B42" s="302" t="s">
        <v>278</v>
      </c>
      <c r="C42" s="341">
        <v>616242</v>
      </c>
      <c r="D42" s="342">
        <v>251307</v>
      </c>
      <c r="E42" s="342">
        <v>115576</v>
      </c>
      <c r="F42" s="342">
        <v>39819</v>
      </c>
      <c r="G42" s="342">
        <v>104497</v>
      </c>
      <c r="H42" s="342">
        <v>85506</v>
      </c>
      <c r="I42" s="343">
        <v>19537</v>
      </c>
    </row>
    <row r="43" spans="1:12" s="285" customFormat="1" ht="16.5" customHeight="1">
      <c r="A43" s="309">
        <v>1</v>
      </c>
      <c r="B43" s="302" t="s">
        <v>279</v>
      </c>
      <c r="C43" s="341">
        <v>750326</v>
      </c>
      <c r="D43" s="342">
        <v>308765</v>
      </c>
      <c r="E43" s="342">
        <v>128724</v>
      </c>
      <c r="F43" s="342">
        <v>53552</v>
      </c>
      <c r="G43" s="342">
        <v>129285</v>
      </c>
      <c r="H43" s="342">
        <v>105293</v>
      </c>
      <c r="I43" s="343">
        <v>24707</v>
      </c>
    </row>
    <row r="44" spans="1:12" s="285" customFormat="1" ht="16.5" customHeight="1">
      <c r="A44" s="309" t="s">
        <v>251</v>
      </c>
      <c r="B44" s="310" t="s">
        <v>280</v>
      </c>
      <c r="C44" s="337">
        <v>767851</v>
      </c>
      <c r="D44" s="342">
        <v>322797</v>
      </c>
      <c r="E44" s="342">
        <v>125925</v>
      </c>
      <c r="F44" s="342">
        <v>56478</v>
      </c>
      <c r="G44" s="342">
        <v>130338</v>
      </c>
      <c r="H44" s="342">
        <v>106383</v>
      </c>
      <c r="I44" s="343">
        <v>25930</v>
      </c>
    </row>
    <row r="45" spans="1:12" s="285" customFormat="1" ht="16.5" customHeight="1">
      <c r="A45" s="309">
        <v>1</v>
      </c>
      <c r="B45" s="302" t="s">
        <v>281</v>
      </c>
      <c r="C45" s="341">
        <v>615632</v>
      </c>
      <c r="D45" s="348">
        <v>260625</v>
      </c>
      <c r="E45" s="348">
        <v>99290</v>
      </c>
      <c r="F45" s="348">
        <v>45966</v>
      </c>
      <c r="G45" s="348">
        <v>102422</v>
      </c>
      <c r="H45" s="348">
        <v>85088</v>
      </c>
      <c r="I45" s="349">
        <v>22241</v>
      </c>
    </row>
    <row r="46" spans="1:12" s="285" customFormat="1" ht="16.5" customHeight="1">
      <c r="A46" s="309" t="s">
        <v>254</v>
      </c>
      <c r="B46" s="302" t="s">
        <v>282</v>
      </c>
      <c r="C46" s="341">
        <v>514383</v>
      </c>
      <c r="D46" s="342">
        <v>214954</v>
      </c>
      <c r="E46" s="342">
        <v>78662</v>
      </c>
      <c r="F46" s="342">
        <v>40647</v>
      </c>
      <c r="G46" s="342">
        <v>86247</v>
      </c>
      <c r="H46" s="342">
        <v>73010</v>
      </c>
      <c r="I46" s="343">
        <v>20863</v>
      </c>
    </row>
    <row r="47" spans="1:12" s="285" customFormat="1" ht="16.5" customHeight="1">
      <c r="A47" s="309" t="s">
        <v>256</v>
      </c>
      <c r="B47" s="302" t="s">
        <v>283</v>
      </c>
      <c r="C47" s="341">
        <v>506076</v>
      </c>
      <c r="D47" s="342">
        <v>204148</v>
      </c>
      <c r="E47" s="342">
        <v>71900</v>
      </c>
      <c r="F47" s="342">
        <v>42674</v>
      </c>
      <c r="G47" s="342">
        <v>89625</v>
      </c>
      <c r="H47" s="342">
        <v>75208</v>
      </c>
      <c r="I47" s="343">
        <v>22521</v>
      </c>
    </row>
    <row r="48" spans="1:12" s="285" customFormat="1" ht="16.5" customHeight="1">
      <c r="A48" s="309" t="s">
        <v>258</v>
      </c>
      <c r="B48" s="302" t="s">
        <v>284</v>
      </c>
      <c r="C48" s="341">
        <v>661567</v>
      </c>
      <c r="D48" s="342">
        <v>261900</v>
      </c>
      <c r="E48" s="342">
        <v>87145</v>
      </c>
      <c r="F48" s="342">
        <v>60229</v>
      </c>
      <c r="G48" s="342">
        <v>120311</v>
      </c>
      <c r="H48" s="342">
        <v>101644</v>
      </c>
      <c r="I48" s="343">
        <v>30338</v>
      </c>
    </row>
    <row r="49" spans="1:9" s="285" customFormat="1" ht="16.5" customHeight="1">
      <c r="A49" s="317"/>
      <c r="B49" s="310" t="s">
        <v>285</v>
      </c>
      <c r="C49" s="341">
        <v>510577</v>
      </c>
      <c r="D49" s="345">
        <v>200074</v>
      </c>
      <c r="E49" s="345">
        <v>64414</v>
      </c>
      <c r="F49" s="345">
        <v>49519</v>
      </c>
      <c r="G49" s="345">
        <v>94510</v>
      </c>
      <c r="H49" s="345">
        <v>78529</v>
      </c>
      <c r="I49" s="346">
        <v>23531</v>
      </c>
    </row>
    <row r="50" spans="1:9" s="285" customFormat="1" ht="16.5" customHeight="1">
      <c r="A50" s="286"/>
      <c r="B50" s="302" t="s">
        <v>286</v>
      </c>
      <c r="C50" s="347">
        <v>440766</v>
      </c>
      <c r="D50" s="342">
        <v>176044</v>
      </c>
      <c r="E50" s="342">
        <v>55649</v>
      </c>
      <c r="F50" s="342">
        <v>43905</v>
      </c>
      <c r="G50" s="342">
        <v>78448</v>
      </c>
      <c r="H50" s="342">
        <v>66226</v>
      </c>
      <c r="I50" s="343">
        <v>20494</v>
      </c>
    </row>
    <row r="51" spans="1:9" s="285" customFormat="1" ht="16.5" customHeight="1">
      <c r="A51" s="286"/>
      <c r="B51" s="302" t="s">
        <v>287</v>
      </c>
      <c r="C51" s="341">
        <v>318298</v>
      </c>
      <c r="D51" s="342">
        <v>131548</v>
      </c>
      <c r="E51" s="342">
        <v>41913</v>
      </c>
      <c r="F51" s="342">
        <v>34077</v>
      </c>
      <c r="G51" s="342">
        <v>49208</v>
      </c>
      <c r="H51" s="342">
        <v>46116</v>
      </c>
      <c r="I51" s="343">
        <v>15436</v>
      </c>
    </row>
    <row r="52" spans="1:9" s="285" customFormat="1" ht="16.5" customHeight="1">
      <c r="A52" s="286"/>
      <c r="B52" s="302" t="s">
        <v>288</v>
      </c>
      <c r="C52" s="341">
        <v>183869</v>
      </c>
      <c r="D52" s="342">
        <v>76350</v>
      </c>
      <c r="E52" s="342">
        <v>24494</v>
      </c>
      <c r="F52" s="342">
        <v>20696</v>
      </c>
      <c r="G52" s="342">
        <v>26217</v>
      </c>
      <c r="H52" s="342">
        <v>26910</v>
      </c>
      <c r="I52" s="343">
        <v>9202</v>
      </c>
    </row>
    <row r="53" spans="1:9" s="285" customFormat="1" ht="16.5" customHeight="1">
      <c r="A53" s="286"/>
      <c r="B53" s="302" t="s">
        <v>289</v>
      </c>
      <c r="C53" s="341">
        <v>80061</v>
      </c>
      <c r="D53" s="342">
        <v>32677</v>
      </c>
      <c r="E53" s="342">
        <v>10757</v>
      </c>
      <c r="F53" s="342">
        <v>9166</v>
      </c>
      <c r="G53" s="342">
        <v>11073</v>
      </c>
      <c r="H53" s="342">
        <v>12141</v>
      </c>
      <c r="I53" s="343">
        <v>4247</v>
      </c>
    </row>
    <row r="54" spans="1:9" s="285" customFormat="1" ht="16.5" customHeight="1">
      <c r="A54" s="286"/>
      <c r="B54" s="310" t="s">
        <v>290</v>
      </c>
      <c r="C54" s="337">
        <v>21244</v>
      </c>
      <c r="D54" s="342">
        <v>8493</v>
      </c>
      <c r="E54" s="342">
        <v>2819</v>
      </c>
      <c r="F54" s="342">
        <v>2463</v>
      </c>
      <c r="G54" s="342">
        <v>3111</v>
      </c>
      <c r="H54" s="342">
        <v>3261</v>
      </c>
      <c r="I54" s="343">
        <v>1097</v>
      </c>
    </row>
    <row r="55" spans="1:9" s="285" customFormat="1" ht="16.5" customHeight="1">
      <c r="A55" s="286"/>
      <c r="B55" s="318" t="s">
        <v>291</v>
      </c>
      <c r="C55" s="341">
        <v>3866</v>
      </c>
      <c r="D55" s="350">
        <v>1457</v>
      </c>
      <c r="E55" s="350">
        <v>571</v>
      </c>
      <c r="F55" s="350">
        <v>503</v>
      </c>
      <c r="G55" s="350">
        <v>545</v>
      </c>
      <c r="H55" s="350">
        <v>566</v>
      </c>
      <c r="I55" s="351">
        <v>224</v>
      </c>
    </row>
    <row r="56" spans="1:9" s="285" customFormat="1" ht="16.5" customHeight="1">
      <c r="A56" s="286"/>
      <c r="B56" s="322" t="s">
        <v>154</v>
      </c>
      <c r="C56" s="352">
        <v>82926</v>
      </c>
      <c r="D56" s="353">
        <v>22528</v>
      </c>
      <c r="E56" s="353">
        <v>38620</v>
      </c>
      <c r="F56" s="353">
        <v>2679</v>
      </c>
      <c r="G56" s="353">
        <v>11677</v>
      </c>
      <c r="H56" s="353">
        <v>5670</v>
      </c>
      <c r="I56" s="354">
        <v>1752</v>
      </c>
    </row>
    <row r="57" spans="1:9" s="285" customFormat="1" ht="16.5" customHeight="1">
      <c r="A57" s="286"/>
      <c r="B57" s="327" t="s">
        <v>292</v>
      </c>
      <c r="C57" s="341">
        <v>1128426</v>
      </c>
      <c r="D57" s="342">
        <v>462690</v>
      </c>
      <c r="E57" s="342">
        <v>185402</v>
      </c>
      <c r="F57" s="342">
        <v>80680</v>
      </c>
      <c r="G57" s="342">
        <v>194831</v>
      </c>
      <c r="H57" s="342">
        <v>165755</v>
      </c>
      <c r="I57" s="343">
        <v>39068</v>
      </c>
    </row>
    <row r="58" spans="1:9" s="285" customFormat="1" ht="16.5" customHeight="1">
      <c r="A58" s="286"/>
      <c r="B58" s="302" t="s">
        <v>293</v>
      </c>
      <c r="C58" s="341">
        <v>5715800</v>
      </c>
      <c r="D58" s="342">
        <v>2357335</v>
      </c>
      <c r="E58" s="342">
        <v>979793</v>
      </c>
      <c r="F58" s="342">
        <v>405842</v>
      </c>
      <c r="G58" s="342">
        <v>978608</v>
      </c>
      <c r="H58" s="342">
        <v>794849</v>
      </c>
      <c r="I58" s="343">
        <v>199373</v>
      </c>
    </row>
    <row r="59" spans="1:9" s="285" customFormat="1" ht="16.5" customHeight="1" thickBot="1">
      <c r="A59" s="328"/>
      <c r="B59" s="329" t="s">
        <v>294</v>
      </c>
      <c r="C59" s="355">
        <v>2220248</v>
      </c>
      <c r="D59" s="356">
        <v>888543</v>
      </c>
      <c r="E59" s="356">
        <v>287762</v>
      </c>
      <c r="F59" s="356">
        <v>220558</v>
      </c>
      <c r="G59" s="356">
        <v>383423</v>
      </c>
      <c r="H59" s="356">
        <v>335393</v>
      </c>
      <c r="I59" s="357">
        <v>104569</v>
      </c>
    </row>
    <row r="60" spans="1:9" ht="15" thickTop="1">
      <c r="A60" s="285"/>
      <c r="B60" s="285"/>
      <c r="C60" s="285"/>
    </row>
    <row r="61" spans="1:9" ht="14.25">
      <c r="B61" s="285"/>
      <c r="C61" s="285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3"/>
  <printOptions horizontalCentered="1" gridLinesSet="0"/>
  <pageMargins left="1.1811023622047245" right="0.59055118110236227" top="0.78740157480314965" bottom="0.9055118110236221" header="0.51181102362204722" footer="0.19685039370078741"/>
  <pageSetup paperSize="9" scale="68" firstPageNumber="13" orientation="portrait" blackAndWhite="1" useFirstPageNumber="1" r:id="rId1"/>
  <headerFooter alignWithMargins="0">
    <oddFooter>&amp;C&amp;"ＭＳ ゴシック,太字"&amp;13-&amp;P-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4"/>
  <sheetViews>
    <sheetView zoomScale="75" zoomScaleNormal="75" zoomScaleSheetLayoutView="80" workbookViewId="0">
      <pane xSplit="2" ySplit="6" topLeftCell="C7" activePane="bottomRight" state="frozen"/>
      <selection pane="topRight"/>
      <selection pane="bottomLeft"/>
      <selection pane="bottomRight"/>
    </sheetView>
  </sheetViews>
  <sheetFormatPr defaultRowHeight="13.5"/>
  <cols>
    <col min="1" max="1" width="5.75" style="132" customWidth="1"/>
    <col min="2" max="2" width="12.375" style="132" customWidth="1"/>
    <col min="3" max="9" width="15.625" style="132" customWidth="1"/>
    <col min="10" max="16384" width="9" style="132"/>
  </cols>
  <sheetData>
    <row r="1" spans="1:9" ht="21" customHeight="1" thickBot="1">
      <c r="A1" s="1067" t="s">
        <v>295</v>
      </c>
      <c r="B1" s="358"/>
      <c r="C1" s="284"/>
    </row>
    <row r="2" spans="1:9" s="285" customFormat="1" ht="17.25" customHeight="1" thickTop="1">
      <c r="A2" s="1411" t="s">
        <v>296</v>
      </c>
      <c r="B2" s="1412"/>
      <c r="C2" s="1415" t="s">
        <v>229</v>
      </c>
      <c r="D2" s="1394" t="s">
        <v>230</v>
      </c>
      <c r="E2" s="1394" t="s">
        <v>231</v>
      </c>
      <c r="F2" s="1394" t="s">
        <v>232</v>
      </c>
      <c r="G2" s="1394" t="s">
        <v>233</v>
      </c>
      <c r="H2" s="1394" t="s">
        <v>297</v>
      </c>
      <c r="I2" s="1395" t="s">
        <v>235</v>
      </c>
    </row>
    <row r="3" spans="1:9" s="285" customFormat="1" ht="17.25" customHeight="1">
      <c r="A3" s="1413"/>
      <c r="B3" s="1414"/>
      <c r="C3" s="1416"/>
      <c r="D3" s="1403"/>
      <c r="E3" s="1403"/>
      <c r="F3" s="1403"/>
      <c r="G3" s="1403"/>
      <c r="H3" s="1403"/>
      <c r="I3" s="1404"/>
    </row>
    <row r="4" spans="1:9" s="285" customFormat="1" ht="13.5" customHeight="1">
      <c r="A4" s="286"/>
      <c r="B4" s="287"/>
      <c r="C4" s="288" t="s">
        <v>236</v>
      </c>
      <c r="D4" s="289"/>
      <c r="E4" s="289"/>
      <c r="F4" s="289" t="s">
        <v>236</v>
      </c>
      <c r="G4" s="289" t="s">
        <v>236</v>
      </c>
      <c r="H4" s="289" t="s">
        <v>236</v>
      </c>
      <c r="I4" s="289" t="s">
        <v>236</v>
      </c>
    </row>
    <row r="5" spans="1:9" s="285" customFormat="1" ht="13.5" customHeight="1">
      <c r="A5" s="309"/>
      <c r="B5" s="291" t="s">
        <v>238</v>
      </c>
      <c r="C5" s="292">
        <v>9163279</v>
      </c>
      <c r="D5" s="293">
        <v>3733084</v>
      </c>
      <c r="E5" s="293">
        <v>1505357</v>
      </c>
      <c r="F5" s="293">
        <v>705364</v>
      </c>
      <c r="G5" s="293">
        <v>1572147</v>
      </c>
      <c r="H5" s="293">
        <v>1304459</v>
      </c>
      <c r="I5" s="293">
        <v>342868</v>
      </c>
    </row>
    <row r="6" spans="1:9" s="285" customFormat="1" ht="13.5" customHeight="1">
      <c r="A6" s="309"/>
      <c r="B6" s="296"/>
      <c r="C6" s="297"/>
      <c r="D6" s="298"/>
      <c r="E6" s="298"/>
      <c r="F6" s="298"/>
      <c r="G6" s="299"/>
      <c r="H6" s="300"/>
      <c r="I6" s="298"/>
    </row>
    <row r="7" spans="1:9" s="285" customFormat="1" ht="15" customHeight="1">
      <c r="A7" s="309" t="s">
        <v>243</v>
      </c>
      <c r="B7" s="302" t="s">
        <v>298</v>
      </c>
      <c r="C7" s="303">
        <v>731832</v>
      </c>
      <c r="D7" s="305">
        <v>299346</v>
      </c>
      <c r="E7" s="305">
        <v>127399</v>
      </c>
      <c r="F7" s="305">
        <v>49605</v>
      </c>
      <c r="G7" s="305">
        <v>125501</v>
      </c>
      <c r="H7" s="308">
        <v>106037</v>
      </c>
      <c r="I7" s="308">
        <v>23944</v>
      </c>
    </row>
    <row r="8" spans="1:9" s="285" customFormat="1" ht="15" customHeight="1">
      <c r="A8" s="309" t="s">
        <v>245</v>
      </c>
      <c r="B8" s="302" t="s">
        <v>299</v>
      </c>
      <c r="C8" s="303">
        <v>806300</v>
      </c>
      <c r="D8" s="307">
        <v>330722</v>
      </c>
      <c r="E8" s="307">
        <v>120477</v>
      </c>
      <c r="F8" s="306">
        <v>63300</v>
      </c>
      <c r="G8" s="307">
        <v>141257</v>
      </c>
      <c r="H8" s="306">
        <v>120078</v>
      </c>
      <c r="I8" s="304">
        <v>30466</v>
      </c>
    </row>
    <row r="9" spans="1:9" s="285" customFormat="1" ht="15" customHeight="1">
      <c r="A9" s="309">
        <v>30</v>
      </c>
      <c r="B9" s="302" t="s">
        <v>300</v>
      </c>
      <c r="C9" s="303">
        <v>984389</v>
      </c>
      <c r="D9" s="307">
        <v>399287</v>
      </c>
      <c r="E9" s="307">
        <v>191772</v>
      </c>
      <c r="F9" s="306">
        <v>59880</v>
      </c>
      <c r="G9" s="307">
        <v>171879</v>
      </c>
      <c r="H9" s="306">
        <v>131383</v>
      </c>
      <c r="I9" s="304">
        <v>30188</v>
      </c>
    </row>
    <row r="10" spans="1:9" s="285" customFormat="1" ht="15" customHeight="1">
      <c r="A10" s="309" t="s">
        <v>248</v>
      </c>
      <c r="B10" s="302" t="s">
        <v>301</v>
      </c>
      <c r="C10" s="303">
        <v>1129691</v>
      </c>
      <c r="D10" s="307">
        <v>461377</v>
      </c>
      <c r="E10" s="307">
        <v>222286</v>
      </c>
      <c r="F10" s="306">
        <v>69335</v>
      </c>
      <c r="G10" s="307">
        <v>189879</v>
      </c>
      <c r="H10" s="306">
        <v>151852</v>
      </c>
      <c r="I10" s="304">
        <v>34962</v>
      </c>
    </row>
    <row r="11" spans="1:9" s="285" customFormat="1" ht="15" customHeight="1">
      <c r="A11" s="309">
        <v>1</v>
      </c>
      <c r="B11" s="310" t="s">
        <v>302</v>
      </c>
      <c r="C11" s="297">
        <v>1495249</v>
      </c>
      <c r="D11" s="307">
        <v>619521</v>
      </c>
      <c r="E11" s="307">
        <v>252889</v>
      </c>
      <c r="F11" s="306">
        <v>107723</v>
      </c>
      <c r="G11" s="307">
        <v>256144</v>
      </c>
      <c r="H11" s="306">
        <v>209373</v>
      </c>
      <c r="I11" s="304">
        <v>49599</v>
      </c>
    </row>
    <row r="12" spans="1:9" s="285" customFormat="1" ht="15" customHeight="1">
      <c r="A12" s="309" t="s">
        <v>251</v>
      </c>
      <c r="B12" s="302" t="s">
        <v>303</v>
      </c>
      <c r="C12" s="303">
        <v>1186602</v>
      </c>
      <c r="D12" s="305">
        <v>499648</v>
      </c>
      <c r="E12" s="305">
        <v>188432</v>
      </c>
      <c r="F12" s="308">
        <v>90087</v>
      </c>
      <c r="G12" s="305">
        <v>198272</v>
      </c>
      <c r="H12" s="313">
        <v>165781</v>
      </c>
      <c r="I12" s="308">
        <v>44382</v>
      </c>
    </row>
    <row r="13" spans="1:9" s="285" customFormat="1" ht="15" customHeight="1">
      <c r="A13" s="309">
        <v>1</v>
      </c>
      <c r="B13" s="302" t="s">
        <v>304</v>
      </c>
      <c r="C13" s="303">
        <v>1113300</v>
      </c>
      <c r="D13" s="307">
        <v>445590</v>
      </c>
      <c r="E13" s="307">
        <v>153897</v>
      </c>
      <c r="F13" s="304">
        <v>96346</v>
      </c>
      <c r="G13" s="307">
        <v>198992</v>
      </c>
      <c r="H13" s="306">
        <v>168237</v>
      </c>
      <c r="I13" s="304">
        <v>50238</v>
      </c>
    </row>
    <row r="14" spans="1:9" s="285" customFormat="1" ht="15" customHeight="1">
      <c r="A14" s="309" t="s">
        <v>254</v>
      </c>
      <c r="B14" s="302" t="s">
        <v>305</v>
      </c>
      <c r="C14" s="303">
        <v>991863</v>
      </c>
      <c r="D14" s="307">
        <v>391555</v>
      </c>
      <c r="E14" s="307">
        <v>124892</v>
      </c>
      <c r="F14" s="304">
        <v>96945</v>
      </c>
      <c r="G14" s="307">
        <v>181316</v>
      </c>
      <c r="H14" s="306">
        <v>151319</v>
      </c>
      <c r="I14" s="304">
        <v>45836</v>
      </c>
    </row>
    <row r="15" spans="1:9" s="285" customFormat="1" ht="15" customHeight="1">
      <c r="A15" s="309" t="s">
        <v>256</v>
      </c>
      <c r="B15" s="302" t="s">
        <v>306</v>
      </c>
      <c r="C15" s="303">
        <v>528188</v>
      </c>
      <c r="D15" s="307">
        <v>217872</v>
      </c>
      <c r="E15" s="307">
        <v>69517</v>
      </c>
      <c r="F15" s="304">
        <v>56454</v>
      </c>
      <c r="G15" s="307">
        <v>81289</v>
      </c>
      <c r="H15" s="306">
        <v>77503</v>
      </c>
      <c r="I15" s="304">
        <v>25553</v>
      </c>
    </row>
    <row r="16" spans="1:9" s="285" customFormat="1" ht="15" customHeight="1">
      <c r="A16" s="309" t="s">
        <v>258</v>
      </c>
      <c r="B16" s="302" t="s">
        <v>307</v>
      </c>
      <c r="C16" s="303">
        <v>108768</v>
      </c>
      <c r="D16" s="307">
        <v>44136</v>
      </c>
      <c r="E16" s="307">
        <v>14547</v>
      </c>
      <c r="F16" s="304">
        <v>12501</v>
      </c>
      <c r="G16" s="307">
        <v>15303</v>
      </c>
      <c r="H16" s="306">
        <v>16548</v>
      </c>
      <c r="I16" s="304">
        <v>5733</v>
      </c>
    </row>
    <row r="17" spans="1:10" s="285" customFormat="1" ht="15" customHeight="1">
      <c r="A17" s="309"/>
      <c r="B17" s="359" t="s">
        <v>308</v>
      </c>
      <c r="C17" s="360">
        <v>4171</v>
      </c>
      <c r="D17" s="320">
        <v>1502</v>
      </c>
      <c r="E17" s="320">
        <v>629</v>
      </c>
      <c r="F17" s="321">
        <v>509</v>
      </c>
      <c r="G17" s="320">
        <v>638</v>
      </c>
      <c r="H17" s="321">
        <v>678</v>
      </c>
      <c r="I17" s="319">
        <v>215</v>
      </c>
    </row>
    <row r="18" spans="1:10" s="285" customFormat="1" ht="15" customHeight="1" thickBot="1">
      <c r="A18" s="309"/>
      <c r="B18" s="291" t="s">
        <v>154</v>
      </c>
      <c r="C18" s="303">
        <v>82926</v>
      </c>
      <c r="D18" s="307">
        <v>22528</v>
      </c>
      <c r="E18" s="307">
        <v>38620</v>
      </c>
      <c r="F18" s="306">
        <v>2679</v>
      </c>
      <c r="G18" s="307">
        <v>11677</v>
      </c>
      <c r="H18" s="306">
        <v>5670</v>
      </c>
      <c r="I18" s="331">
        <v>1752</v>
      </c>
    </row>
    <row r="19" spans="1:10" ht="13.5" customHeight="1" thickTop="1">
      <c r="A19" s="361"/>
      <c r="B19" s="1405" t="s">
        <v>238</v>
      </c>
      <c r="C19" s="1407">
        <v>9147400</v>
      </c>
      <c r="D19" s="1407">
        <v>3731096</v>
      </c>
      <c r="E19" s="1407">
        <v>1491577</v>
      </c>
      <c r="F19" s="1407">
        <v>709759</v>
      </c>
      <c r="G19" s="1407">
        <v>1568539</v>
      </c>
      <c r="H19" s="1407">
        <v>1301667</v>
      </c>
      <c r="I19" s="1409">
        <v>344762</v>
      </c>
      <c r="J19" s="178"/>
    </row>
    <row r="20" spans="1:10" ht="13.5" customHeight="1">
      <c r="A20" s="309"/>
      <c r="B20" s="1406"/>
      <c r="C20" s="1408"/>
      <c r="D20" s="1408"/>
      <c r="E20" s="1408"/>
      <c r="F20" s="1408"/>
      <c r="G20" s="1408"/>
      <c r="H20" s="1408"/>
      <c r="I20" s="1410"/>
      <c r="J20" s="178"/>
    </row>
    <row r="21" spans="1:10" ht="15" customHeight="1">
      <c r="A21" s="309" t="s">
        <v>309</v>
      </c>
      <c r="B21" s="302" t="s">
        <v>310</v>
      </c>
      <c r="C21" s="341">
        <v>739869</v>
      </c>
      <c r="D21" s="365">
        <v>303264</v>
      </c>
      <c r="E21" s="365">
        <v>127044</v>
      </c>
      <c r="F21" s="366">
        <v>50700</v>
      </c>
      <c r="G21" s="366">
        <v>127232</v>
      </c>
      <c r="H21" s="366">
        <v>107141</v>
      </c>
      <c r="I21" s="367">
        <v>24488</v>
      </c>
    </row>
    <row r="22" spans="1:10" ht="15" customHeight="1">
      <c r="A22" s="309" t="s">
        <v>311</v>
      </c>
      <c r="B22" s="302" t="s">
        <v>312</v>
      </c>
      <c r="C22" s="341">
        <v>813401</v>
      </c>
      <c r="D22" s="368">
        <v>333988</v>
      </c>
      <c r="E22" s="368">
        <v>120724</v>
      </c>
      <c r="F22" s="369">
        <v>63869</v>
      </c>
      <c r="G22" s="370">
        <v>142576</v>
      </c>
      <c r="H22" s="369">
        <v>121057</v>
      </c>
      <c r="I22" s="371">
        <v>31187</v>
      </c>
    </row>
    <row r="23" spans="1:10" ht="15" customHeight="1">
      <c r="A23" s="309">
        <v>29</v>
      </c>
      <c r="B23" s="302" t="s">
        <v>313</v>
      </c>
      <c r="C23" s="341">
        <v>975652</v>
      </c>
      <c r="D23" s="368">
        <v>395959</v>
      </c>
      <c r="E23" s="368">
        <v>187470</v>
      </c>
      <c r="F23" s="369">
        <v>60575</v>
      </c>
      <c r="G23" s="370">
        <v>170294</v>
      </c>
      <c r="H23" s="369">
        <v>130968</v>
      </c>
      <c r="I23" s="371">
        <v>30386</v>
      </c>
    </row>
    <row r="24" spans="1:10" ht="15" customHeight="1">
      <c r="A24" s="309" t="s">
        <v>172</v>
      </c>
      <c r="B24" s="302" t="s">
        <v>314</v>
      </c>
      <c r="C24" s="341">
        <v>1161036</v>
      </c>
      <c r="D24" s="368">
        <v>475525</v>
      </c>
      <c r="E24" s="368">
        <v>225456</v>
      </c>
      <c r="F24" s="369">
        <v>72061</v>
      </c>
      <c r="G24" s="370">
        <v>195420</v>
      </c>
      <c r="H24" s="369">
        <v>156456</v>
      </c>
      <c r="I24" s="371">
        <v>36118</v>
      </c>
    </row>
    <row r="25" spans="1:10" ht="15" customHeight="1">
      <c r="A25" s="309">
        <v>1</v>
      </c>
      <c r="B25" s="310" t="s">
        <v>315</v>
      </c>
      <c r="C25" s="337">
        <v>1518177</v>
      </c>
      <c r="D25" s="368">
        <v>631562</v>
      </c>
      <c r="E25" s="368">
        <v>254649</v>
      </c>
      <c r="F25" s="369">
        <v>110030</v>
      </c>
      <c r="G25" s="370">
        <v>259623</v>
      </c>
      <c r="H25" s="369">
        <v>211676</v>
      </c>
      <c r="I25" s="371">
        <v>50637</v>
      </c>
    </row>
    <row r="26" spans="1:10" ht="15" customHeight="1">
      <c r="A26" s="309" t="s">
        <v>316</v>
      </c>
      <c r="B26" s="302" t="s">
        <v>317</v>
      </c>
      <c r="C26" s="341">
        <v>1130015</v>
      </c>
      <c r="D26" s="365">
        <v>475579</v>
      </c>
      <c r="E26" s="365">
        <v>177952</v>
      </c>
      <c r="F26" s="367">
        <v>86613</v>
      </c>
      <c r="G26" s="366">
        <v>188669</v>
      </c>
      <c r="H26" s="372">
        <v>158098</v>
      </c>
      <c r="I26" s="367">
        <v>43104</v>
      </c>
    </row>
    <row r="27" spans="1:10" ht="15" customHeight="1">
      <c r="A27" s="309">
        <v>1</v>
      </c>
      <c r="B27" s="302" t="s">
        <v>318</v>
      </c>
      <c r="C27" s="341">
        <v>1167643</v>
      </c>
      <c r="D27" s="368">
        <v>466048</v>
      </c>
      <c r="E27" s="368">
        <v>159045</v>
      </c>
      <c r="F27" s="371">
        <v>102903</v>
      </c>
      <c r="G27" s="370">
        <v>209936</v>
      </c>
      <c r="H27" s="369">
        <v>176852</v>
      </c>
      <c r="I27" s="371">
        <v>52859</v>
      </c>
    </row>
    <row r="28" spans="1:10" ht="15" customHeight="1">
      <c r="A28" s="309" t="s">
        <v>319</v>
      </c>
      <c r="B28" s="302" t="s">
        <v>320</v>
      </c>
      <c r="C28" s="341">
        <v>951343</v>
      </c>
      <c r="D28" s="368">
        <v>376118</v>
      </c>
      <c r="E28" s="373">
        <v>120063</v>
      </c>
      <c r="F28" s="371">
        <v>93424</v>
      </c>
      <c r="G28" s="370">
        <v>172958</v>
      </c>
      <c r="H28" s="369">
        <v>144755</v>
      </c>
      <c r="I28" s="371">
        <v>44025</v>
      </c>
    </row>
    <row r="29" spans="1:10" ht="15" customHeight="1">
      <c r="A29" s="309" t="s">
        <v>321</v>
      </c>
      <c r="B29" s="302" t="s">
        <v>322</v>
      </c>
      <c r="C29" s="341">
        <v>502167</v>
      </c>
      <c r="D29" s="368">
        <v>207898</v>
      </c>
      <c r="E29" s="368">
        <v>66407</v>
      </c>
      <c r="F29" s="371">
        <v>54773</v>
      </c>
      <c r="G29" s="370">
        <v>75425</v>
      </c>
      <c r="H29" s="369">
        <v>73026</v>
      </c>
      <c r="I29" s="371">
        <v>24638</v>
      </c>
    </row>
    <row r="30" spans="1:10" ht="15" customHeight="1">
      <c r="A30" s="309" t="s">
        <v>323</v>
      </c>
      <c r="B30" s="302" t="s">
        <v>324</v>
      </c>
      <c r="C30" s="341">
        <v>101305</v>
      </c>
      <c r="D30" s="368">
        <v>41170</v>
      </c>
      <c r="E30" s="368">
        <v>13576</v>
      </c>
      <c r="F30" s="371">
        <v>11629</v>
      </c>
      <c r="G30" s="370">
        <v>14184</v>
      </c>
      <c r="H30" s="369">
        <v>15402</v>
      </c>
      <c r="I30" s="371">
        <v>5344</v>
      </c>
    </row>
    <row r="31" spans="1:10" ht="15" customHeight="1">
      <c r="A31" s="309"/>
      <c r="B31" s="359" t="s">
        <v>291</v>
      </c>
      <c r="C31" s="374">
        <v>3866</v>
      </c>
      <c r="D31" s="375">
        <v>1457</v>
      </c>
      <c r="E31" s="375">
        <v>571</v>
      </c>
      <c r="F31" s="376">
        <v>503</v>
      </c>
      <c r="G31" s="377">
        <v>545</v>
      </c>
      <c r="H31" s="376">
        <v>566</v>
      </c>
      <c r="I31" s="378">
        <v>224</v>
      </c>
    </row>
    <row r="32" spans="1:10" ht="15" customHeight="1" thickBot="1">
      <c r="A32" s="379"/>
      <c r="B32" s="380" t="s">
        <v>154</v>
      </c>
      <c r="C32" s="355">
        <v>82926</v>
      </c>
      <c r="D32" s="381">
        <v>22528</v>
      </c>
      <c r="E32" s="381">
        <v>38620</v>
      </c>
      <c r="F32" s="382">
        <v>2679</v>
      </c>
      <c r="G32" s="383">
        <v>11677</v>
      </c>
      <c r="H32" s="382">
        <v>5670</v>
      </c>
      <c r="I32" s="384">
        <v>1752</v>
      </c>
    </row>
    <row r="33" spans="3:3" ht="14.25" thickTop="1"/>
    <row r="34" spans="3:3">
      <c r="C34" s="385"/>
    </row>
  </sheetData>
  <mergeCells count="16">
    <mergeCell ref="H2:H3"/>
    <mergeCell ref="I2:I3"/>
    <mergeCell ref="B19:B20"/>
    <mergeCell ref="C19:C20"/>
    <mergeCell ref="D19:D20"/>
    <mergeCell ref="E19:E20"/>
    <mergeCell ref="F19:F20"/>
    <mergeCell ref="G19:G20"/>
    <mergeCell ref="H19:H20"/>
    <mergeCell ref="I19:I20"/>
    <mergeCell ref="A2:B3"/>
    <mergeCell ref="C2:C3"/>
    <mergeCell ref="D2:D3"/>
    <mergeCell ref="E2:E3"/>
    <mergeCell ref="F2:F3"/>
    <mergeCell ref="G2:G3"/>
  </mergeCells>
  <phoneticPr fontId="3"/>
  <printOptions gridLinesSet="0"/>
  <pageMargins left="1.1811023622047245" right="0.59055118110236227" top="0.78740157480314965" bottom="0.9055118110236221" header="0.51181102362204722" footer="0.19685039370078741"/>
  <pageSetup paperSize="9" scale="66" firstPageNumber="14" orientation="portrait" useFirstPageNumber="1" r:id="rId1"/>
  <headerFooter>
    <oddFooter>&amp;C&amp;"ＭＳ ゴシック,太字"&amp;13-&amp;P-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51"/>
  <sheetViews>
    <sheetView zoomScaleNormal="100" zoomScaleSheetLayoutView="100" workbookViewId="0"/>
  </sheetViews>
  <sheetFormatPr defaultRowHeight="13.5"/>
  <cols>
    <col min="1" max="1" width="6.625" customWidth="1"/>
    <col min="2" max="2" width="13.625" customWidth="1"/>
    <col min="5" max="5" width="3.25" customWidth="1"/>
    <col min="6" max="6" width="6.625" customWidth="1"/>
    <col min="7" max="7" width="13.625" customWidth="1"/>
    <col min="257" max="257" width="6.625" customWidth="1"/>
    <col min="258" max="258" width="13.625" customWidth="1"/>
    <col min="261" max="261" width="3.25" customWidth="1"/>
    <col min="262" max="262" width="6.625" customWidth="1"/>
    <col min="263" max="263" width="13.625" customWidth="1"/>
    <col min="513" max="513" width="6.625" customWidth="1"/>
    <col min="514" max="514" width="13.625" customWidth="1"/>
    <col min="517" max="517" width="3.25" customWidth="1"/>
    <col min="518" max="518" width="6.625" customWidth="1"/>
    <col min="519" max="519" width="13.625" customWidth="1"/>
    <col min="769" max="769" width="6.625" customWidth="1"/>
    <col min="770" max="770" width="13.625" customWidth="1"/>
    <col min="773" max="773" width="3.25" customWidth="1"/>
    <col min="774" max="774" width="6.625" customWidth="1"/>
    <col min="775" max="775" width="13.625" customWidth="1"/>
    <col min="1025" max="1025" width="6.625" customWidth="1"/>
    <col min="1026" max="1026" width="13.625" customWidth="1"/>
    <col min="1029" max="1029" width="3.25" customWidth="1"/>
    <col min="1030" max="1030" width="6.625" customWidth="1"/>
    <col min="1031" max="1031" width="13.625" customWidth="1"/>
    <col min="1281" max="1281" width="6.625" customWidth="1"/>
    <col min="1282" max="1282" width="13.625" customWidth="1"/>
    <col min="1285" max="1285" width="3.25" customWidth="1"/>
    <col min="1286" max="1286" width="6.625" customWidth="1"/>
    <col min="1287" max="1287" width="13.625" customWidth="1"/>
    <col min="1537" max="1537" width="6.625" customWidth="1"/>
    <col min="1538" max="1538" width="13.625" customWidth="1"/>
    <col min="1541" max="1541" width="3.25" customWidth="1"/>
    <col min="1542" max="1542" width="6.625" customWidth="1"/>
    <col min="1543" max="1543" width="13.625" customWidth="1"/>
    <col min="1793" max="1793" width="6.625" customWidth="1"/>
    <col min="1794" max="1794" width="13.625" customWidth="1"/>
    <col min="1797" max="1797" width="3.25" customWidth="1"/>
    <col min="1798" max="1798" width="6.625" customWidth="1"/>
    <col min="1799" max="1799" width="13.625" customWidth="1"/>
    <col min="2049" max="2049" width="6.625" customWidth="1"/>
    <col min="2050" max="2050" width="13.625" customWidth="1"/>
    <col min="2053" max="2053" width="3.25" customWidth="1"/>
    <col min="2054" max="2054" width="6.625" customWidth="1"/>
    <col min="2055" max="2055" width="13.625" customWidth="1"/>
    <col min="2305" max="2305" width="6.625" customWidth="1"/>
    <col min="2306" max="2306" width="13.625" customWidth="1"/>
    <col min="2309" max="2309" width="3.25" customWidth="1"/>
    <col min="2310" max="2310" width="6.625" customWidth="1"/>
    <col min="2311" max="2311" width="13.625" customWidth="1"/>
    <col min="2561" max="2561" width="6.625" customWidth="1"/>
    <col min="2562" max="2562" width="13.625" customWidth="1"/>
    <col min="2565" max="2565" width="3.25" customWidth="1"/>
    <col min="2566" max="2566" width="6.625" customWidth="1"/>
    <col min="2567" max="2567" width="13.625" customWidth="1"/>
    <col min="2817" max="2817" width="6.625" customWidth="1"/>
    <col min="2818" max="2818" width="13.625" customWidth="1"/>
    <col min="2821" max="2821" width="3.25" customWidth="1"/>
    <col min="2822" max="2822" width="6.625" customWidth="1"/>
    <col min="2823" max="2823" width="13.625" customWidth="1"/>
    <col min="3073" max="3073" width="6.625" customWidth="1"/>
    <col min="3074" max="3074" width="13.625" customWidth="1"/>
    <col min="3077" max="3077" width="3.25" customWidth="1"/>
    <col min="3078" max="3078" width="6.625" customWidth="1"/>
    <col min="3079" max="3079" width="13.625" customWidth="1"/>
    <col min="3329" max="3329" width="6.625" customWidth="1"/>
    <col min="3330" max="3330" width="13.625" customWidth="1"/>
    <col min="3333" max="3333" width="3.25" customWidth="1"/>
    <col min="3334" max="3334" width="6.625" customWidth="1"/>
    <col min="3335" max="3335" width="13.625" customWidth="1"/>
    <col min="3585" max="3585" width="6.625" customWidth="1"/>
    <col min="3586" max="3586" width="13.625" customWidth="1"/>
    <col min="3589" max="3589" width="3.25" customWidth="1"/>
    <col min="3590" max="3590" width="6.625" customWidth="1"/>
    <col min="3591" max="3591" width="13.625" customWidth="1"/>
    <col min="3841" max="3841" width="6.625" customWidth="1"/>
    <col min="3842" max="3842" width="13.625" customWidth="1"/>
    <col min="3845" max="3845" width="3.25" customWidth="1"/>
    <col min="3846" max="3846" width="6.625" customWidth="1"/>
    <col min="3847" max="3847" width="13.625" customWidth="1"/>
    <col min="4097" max="4097" width="6.625" customWidth="1"/>
    <col min="4098" max="4098" width="13.625" customWidth="1"/>
    <col min="4101" max="4101" width="3.25" customWidth="1"/>
    <col min="4102" max="4102" width="6.625" customWidth="1"/>
    <col min="4103" max="4103" width="13.625" customWidth="1"/>
    <col min="4353" max="4353" width="6.625" customWidth="1"/>
    <col min="4354" max="4354" width="13.625" customWidth="1"/>
    <col min="4357" max="4357" width="3.25" customWidth="1"/>
    <col min="4358" max="4358" width="6.625" customWidth="1"/>
    <col min="4359" max="4359" width="13.625" customWidth="1"/>
    <col min="4609" max="4609" width="6.625" customWidth="1"/>
    <col min="4610" max="4610" width="13.625" customWidth="1"/>
    <col min="4613" max="4613" width="3.25" customWidth="1"/>
    <col min="4614" max="4614" width="6.625" customWidth="1"/>
    <col min="4615" max="4615" width="13.625" customWidth="1"/>
    <col min="4865" max="4865" width="6.625" customWidth="1"/>
    <col min="4866" max="4866" width="13.625" customWidth="1"/>
    <col min="4869" max="4869" width="3.25" customWidth="1"/>
    <col min="4870" max="4870" width="6.625" customWidth="1"/>
    <col min="4871" max="4871" width="13.625" customWidth="1"/>
    <col min="5121" max="5121" width="6.625" customWidth="1"/>
    <col min="5122" max="5122" width="13.625" customWidth="1"/>
    <col min="5125" max="5125" width="3.25" customWidth="1"/>
    <col min="5126" max="5126" width="6.625" customWidth="1"/>
    <col min="5127" max="5127" width="13.625" customWidth="1"/>
    <col min="5377" max="5377" width="6.625" customWidth="1"/>
    <col min="5378" max="5378" width="13.625" customWidth="1"/>
    <col min="5381" max="5381" width="3.25" customWidth="1"/>
    <col min="5382" max="5382" width="6.625" customWidth="1"/>
    <col min="5383" max="5383" width="13.625" customWidth="1"/>
    <col min="5633" max="5633" width="6.625" customWidth="1"/>
    <col min="5634" max="5634" width="13.625" customWidth="1"/>
    <col min="5637" max="5637" width="3.25" customWidth="1"/>
    <col min="5638" max="5638" width="6.625" customWidth="1"/>
    <col min="5639" max="5639" width="13.625" customWidth="1"/>
    <col min="5889" max="5889" width="6.625" customWidth="1"/>
    <col min="5890" max="5890" width="13.625" customWidth="1"/>
    <col min="5893" max="5893" width="3.25" customWidth="1"/>
    <col min="5894" max="5894" width="6.625" customWidth="1"/>
    <col min="5895" max="5895" width="13.625" customWidth="1"/>
    <col min="6145" max="6145" width="6.625" customWidth="1"/>
    <col min="6146" max="6146" width="13.625" customWidth="1"/>
    <col min="6149" max="6149" width="3.25" customWidth="1"/>
    <col min="6150" max="6150" width="6.625" customWidth="1"/>
    <col min="6151" max="6151" width="13.625" customWidth="1"/>
    <col min="6401" max="6401" width="6.625" customWidth="1"/>
    <col min="6402" max="6402" width="13.625" customWidth="1"/>
    <col min="6405" max="6405" width="3.25" customWidth="1"/>
    <col min="6406" max="6406" width="6.625" customWidth="1"/>
    <col min="6407" max="6407" width="13.625" customWidth="1"/>
    <col min="6657" max="6657" width="6.625" customWidth="1"/>
    <col min="6658" max="6658" width="13.625" customWidth="1"/>
    <col min="6661" max="6661" width="3.25" customWidth="1"/>
    <col min="6662" max="6662" width="6.625" customWidth="1"/>
    <col min="6663" max="6663" width="13.625" customWidth="1"/>
    <col min="6913" max="6913" width="6.625" customWidth="1"/>
    <col min="6914" max="6914" width="13.625" customWidth="1"/>
    <col min="6917" max="6917" width="3.25" customWidth="1"/>
    <col min="6918" max="6918" width="6.625" customWidth="1"/>
    <col min="6919" max="6919" width="13.625" customWidth="1"/>
    <col min="7169" max="7169" width="6.625" customWidth="1"/>
    <col min="7170" max="7170" width="13.625" customWidth="1"/>
    <col min="7173" max="7173" width="3.25" customWidth="1"/>
    <col min="7174" max="7174" width="6.625" customWidth="1"/>
    <col min="7175" max="7175" width="13.625" customWidth="1"/>
    <col min="7425" max="7425" width="6.625" customWidth="1"/>
    <col min="7426" max="7426" width="13.625" customWidth="1"/>
    <col min="7429" max="7429" width="3.25" customWidth="1"/>
    <col min="7430" max="7430" width="6.625" customWidth="1"/>
    <col min="7431" max="7431" width="13.625" customWidth="1"/>
    <col min="7681" max="7681" width="6.625" customWidth="1"/>
    <col min="7682" max="7682" width="13.625" customWidth="1"/>
    <col min="7685" max="7685" width="3.25" customWidth="1"/>
    <col min="7686" max="7686" width="6.625" customWidth="1"/>
    <col min="7687" max="7687" width="13.625" customWidth="1"/>
    <col min="7937" max="7937" width="6.625" customWidth="1"/>
    <col min="7938" max="7938" width="13.625" customWidth="1"/>
    <col min="7941" max="7941" width="3.25" customWidth="1"/>
    <col min="7942" max="7942" width="6.625" customWidth="1"/>
    <col min="7943" max="7943" width="13.625" customWidth="1"/>
    <col min="8193" max="8193" width="6.625" customWidth="1"/>
    <col min="8194" max="8194" width="13.625" customWidth="1"/>
    <col min="8197" max="8197" width="3.25" customWidth="1"/>
    <col min="8198" max="8198" width="6.625" customWidth="1"/>
    <col min="8199" max="8199" width="13.625" customWidth="1"/>
    <col min="8449" max="8449" width="6.625" customWidth="1"/>
    <col min="8450" max="8450" width="13.625" customWidth="1"/>
    <col min="8453" max="8453" width="3.25" customWidth="1"/>
    <col min="8454" max="8454" width="6.625" customWidth="1"/>
    <col min="8455" max="8455" width="13.625" customWidth="1"/>
    <col min="8705" max="8705" width="6.625" customWidth="1"/>
    <col min="8706" max="8706" width="13.625" customWidth="1"/>
    <col min="8709" max="8709" width="3.25" customWidth="1"/>
    <col min="8710" max="8710" width="6.625" customWidth="1"/>
    <col min="8711" max="8711" width="13.625" customWidth="1"/>
    <col min="8961" max="8961" width="6.625" customWidth="1"/>
    <col min="8962" max="8962" width="13.625" customWidth="1"/>
    <col min="8965" max="8965" width="3.25" customWidth="1"/>
    <col min="8966" max="8966" width="6.625" customWidth="1"/>
    <col min="8967" max="8967" width="13.625" customWidth="1"/>
    <col min="9217" max="9217" width="6.625" customWidth="1"/>
    <col min="9218" max="9218" width="13.625" customWidth="1"/>
    <col min="9221" max="9221" width="3.25" customWidth="1"/>
    <col min="9222" max="9222" width="6.625" customWidth="1"/>
    <col min="9223" max="9223" width="13.625" customWidth="1"/>
    <col min="9473" max="9473" width="6.625" customWidth="1"/>
    <col min="9474" max="9474" width="13.625" customWidth="1"/>
    <col min="9477" max="9477" width="3.25" customWidth="1"/>
    <col min="9478" max="9478" width="6.625" customWidth="1"/>
    <col min="9479" max="9479" width="13.625" customWidth="1"/>
    <col min="9729" max="9729" width="6.625" customWidth="1"/>
    <col min="9730" max="9730" width="13.625" customWidth="1"/>
    <col min="9733" max="9733" width="3.25" customWidth="1"/>
    <col min="9734" max="9734" width="6.625" customWidth="1"/>
    <col min="9735" max="9735" width="13.625" customWidth="1"/>
    <col min="9985" max="9985" width="6.625" customWidth="1"/>
    <col min="9986" max="9986" width="13.625" customWidth="1"/>
    <col min="9989" max="9989" width="3.25" customWidth="1"/>
    <col min="9990" max="9990" width="6.625" customWidth="1"/>
    <col min="9991" max="9991" width="13.625" customWidth="1"/>
    <col min="10241" max="10241" width="6.625" customWidth="1"/>
    <col min="10242" max="10242" width="13.625" customWidth="1"/>
    <col min="10245" max="10245" width="3.25" customWidth="1"/>
    <col min="10246" max="10246" width="6.625" customWidth="1"/>
    <col min="10247" max="10247" width="13.625" customWidth="1"/>
    <col min="10497" max="10497" width="6.625" customWidth="1"/>
    <col min="10498" max="10498" width="13.625" customWidth="1"/>
    <col min="10501" max="10501" width="3.25" customWidth="1"/>
    <col min="10502" max="10502" width="6.625" customWidth="1"/>
    <col min="10503" max="10503" width="13.625" customWidth="1"/>
    <col min="10753" max="10753" width="6.625" customWidth="1"/>
    <col min="10754" max="10754" width="13.625" customWidth="1"/>
    <col min="10757" max="10757" width="3.25" customWidth="1"/>
    <col min="10758" max="10758" width="6.625" customWidth="1"/>
    <col min="10759" max="10759" width="13.625" customWidth="1"/>
    <col min="11009" max="11009" width="6.625" customWidth="1"/>
    <col min="11010" max="11010" width="13.625" customWidth="1"/>
    <col min="11013" max="11013" width="3.25" customWidth="1"/>
    <col min="11014" max="11014" width="6.625" customWidth="1"/>
    <col min="11015" max="11015" width="13.625" customWidth="1"/>
    <col min="11265" max="11265" width="6.625" customWidth="1"/>
    <col min="11266" max="11266" width="13.625" customWidth="1"/>
    <col min="11269" max="11269" width="3.25" customWidth="1"/>
    <col min="11270" max="11270" width="6.625" customWidth="1"/>
    <col min="11271" max="11271" width="13.625" customWidth="1"/>
    <col min="11521" max="11521" width="6.625" customWidth="1"/>
    <col min="11522" max="11522" width="13.625" customWidth="1"/>
    <col min="11525" max="11525" width="3.25" customWidth="1"/>
    <col min="11526" max="11526" width="6.625" customWidth="1"/>
    <col min="11527" max="11527" width="13.625" customWidth="1"/>
    <col min="11777" max="11777" width="6.625" customWidth="1"/>
    <col min="11778" max="11778" width="13.625" customWidth="1"/>
    <col min="11781" max="11781" width="3.25" customWidth="1"/>
    <col min="11782" max="11782" width="6.625" customWidth="1"/>
    <col min="11783" max="11783" width="13.625" customWidth="1"/>
    <col min="12033" max="12033" width="6.625" customWidth="1"/>
    <col min="12034" max="12034" width="13.625" customWidth="1"/>
    <col min="12037" max="12037" width="3.25" customWidth="1"/>
    <col min="12038" max="12038" width="6.625" customWidth="1"/>
    <col min="12039" max="12039" width="13.625" customWidth="1"/>
    <col min="12289" max="12289" width="6.625" customWidth="1"/>
    <col min="12290" max="12290" width="13.625" customWidth="1"/>
    <col min="12293" max="12293" width="3.25" customWidth="1"/>
    <col min="12294" max="12294" width="6.625" customWidth="1"/>
    <col min="12295" max="12295" width="13.625" customWidth="1"/>
    <col min="12545" max="12545" width="6.625" customWidth="1"/>
    <col min="12546" max="12546" width="13.625" customWidth="1"/>
    <col min="12549" max="12549" width="3.25" customWidth="1"/>
    <col min="12550" max="12550" width="6.625" customWidth="1"/>
    <col min="12551" max="12551" width="13.625" customWidth="1"/>
    <col min="12801" max="12801" width="6.625" customWidth="1"/>
    <col min="12802" max="12802" width="13.625" customWidth="1"/>
    <col min="12805" max="12805" width="3.25" customWidth="1"/>
    <col min="12806" max="12806" width="6.625" customWidth="1"/>
    <col min="12807" max="12807" width="13.625" customWidth="1"/>
    <col min="13057" max="13057" width="6.625" customWidth="1"/>
    <col min="13058" max="13058" width="13.625" customWidth="1"/>
    <col min="13061" max="13061" width="3.25" customWidth="1"/>
    <col min="13062" max="13062" width="6.625" customWidth="1"/>
    <col min="13063" max="13063" width="13.625" customWidth="1"/>
    <col min="13313" max="13313" width="6.625" customWidth="1"/>
    <col min="13314" max="13314" width="13.625" customWidth="1"/>
    <col min="13317" max="13317" width="3.25" customWidth="1"/>
    <col min="13318" max="13318" width="6.625" customWidth="1"/>
    <col min="13319" max="13319" width="13.625" customWidth="1"/>
    <col min="13569" max="13569" width="6.625" customWidth="1"/>
    <col min="13570" max="13570" width="13.625" customWidth="1"/>
    <col min="13573" max="13573" width="3.25" customWidth="1"/>
    <col min="13574" max="13574" width="6.625" customWidth="1"/>
    <col min="13575" max="13575" width="13.625" customWidth="1"/>
    <col min="13825" max="13825" width="6.625" customWidth="1"/>
    <col min="13826" max="13826" width="13.625" customWidth="1"/>
    <col min="13829" max="13829" width="3.25" customWidth="1"/>
    <col min="13830" max="13830" width="6.625" customWidth="1"/>
    <col min="13831" max="13831" width="13.625" customWidth="1"/>
    <col min="14081" max="14081" width="6.625" customWidth="1"/>
    <col min="14082" max="14082" width="13.625" customWidth="1"/>
    <col min="14085" max="14085" width="3.25" customWidth="1"/>
    <col min="14086" max="14086" width="6.625" customWidth="1"/>
    <col min="14087" max="14087" width="13.625" customWidth="1"/>
    <col min="14337" max="14337" width="6.625" customWidth="1"/>
    <col min="14338" max="14338" width="13.625" customWidth="1"/>
    <col min="14341" max="14341" width="3.25" customWidth="1"/>
    <col min="14342" max="14342" width="6.625" customWidth="1"/>
    <col min="14343" max="14343" width="13.625" customWidth="1"/>
    <col min="14593" max="14593" width="6.625" customWidth="1"/>
    <col min="14594" max="14594" width="13.625" customWidth="1"/>
    <col min="14597" max="14597" width="3.25" customWidth="1"/>
    <col min="14598" max="14598" width="6.625" customWidth="1"/>
    <col min="14599" max="14599" width="13.625" customWidth="1"/>
    <col min="14849" max="14849" width="6.625" customWidth="1"/>
    <col min="14850" max="14850" width="13.625" customWidth="1"/>
    <col min="14853" max="14853" width="3.25" customWidth="1"/>
    <col min="14854" max="14854" width="6.625" customWidth="1"/>
    <col min="14855" max="14855" width="13.625" customWidth="1"/>
    <col min="15105" max="15105" width="6.625" customWidth="1"/>
    <col min="15106" max="15106" width="13.625" customWidth="1"/>
    <col min="15109" max="15109" width="3.25" customWidth="1"/>
    <col min="15110" max="15110" width="6.625" customWidth="1"/>
    <col min="15111" max="15111" width="13.625" customWidth="1"/>
    <col min="15361" max="15361" width="6.625" customWidth="1"/>
    <col min="15362" max="15362" width="13.625" customWidth="1"/>
    <col min="15365" max="15365" width="3.25" customWidth="1"/>
    <col min="15366" max="15366" width="6.625" customWidth="1"/>
    <col min="15367" max="15367" width="13.625" customWidth="1"/>
    <col min="15617" max="15617" width="6.625" customWidth="1"/>
    <col min="15618" max="15618" width="13.625" customWidth="1"/>
    <col min="15621" max="15621" width="3.25" customWidth="1"/>
    <col min="15622" max="15622" width="6.625" customWidth="1"/>
    <col min="15623" max="15623" width="13.625" customWidth="1"/>
    <col min="15873" max="15873" width="6.625" customWidth="1"/>
    <col min="15874" max="15874" width="13.625" customWidth="1"/>
    <col min="15877" max="15877" width="3.25" customWidth="1"/>
    <col min="15878" max="15878" width="6.625" customWidth="1"/>
    <col min="15879" max="15879" width="13.625" customWidth="1"/>
    <col min="16129" max="16129" width="6.625" customWidth="1"/>
    <col min="16130" max="16130" width="13.625" customWidth="1"/>
    <col min="16133" max="16133" width="3.25" customWidth="1"/>
    <col min="16134" max="16134" width="6.625" customWidth="1"/>
    <col min="16135" max="16135" width="13.625" customWidth="1"/>
  </cols>
  <sheetData>
    <row r="1" spans="1:12" ht="15" customHeight="1">
      <c r="A1" s="966" t="s">
        <v>325</v>
      </c>
    </row>
    <row r="2" spans="1:12" ht="15" customHeight="1">
      <c r="G2" t="s">
        <v>326</v>
      </c>
    </row>
    <row r="3" spans="1:12" ht="15" customHeight="1">
      <c r="A3" t="s">
        <v>327</v>
      </c>
    </row>
    <row r="4" spans="1:12" ht="15" customHeight="1" thickBot="1">
      <c r="A4" t="s">
        <v>328</v>
      </c>
      <c r="F4" t="s">
        <v>329</v>
      </c>
    </row>
    <row r="5" spans="1:12" ht="15" customHeight="1" thickTop="1">
      <c r="A5" s="386" t="s">
        <v>330</v>
      </c>
      <c r="B5" s="387" t="s">
        <v>331</v>
      </c>
      <c r="C5" s="387" t="s">
        <v>332</v>
      </c>
      <c r="D5" s="388" t="s">
        <v>333</v>
      </c>
      <c r="F5" s="386" t="s">
        <v>330</v>
      </c>
      <c r="G5" s="387" t="s">
        <v>331</v>
      </c>
      <c r="H5" s="387" t="s">
        <v>332</v>
      </c>
      <c r="I5" s="388" t="s">
        <v>333</v>
      </c>
    </row>
    <row r="6" spans="1:12" ht="15" customHeight="1">
      <c r="A6" s="389">
        <v>1</v>
      </c>
      <c r="B6" s="390" t="s">
        <v>334</v>
      </c>
      <c r="C6" s="391">
        <v>16.029036595041166</v>
      </c>
      <c r="D6" s="392">
        <v>1</v>
      </c>
      <c r="F6" s="389">
        <v>1</v>
      </c>
      <c r="G6" s="390" t="s">
        <v>335</v>
      </c>
      <c r="H6" s="391">
        <v>7.1397091229616567</v>
      </c>
      <c r="I6" s="392">
        <v>1</v>
      </c>
    </row>
    <row r="7" spans="1:12" ht="15" customHeight="1">
      <c r="A7" s="389">
        <v>2</v>
      </c>
      <c r="B7" s="393" t="s">
        <v>336</v>
      </c>
      <c r="C7" s="391">
        <v>15.158267626556965</v>
      </c>
      <c r="D7" s="392">
        <v>2</v>
      </c>
      <c r="F7" s="389">
        <v>2</v>
      </c>
      <c r="G7" s="390" t="s">
        <v>337</v>
      </c>
      <c r="H7" s="391">
        <v>7.3049645390070914</v>
      </c>
      <c r="I7" s="392">
        <v>2</v>
      </c>
    </row>
    <row r="8" spans="1:12" ht="15" customHeight="1">
      <c r="A8" s="389">
        <v>3</v>
      </c>
      <c r="B8" s="394" t="s">
        <v>338</v>
      </c>
      <c r="C8" s="391">
        <v>13.822617087274539</v>
      </c>
      <c r="D8" s="392">
        <v>3</v>
      </c>
      <c r="F8" s="389">
        <v>3</v>
      </c>
      <c r="G8" s="390" t="s">
        <v>339</v>
      </c>
      <c r="H8" s="391">
        <v>8.3948073356686574</v>
      </c>
      <c r="I8" s="392">
        <v>3</v>
      </c>
      <c r="J8" s="395"/>
      <c r="K8" s="395"/>
    </row>
    <row r="9" spans="1:12" ht="15" customHeight="1">
      <c r="A9" s="389">
        <v>4</v>
      </c>
      <c r="B9" s="390" t="s">
        <v>340</v>
      </c>
      <c r="C9" s="391">
        <v>13.483923289762428</v>
      </c>
      <c r="D9" s="392">
        <v>4</v>
      </c>
      <c r="F9" s="389">
        <v>4</v>
      </c>
      <c r="G9" s="390" t="s">
        <v>341</v>
      </c>
      <c r="H9" s="391">
        <v>9.0043706093682054</v>
      </c>
      <c r="I9" s="392">
        <v>4</v>
      </c>
      <c r="J9" s="395"/>
      <c r="K9" s="395"/>
    </row>
    <row r="10" spans="1:12" ht="15" customHeight="1" thickBot="1">
      <c r="A10" s="396">
        <v>5</v>
      </c>
      <c r="B10" s="397" t="s">
        <v>342</v>
      </c>
      <c r="C10" s="398">
        <v>13.402383826895198</v>
      </c>
      <c r="D10" s="399">
        <v>7</v>
      </c>
      <c r="F10" s="389">
        <v>5</v>
      </c>
      <c r="G10" s="390" t="s">
        <v>343</v>
      </c>
      <c r="H10" s="391">
        <v>9.0756302521008401</v>
      </c>
      <c r="I10" s="392">
        <v>5</v>
      </c>
      <c r="J10" s="395"/>
      <c r="K10" s="395"/>
      <c r="L10" s="400"/>
    </row>
    <row r="11" spans="1:12" ht="15" customHeight="1" thickTop="1">
      <c r="F11" s="401"/>
      <c r="G11" s="401"/>
      <c r="H11" s="402"/>
      <c r="I11" s="403"/>
      <c r="J11" s="404"/>
      <c r="K11" s="395"/>
    </row>
    <row r="12" spans="1:12" ht="15" customHeight="1">
      <c r="F12" s="395"/>
      <c r="G12" s="395"/>
      <c r="H12" s="405"/>
      <c r="I12" s="395"/>
    </row>
    <row r="13" spans="1:12" ht="15" customHeight="1">
      <c r="A13" t="s">
        <v>344</v>
      </c>
    </row>
    <row r="14" spans="1:12" ht="15" customHeight="1" thickBot="1">
      <c r="A14" t="s">
        <v>328</v>
      </c>
      <c r="F14" t="s">
        <v>329</v>
      </c>
    </row>
    <row r="15" spans="1:12" ht="15" customHeight="1" thickTop="1">
      <c r="A15" s="386" t="s">
        <v>330</v>
      </c>
      <c r="B15" s="387" t="s">
        <v>331</v>
      </c>
      <c r="C15" s="387" t="s">
        <v>332</v>
      </c>
      <c r="D15" s="388" t="s">
        <v>333</v>
      </c>
      <c r="F15" s="386" t="s">
        <v>330</v>
      </c>
      <c r="G15" s="387" t="s">
        <v>331</v>
      </c>
      <c r="H15" s="387" t="s">
        <v>332</v>
      </c>
      <c r="I15" s="388" t="s">
        <v>333</v>
      </c>
    </row>
    <row r="16" spans="1:12" ht="15" customHeight="1">
      <c r="A16" s="389">
        <v>1</v>
      </c>
      <c r="B16" s="390" t="s">
        <v>345</v>
      </c>
      <c r="C16" s="391">
        <v>71.588528181637116</v>
      </c>
      <c r="D16" s="392">
        <v>1</v>
      </c>
      <c r="F16" s="389">
        <v>1</v>
      </c>
      <c r="G16" s="394" t="s">
        <v>346</v>
      </c>
      <c r="H16" s="391">
        <v>50.290541932825064</v>
      </c>
      <c r="I16" s="392">
        <v>1</v>
      </c>
    </row>
    <row r="17" spans="1:10" ht="15" customHeight="1">
      <c r="A17" s="389">
        <v>2</v>
      </c>
      <c r="B17" s="390" t="s">
        <v>347</v>
      </c>
      <c r="C17" s="391">
        <v>69.588491447803236</v>
      </c>
      <c r="D17" s="392">
        <v>2</v>
      </c>
      <c r="F17" s="389">
        <v>2</v>
      </c>
      <c r="G17" s="394" t="s">
        <v>348</v>
      </c>
      <c r="H17" s="391">
        <v>52.12765957446809</v>
      </c>
      <c r="I17" s="392">
        <v>2</v>
      </c>
    </row>
    <row r="18" spans="1:10" ht="15" customHeight="1">
      <c r="A18" s="389">
        <v>3</v>
      </c>
      <c r="B18" s="390" t="s">
        <v>349</v>
      </c>
      <c r="C18" s="391">
        <v>68.970565961528749</v>
      </c>
      <c r="D18" s="392">
        <v>3</v>
      </c>
      <c r="F18" s="389">
        <v>3</v>
      </c>
      <c r="G18" s="394" t="s">
        <v>350</v>
      </c>
      <c r="H18" s="391">
        <v>52.872931969520145</v>
      </c>
      <c r="I18" s="392">
        <v>3</v>
      </c>
    </row>
    <row r="19" spans="1:10" ht="15" customHeight="1">
      <c r="A19" s="389">
        <v>4</v>
      </c>
      <c r="B19" s="390" t="s">
        <v>351</v>
      </c>
      <c r="C19" s="391">
        <v>68.584676994414579</v>
      </c>
      <c r="D19" s="392">
        <v>4</v>
      </c>
      <c r="F19" s="389">
        <v>4</v>
      </c>
      <c r="G19" s="394" t="s">
        <v>352</v>
      </c>
      <c r="H19" s="391">
        <v>53.21799307958478</v>
      </c>
      <c r="I19" s="392">
        <v>4</v>
      </c>
    </row>
    <row r="20" spans="1:10" ht="15" customHeight="1" thickBot="1">
      <c r="A20" s="389">
        <v>5</v>
      </c>
      <c r="B20" s="390" t="s">
        <v>353</v>
      </c>
      <c r="C20" s="391">
        <v>68.02438228559383</v>
      </c>
      <c r="D20" s="392">
        <v>5</v>
      </c>
      <c r="F20" s="406">
        <v>5</v>
      </c>
      <c r="G20" s="407" t="s">
        <v>354</v>
      </c>
      <c r="H20" s="408">
        <v>54.635549872122759</v>
      </c>
      <c r="I20" s="409">
        <v>9</v>
      </c>
    </row>
    <row r="21" spans="1:10" ht="15" customHeight="1" thickTop="1">
      <c r="A21" s="401"/>
      <c r="B21" s="401"/>
      <c r="C21" s="402"/>
      <c r="D21" s="401"/>
      <c r="F21" s="403"/>
      <c r="G21" s="410"/>
      <c r="H21" s="411"/>
      <c r="I21" s="412"/>
    </row>
    <row r="22" spans="1:10" ht="15" customHeight="1">
      <c r="A22" s="395"/>
      <c r="B22" s="395"/>
      <c r="C22" s="405"/>
      <c r="D22" s="395"/>
    </row>
    <row r="23" spans="1:10" ht="15" customHeight="1">
      <c r="A23" t="s">
        <v>355</v>
      </c>
    </row>
    <row r="24" spans="1:10" ht="15" customHeight="1" thickBot="1">
      <c r="A24" t="s">
        <v>328</v>
      </c>
      <c r="F24" t="s">
        <v>329</v>
      </c>
    </row>
    <row r="25" spans="1:10" ht="15" customHeight="1" thickTop="1">
      <c r="A25" s="386" t="s">
        <v>330</v>
      </c>
      <c r="B25" s="387" t="s">
        <v>331</v>
      </c>
      <c r="C25" s="387" t="s">
        <v>332</v>
      </c>
      <c r="D25" s="388" t="s">
        <v>333</v>
      </c>
      <c r="F25" s="386" t="s">
        <v>330</v>
      </c>
      <c r="G25" s="387" t="s">
        <v>331</v>
      </c>
      <c r="H25" s="387" t="s">
        <v>332</v>
      </c>
      <c r="I25" s="388" t="s">
        <v>333</v>
      </c>
    </row>
    <row r="26" spans="1:10" ht="15" customHeight="1">
      <c r="A26" s="389">
        <v>1</v>
      </c>
      <c r="B26" s="390" t="s">
        <v>346</v>
      </c>
      <c r="C26" s="391">
        <v>41.314650731506283</v>
      </c>
      <c r="D26" s="392">
        <v>1</v>
      </c>
      <c r="F26" s="389">
        <v>1</v>
      </c>
      <c r="G26" s="390" t="s">
        <v>345</v>
      </c>
      <c r="H26" s="391">
        <v>15.312487552280421</v>
      </c>
      <c r="I26" s="395">
        <v>1</v>
      </c>
      <c r="J26" s="413"/>
    </row>
    <row r="27" spans="1:10" ht="15" customHeight="1">
      <c r="A27" s="389">
        <v>2</v>
      </c>
      <c r="B27" s="390" t="s">
        <v>348</v>
      </c>
      <c r="C27" s="391">
        <v>40.567375886524822</v>
      </c>
      <c r="D27" s="392">
        <v>2</v>
      </c>
      <c r="F27" s="389">
        <v>2</v>
      </c>
      <c r="G27" s="390" t="s">
        <v>356</v>
      </c>
      <c r="H27" s="391">
        <v>17.482291572641369</v>
      </c>
      <c r="I27" s="395">
        <v>2</v>
      </c>
      <c r="J27" s="413"/>
    </row>
    <row r="28" spans="1:10" ht="15" customHeight="1">
      <c r="A28" s="389">
        <v>3</v>
      </c>
      <c r="B28" s="390" t="s">
        <v>357</v>
      </c>
      <c r="C28" s="391">
        <v>38.122697421111646</v>
      </c>
      <c r="D28" s="392">
        <v>3</v>
      </c>
      <c r="F28" s="389">
        <v>3</v>
      </c>
      <c r="G28" s="390" t="s">
        <v>351</v>
      </c>
      <c r="H28" s="391">
        <v>18.307162679593915</v>
      </c>
      <c r="I28" s="395">
        <v>3</v>
      </c>
      <c r="J28" s="413"/>
    </row>
    <row r="29" spans="1:10" ht="15" customHeight="1">
      <c r="A29" s="389">
        <v>4</v>
      </c>
      <c r="B29" s="390" t="s">
        <v>352</v>
      </c>
      <c r="C29" s="391">
        <v>37.706376668314384</v>
      </c>
      <c r="D29" s="392">
        <v>5</v>
      </c>
      <c r="F29" s="389">
        <v>4</v>
      </c>
      <c r="G29" s="390" t="s">
        <v>347</v>
      </c>
      <c r="H29" s="391">
        <v>19.478102720109497</v>
      </c>
      <c r="I29" s="395">
        <v>4</v>
      </c>
      <c r="J29" s="413"/>
    </row>
    <row r="30" spans="1:10" ht="15" customHeight="1" thickBot="1">
      <c r="A30" s="396">
        <v>5</v>
      </c>
      <c r="B30" s="414" t="s">
        <v>358</v>
      </c>
      <c r="C30" s="398">
        <v>36.562362274129576</v>
      </c>
      <c r="D30" s="399">
        <v>4</v>
      </c>
      <c r="F30" s="389">
        <v>5</v>
      </c>
      <c r="G30" s="414" t="s">
        <v>353</v>
      </c>
      <c r="H30" s="391">
        <v>19.560691505181669</v>
      </c>
      <c r="I30" s="395">
        <v>5</v>
      </c>
      <c r="J30" s="413"/>
    </row>
    <row r="31" spans="1:10" ht="15" customHeight="1" thickTop="1">
      <c r="C31" s="411"/>
      <c r="F31" s="401"/>
      <c r="G31" s="401"/>
      <c r="H31" s="402"/>
      <c r="I31" s="401"/>
      <c r="J31" s="413"/>
    </row>
    <row r="32" spans="1:10" ht="15" customHeight="1"/>
    <row r="33" spans="1:11" ht="15" customHeight="1">
      <c r="A33" t="s">
        <v>359</v>
      </c>
    </row>
    <row r="34" spans="1:11" ht="15" customHeight="1" thickBot="1">
      <c r="A34" t="s">
        <v>328</v>
      </c>
      <c r="F34" t="s">
        <v>329</v>
      </c>
    </row>
    <row r="35" spans="1:11" ht="15" customHeight="1" thickTop="1">
      <c r="A35" s="386" t="s">
        <v>330</v>
      </c>
      <c r="B35" s="387" t="s">
        <v>331</v>
      </c>
      <c r="C35" s="387" t="s">
        <v>360</v>
      </c>
      <c r="D35" s="388" t="s">
        <v>333</v>
      </c>
      <c r="F35" s="386" t="s">
        <v>330</v>
      </c>
      <c r="G35" s="387" t="s">
        <v>331</v>
      </c>
      <c r="H35" s="387" t="s">
        <v>360</v>
      </c>
      <c r="I35" s="388" t="s">
        <v>333</v>
      </c>
    </row>
    <row r="36" spans="1:11" ht="15" customHeight="1">
      <c r="A36" s="389">
        <v>1</v>
      </c>
      <c r="B36" s="394" t="s">
        <v>348</v>
      </c>
      <c r="C36" s="415">
        <v>54.86</v>
      </c>
      <c r="D36" s="392">
        <v>1</v>
      </c>
      <c r="F36" s="389">
        <v>1</v>
      </c>
      <c r="G36" s="394" t="s">
        <v>345</v>
      </c>
      <c r="H36" s="416">
        <v>40.93</v>
      </c>
      <c r="I36" s="392">
        <v>1</v>
      </c>
    </row>
    <row r="37" spans="1:11" ht="15" customHeight="1">
      <c r="A37" s="389">
        <v>2</v>
      </c>
      <c r="B37" s="394" t="s">
        <v>346</v>
      </c>
      <c r="C37" s="415">
        <v>54.49</v>
      </c>
      <c r="D37" s="392">
        <v>2</v>
      </c>
      <c r="F37" s="389">
        <v>2</v>
      </c>
      <c r="G37" s="394" t="s">
        <v>356</v>
      </c>
      <c r="H37" s="417">
        <v>41.74</v>
      </c>
      <c r="I37" s="392">
        <v>2</v>
      </c>
      <c r="K37" s="418"/>
    </row>
    <row r="38" spans="1:11" ht="15" customHeight="1">
      <c r="A38" s="389">
        <v>3</v>
      </c>
      <c r="B38" s="394" t="s">
        <v>350</v>
      </c>
      <c r="C38" s="415">
        <v>52.72</v>
      </c>
      <c r="D38" s="392">
        <v>3</v>
      </c>
      <c r="F38" s="389">
        <v>3</v>
      </c>
      <c r="G38" s="394" t="s">
        <v>351</v>
      </c>
      <c r="H38" s="417">
        <v>42.33</v>
      </c>
      <c r="I38" s="392">
        <v>3</v>
      </c>
    </row>
    <row r="39" spans="1:11" ht="15" customHeight="1">
      <c r="A39" s="389">
        <v>4</v>
      </c>
      <c r="B39" s="394" t="s">
        <v>352</v>
      </c>
      <c r="C39" s="415">
        <v>52.7</v>
      </c>
      <c r="D39" s="392">
        <v>4</v>
      </c>
      <c r="F39" s="389">
        <v>4</v>
      </c>
      <c r="G39" s="394" t="s">
        <v>347</v>
      </c>
      <c r="H39" s="417">
        <v>43</v>
      </c>
      <c r="I39" s="392">
        <v>4</v>
      </c>
    </row>
    <row r="40" spans="1:11" ht="15" customHeight="1" thickBot="1">
      <c r="A40" s="396">
        <v>5</v>
      </c>
      <c r="B40" s="397" t="s">
        <v>361</v>
      </c>
      <c r="C40" s="419">
        <v>52.07</v>
      </c>
      <c r="D40" s="420">
        <v>6</v>
      </c>
      <c r="F40" s="421">
        <v>5</v>
      </c>
      <c r="G40" s="397" t="s">
        <v>353</v>
      </c>
      <c r="H40" s="422">
        <v>43.24</v>
      </c>
      <c r="I40" s="421">
        <v>5</v>
      </c>
    </row>
    <row r="41" spans="1:11" ht="15" customHeight="1" thickTop="1">
      <c r="A41" s="395"/>
      <c r="B41" s="418"/>
      <c r="C41" s="423"/>
      <c r="D41" s="395"/>
      <c r="F41" s="401"/>
      <c r="G41" s="424"/>
      <c r="H41" s="425"/>
      <c r="I41" s="401"/>
    </row>
    <row r="42" spans="1:11" ht="15" customHeight="1"/>
    <row r="43" spans="1:11" ht="15" customHeight="1">
      <c r="A43" t="s">
        <v>362</v>
      </c>
    </row>
    <row r="44" spans="1:11" ht="15" customHeight="1" thickBot="1">
      <c r="A44" t="s">
        <v>328</v>
      </c>
      <c r="F44" t="s">
        <v>329</v>
      </c>
    </row>
    <row r="45" spans="1:11" ht="15" customHeight="1" thickTop="1">
      <c r="A45" s="386" t="s">
        <v>330</v>
      </c>
      <c r="B45" s="387" t="s">
        <v>331</v>
      </c>
      <c r="C45" s="387" t="s">
        <v>363</v>
      </c>
      <c r="D45" s="388" t="s">
        <v>333</v>
      </c>
      <c r="F45" s="386" t="s">
        <v>330</v>
      </c>
      <c r="G45" s="387" t="s">
        <v>331</v>
      </c>
      <c r="H45" s="387" t="s">
        <v>363</v>
      </c>
      <c r="I45" s="388" t="s">
        <v>333</v>
      </c>
    </row>
    <row r="46" spans="1:11" ht="15" customHeight="1">
      <c r="A46" s="389">
        <v>1</v>
      </c>
      <c r="B46" s="390" t="s">
        <v>348</v>
      </c>
      <c r="C46" s="391">
        <v>555.33980582524271</v>
      </c>
      <c r="D46" s="392">
        <v>1</v>
      </c>
      <c r="F46" s="389">
        <v>1</v>
      </c>
      <c r="G46" s="394" t="s">
        <v>356</v>
      </c>
      <c r="H46" s="391">
        <v>109.06639004149376</v>
      </c>
      <c r="I46" s="392">
        <v>1</v>
      </c>
    </row>
    <row r="47" spans="1:11" ht="15" customHeight="1">
      <c r="A47" s="389">
        <v>2</v>
      </c>
      <c r="B47" s="390" t="s">
        <v>358</v>
      </c>
      <c r="C47" s="391">
        <v>512.09876543209884</v>
      </c>
      <c r="D47" s="392">
        <v>2</v>
      </c>
      <c r="F47" s="389">
        <v>2</v>
      </c>
      <c r="G47" s="394" t="s">
        <v>345</v>
      </c>
      <c r="H47" s="391">
        <v>116.89828189143986</v>
      </c>
      <c r="I47" s="392">
        <v>2</v>
      </c>
    </row>
    <row r="48" spans="1:11" ht="15" customHeight="1">
      <c r="A48" s="389">
        <v>3</v>
      </c>
      <c r="B48" s="390" t="s">
        <v>364</v>
      </c>
      <c r="C48" s="391">
        <v>492.14531173294063</v>
      </c>
      <c r="D48" s="392">
        <v>3</v>
      </c>
      <c r="F48" s="389">
        <v>3</v>
      </c>
      <c r="G48" s="394" t="s">
        <v>351</v>
      </c>
      <c r="H48" s="391">
        <v>139.66233418196435</v>
      </c>
      <c r="I48" s="392">
        <v>3</v>
      </c>
    </row>
    <row r="49" spans="1:9" ht="15" customHeight="1">
      <c r="A49" s="389">
        <v>4</v>
      </c>
      <c r="B49" s="390" t="s">
        <v>350</v>
      </c>
      <c r="C49" s="391">
        <v>423.37992376111816</v>
      </c>
      <c r="D49" s="392">
        <v>4</v>
      </c>
      <c r="F49" s="389">
        <v>4</v>
      </c>
      <c r="G49" s="394" t="s">
        <v>365</v>
      </c>
      <c r="H49" s="391">
        <v>153.49771436487046</v>
      </c>
      <c r="I49" s="392">
        <v>4</v>
      </c>
    </row>
    <row r="50" spans="1:9" ht="15" customHeight="1" thickBot="1">
      <c r="A50" s="396">
        <v>5</v>
      </c>
      <c r="B50" s="414" t="s">
        <v>352</v>
      </c>
      <c r="C50" s="398">
        <v>415.46840958605662</v>
      </c>
      <c r="D50" s="399">
        <v>5</v>
      </c>
      <c r="F50" s="396">
        <v>5</v>
      </c>
      <c r="G50" s="397" t="s">
        <v>366</v>
      </c>
      <c r="H50" s="398">
        <v>157.55785556460054</v>
      </c>
      <c r="I50" s="420">
        <v>6</v>
      </c>
    </row>
    <row r="51" spans="1:9" ht="14.25" thickTop="1"/>
  </sheetData>
  <phoneticPr fontId="3"/>
  <pageMargins left="1.1811023622047245" right="0.59055118110236227" top="0.78740157480314965" bottom="0.9055118110236221" header="0.51181102362204722" footer="0.19685039370078741"/>
  <pageSetup paperSize="9" firstPageNumber="15" orientation="portrait" useFirstPageNumber="1" r:id="rId1"/>
  <headerFooter>
    <oddFooter>&amp;C&amp;"ＭＳ ゴシック,太字"&amp;9-&amp;P-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A81"/>
  <sheetViews>
    <sheetView zoomScale="75" zoomScaleNormal="75" zoomScaleSheetLayoutView="80" workbookViewId="0">
      <selection activeCell="C3" sqref="C3"/>
    </sheetView>
  </sheetViews>
  <sheetFormatPr defaultRowHeight="13.5"/>
  <cols>
    <col min="1" max="1" width="16.25" style="429" customWidth="1"/>
    <col min="2" max="2" width="11" style="427" bestFit="1" customWidth="1"/>
    <col min="3" max="3" width="11.625" style="427" customWidth="1"/>
    <col min="4" max="5" width="11" style="427" bestFit="1" customWidth="1"/>
    <col min="6" max="6" width="7.625" style="427" customWidth="1"/>
    <col min="7" max="7" width="11" style="427" bestFit="1" customWidth="1"/>
    <col min="8" max="8" width="11" style="427" customWidth="1"/>
    <col min="9" max="10" width="11" style="427" bestFit="1" customWidth="1"/>
    <col min="11" max="11" width="7.625" style="427" customWidth="1"/>
    <col min="12" max="12" width="1.375" style="427" customWidth="1"/>
    <col min="13" max="13" width="8.75" style="427" customWidth="1"/>
    <col min="14" max="14" width="9.25" style="427" customWidth="1"/>
    <col min="15" max="16" width="8.625" style="427" customWidth="1"/>
    <col min="17" max="17" width="7.625" style="427" hidden="1" customWidth="1"/>
    <col min="18" max="21" width="7.25" style="427" customWidth="1"/>
    <col min="22" max="22" width="7" style="427" customWidth="1"/>
    <col min="23" max="25" width="8.125" style="427" customWidth="1"/>
    <col min="26" max="26" width="7.75" style="427" customWidth="1"/>
    <col min="27" max="27" width="8.75" style="427" customWidth="1"/>
    <col min="28" max="257" width="9" style="429"/>
    <col min="258" max="258" width="16.25" style="429" customWidth="1"/>
    <col min="259" max="262" width="9.625" style="429" customWidth="1"/>
    <col min="263" max="263" width="7.625" style="429" customWidth="1"/>
    <col min="264" max="267" width="9.625" style="429" customWidth="1"/>
    <col min="268" max="268" width="7.625" style="429" customWidth="1"/>
    <col min="269" max="269" width="9.625" style="429" customWidth="1"/>
    <col min="270" max="270" width="39.625" style="429" customWidth="1"/>
    <col min="271" max="272" width="8.625" style="429" customWidth="1"/>
    <col min="273" max="273" width="0" style="429" hidden="1" customWidth="1"/>
    <col min="274" max="277" width="7.625" style="429" customWidth="1"/>
    <col min="278" max="279" width="8.625" style="429" customWidth="1"/>
    <col min="280" max="280" width="8.75" style="429" customWidth="1"/>
    <col min="281" max="281" width="8.625" style="429" customWidth="1"/>
    <col min="282" max="283" width="8.875" style="429" customWidth="1"/>
    <col min="284" max="513" width="9" style="429"/>
    <col min="514" max="514" width="16.25" style="429" customWidth="1"/>
    <col min="515" max="518" width="9.625" style="429" customWidth="1"/>
    <col min="519" max="519" width="7.625" style="429" customWidth="1"/>
    <col min="520" max="523" width="9.625" style="429" customWidth="1"/>
    <col min="524" max="524" width="7.625" style="429" customWidth="1"/>
    <col min="525" max="525" width="9.625" style="429" customWidth="1"/>
    <col min="526" max="526" width="39.625" style="429" customWidth="1"/>
    <col min="527" max="528" width="8.625" style="429" customWidth="1"/>
    <col min="529" max="529" width="0" style="429" hidden="1" customWidth="1"/>
    <col min="530" max="533" width="7.625" style="429" customWidth="1"/>
    <col min="534" max="535" width="8.625" style="429" customWidth="1"/>
    <col min="536" max="536" width="8.75" style="429" customWidth="1"/>
    <col min="537" max="537" width="8.625" style="429" customWidth="1"/>
    <col min="538" max="539" width="8.875" style="429" customWidth="1"/>
    <col min="540" max="769" width="9" style="429"/>
    <col min="770" max="770" width="16.25" style="429" customWidth="1"/>
    <col min="771" max="774" width="9.625" style="429" customWidth="1"/>
    <col min="775" max="775" width="7.625" style="429" customWidth="1"/>
    <col min="776" max="779" width="9.625" style="429" customWidth="1"/>
    <col min="780" max="780" width="7.625" style="429" customWidth="1"/>
    <col min="781" max="781" width="9.625" style="429" customWidth="1"/>
    <col min="782" max="782" width="39.625" style="429" customWidth="1"/>
    <col min="783" max="784" width="8.625" style="429" customWidth="1"/>
    <col min="785" max="785" width="0" style="429" hidden="1" customWidth="1"/>
    <col min="786" max="789" width="7.625" style="429" customWidth="1"/>
    <col min="790" max="791" width="8.625" style="429" customWidth="1"/>
    <col min="792" max="792" width="8.75" style="429" customWidth="1"/>
    <col min="793" max="793" width="8.625" style="429" customWidth="1"/>
    <col min="794" max="795" width="8.875" style="429" customWidth="1"/>
    <col min="796" max="1025" width="9" style="429"/>
    <col min="1026" max="1026" width="16.25" style="429" customWidth="1"/>
    <col min="1027" max="1030" width="9.625" style="429" customWidth="1"/>
    <col min="1031" max="1031" width="7.625" style="429" customWidth="1"/>
    <col min="1032" max="1035" width="9.625" style="429" customWidth="1"/>
    <col min="1036" max="1036" width="7.625" style="429" customWidth="1"/>
    <col min="1037" max="1037" width="9.625" style="429" customWidth="1"/>
    <col min="1038" max="1038" width="39.625" style="429" customWidth="1"/>
    <col min="1039" max="1040" width="8.625" style="429" customWidth="1"/>
    <col min="1041" max="1041" width="0" style="429" hidden="1" customWidth="1"/>
    <col min="1042" max="1045" width="7.625" style="429" customWidth="1"/>
    <col min="1046" max="1047" width="8.625" style="429" customWidth="1"/>
    <col min="1048" max="1048" width="8.75" style="429" customWidth="1"/>
    <col min="1049" max="1049" width="8.625" style="429" customWidth="1"/>
    <col min="1050" max="1051" width="8.875" style="429" customWidth="1"/>
    <col min="1052" max="1281" width="9" style="429"/>
    <col min="1282" max="1282" width="16.25" style="429" customWidth="1"/>
    <col min="1283" max="1286" width="9.625" style="429" customWidth="1"/>
    <col min="1287" max="1287" width="7.625" style="429" customWidth="1"/>
    <col min="1288" max="1291" width="9.625" style="429" customWidth="1"/>
    <col min="1292" max="1292" width="7.625" style="429" customWidth="1"/>
    <col min="1293" max="1293" width="9.625" style="429" customWidth="1"/>
    <col min="1294" max="1294" width="39.625" style="429" customWidth="1"/>
    <col min="1295" max="1296" width="8.625" style="429" customWidth="1"/>
    <col min="1297" max="1297" width="0" style="429" hidden="1" customWidth="1"/>
    <col min="1298" max="1301" width="7.625" style="429" customWidth="1"/>
    <col min="1302" max="1303" width="8.625" style="429" customWidth="1"/>
    <col min="1304" max="1304" width="8.75" style="429" customWidth="1"/>
    <col min="1305" max="1305" width="8.625" style="429" customWidth="1"/>
    <col min="1306" max="1307" width="8.875" style="429" customWidth="1"/>
    <col min="1308" max="1537" width="9" style="429"/>
    <col min="1538" max="1538" width="16.25" style="429" customWidth="1"/>
    <col min="1539" max="1542" width="9.625" style="429" customWidth="1"/>
    <col min="1543" max="1543" width="7.625" style="429" customWidth="1"/>
    <col min="1544" max="1547" width="9.625" style="429" customWidth="1"/>
    <col min="1548" max="1548" width="7.625" style="429" customWidth="1"/>
    <col min="1549" max="1549" width="9.625" style="429" customWidth="1"/>
    <col min="1550" max="1550" width="39.625" style="429" customWidth="1"/>
    <col min="1551" max="1552" width="8.625" style="429" customWidth="1"/>
    <col min="1553" max="1553" width="0" style="429" hidden="1" customWidth="1"/>
    <col min="1554" max="1557" width="7.625" style="429" customWidth="1"/>
    <col min="1558" max="1559" width="8.625" style="429" customWidth="1"/>
    <col min="1560" max="1560" width="8.75" style="429" customWidth="1"/>
    <col min="1561" max="1561" width="8.625" style="429" customWidth="1"/>
    <col min="1562" max="1563" width="8.875" style="429" customWidth="1"/>
    <col min="1564" max="1793" width="9" style="429"/>
    <col min="1794" max="1794" width="16.25" style="429" customWidth="1"/>
    <col min="1795" max="1798" width="9.625" style="429" customWidth="1"/>
    <col min="1799" max="1799" width="7.625" style="429" customWidth="1"/>
    <col min="1800" max="1803" width="9.625" style="429" customWidth="1"/>
    <col min="1804" max="1804" width="7.625" style="429" customWidth="1"/>
    <col min="1805" max="1805" width="9.625" style="429" customWidth="1"/>
    <col min="1806" max="1806" width="39.625" style="429" customWidth="1"/>
    <col min="1807" max="1808" width="8.625" style="429" customWidth="1"/>
    <col min="1809" max="1809" width="0" style="429" hidden="1" customWidth="1"/>
    <col min="1810" max="1813" width="7.625" style="429" customWidth="1"/>
    <col min="1814" max="1815" width="8.625" style="429" customWidth="1"/>
    <col min="1816" max="1816" width="8.75" style="429" customWidth="1"/>
    <col min="1817" max="1817" width="8.625" style="429" customWidth="1"/>
    <col min="1818" max="1819" width="8.875" style="429" customWidth="1"/>
    <col min="1820" max="2049" width="9" style="429"/>
    <col min="2050" max="2050" width="16.25" style="429" customWidth="1"/>
    <col min="2051" max="2054" width="9.625" style="429" customWidth="1"/>
    <col min="2055" max="2055" width="7.625" style="429" customWidth="1"/>
    <col min="2056" max="2059" width="9.625" style="429" customWidth="1"/>
    <col min="2060" max="2060" width="7.625" style="429" customWidth="1"/>
    <col min="2061" max="2061" width="9.625" style="429" customWidth="1"/>
    <col min="2062" max="2062" width="39.625" style="429" customWidth="1"/>
    <col min="2063" max="2064" width="8.625" style="429" customWidth="1"/>
    <col min="2065" max="2065" width="0" style="429" hidden="1" customWidth="1"/>
    <col min="2066" max="2069" width="7.625" style="429" customWidth="1"/>
    <col min="2070" max="2071" width="8.625" style="429" customWidth="1"/>
    <col min="2072" max="2072" width="8.75" style="429" customWidth="1"/>
    <col min="2073" max="2073" width="8.625" style="429" customWidth="1"/>
    <col min="2074" max="2075" width="8.875" style="429" customWidth="1"/>
    <col min="2076" max="2305" width="9" style="429"/>
    <col min="2306" max="2306" width="16.25" style="429" customWidth="1"/>
    <col min="2307" max="2310" width="9.625" style="429" customWidth="1"/>
    <col min="2311" max="2311" width="7.625" style="429" customWidth="1"/>
    <col min="2312" max="2315" width="9.625" style="429" customWidth="1"/>
    <col min="2316" max="2316" width="7.625" style="429" customWidth="1"/>
    <col min="2317" max="2317" width="9.625" style="429" customWidth="1"/>
    <col min="2318" max="2318" width="39.625" style="429" customWidth="1"/>
    <col min="2319" max="2320" width="8.625" style="429" customWidth="1"/>
    <col min="2321" max="2321" width="0" style="429" hidden="1" customWidth="1"/>
    <col min="2322" max="2325" width="7.625" style="429" customWidth="1"/>
    <col min="2326" max="2327" width="8.625" style="429" customWidth="1"/>
    <col min="2328" max="2328" width="8.75" style="429" customWidth="1"/>
    <col min="2329" max="2329" width="8.625" style="429" customWidth="1"/>
    <col min="2330" max="2331" width="8.875" style="429" customWidth="1"/>
    <col min="2332" max="2561" width="9" style="429"/>
    <col min="2562" max="2562" width="16.25" style="429" customWidth="1"/>
    <col min="2563" max="2566" width="9.625" style="429" customWidth="1"/>
    <col min="2567" max="2567" width="7.625" style="429" customWidth="1"/>
    <col min="2568" max="2571" width="9.625" style="429" customWidth="1"/>
    <col min="2572" max="2572" width="7.625" style="429" customWidth="1"/>
    <col min="2573" max="2573" width="9.625" style="429" customWidth="1"/>
    <col min="2574" max="2574" width="39.625" style="429" customWidth="1"/>
    <col min="2575" max="2576" width="8.625" style="429" customWidth="1"/>
    <col min="2577" max="2577" width="0" style="429" hidden="1" customWidth="1"/>
    <col min="2578" max="2581" width="7.625" style="429" customWidth="1"/>
    <col min="2582" max="2583" width="8.625" style="429" customWidth="1"/>
    <col min="2584" max="2584" width="8.75" style="429" customWidth="1"/>
    <col min="2585" max="2585" width="8.625" style="429" customWidth="1"/>
    <col min="2586" max="2587" width="8.875" style="429" customWidth="1"/>
    <col min="2588" max="2817" width="9" style="429"/>
    <col min="2818" max="2818" width="16.25" style="429" customWidth="1"/>
    <col min="2819" max="2822" width="9.625" style="429" customWidth="1"/>
    <col min="2823" max="2823" width="7.625" style="429" customWidth="1"/>
    <col min="2824" max="2827" width="9.625" style="429" customWidth="1"/>
    <col min="2828" max="2828" width="7.625" style="429" customWidth="1"/>
    <col min="2829" max="2829" width="9.625" style="429" customWidth="1"/>
    <col min="2830" max="2830" width="39.625" style="429" customWidth="1"/>
    <col min="2831" max="2832" width="8.625" style="429" customWidth="1"/>
    <col min="2833" max="2833" width="0" style="429" hidden="1" customWidth="1"/>
    <col min="2834" max="2837" width="7.625" style="429" customWidth="1"/>
    <col min="2838" max="2839" width="8.625" style="429" customWidth="1"/>
    <col min="2840" max="2840" width="8.75" style="429" customWidth="1"/>
    <col min="2841" max="2841" width="8.625" style="429" customWidth="1"/>
    <col min="2842" max="2843" width="8.875" style="429" customWidth="1"/>
    <col min="2844" max="3073" width="9" style="429"/>
    <col min="3074" max="3074" width="16.25" style="429" customWidth="1"/>
    <col min="3075" max="3078" width="9.625" style="429" customWidth="1"/>
    <col min="3079" max="3079" width="7.625" style="429" customWidth="1"/>
    <col min="3080" max="3083" width="9.625" style="429" customWidth="1"/>
    <col min="3084" max="3084" width="7.625" style="429" customWidth="1"/>
    <col min="3085" max="3085" width="9.625" style="429" customWidth="1"/>
    <col min="3086" max="3086" width="39.625" style="429" customWidth="1"/>
    <col min="3087" max="3088" width="8.625" style="429" customWidth="1"/>
    <col min="3089" max="3089" width="0" style="429" hidden="1" customWidth="1"/>
    <col min="3090" max="3093" width="7.625" style="429" customWidth="1"/>
    <col min="3094" max="3095" width="8.625" style="429" customWidth="1"/>
    <col min="3096" max="3096" width="8.75" style="429" customWidth="1"/>
    <col min="3097" max="3097" width="8.625" style="429" customWidth="1"/>
    <col min="3098" max="3099" width="8.875" style="429" customWidth="1"/>
    <col min="3100" max="3329" width="9" style="429"/>
    <col min="3330" max="3330" width="16.25" style="429" customWidth="1"/>
    <col min="3331" max="3334" width="9.625" style="429" customWidth="1"/>
    <col min="3335" max="3335" width="7.625" style="429" customWidth="1"/>
    <col min="3336" max="3339" width="9.625" style="429" customWidth="1"/>
    <col min="3340" max="3340" width="7.625" style="429" customWidth="1"/>
    <col min="3341" max="3341" width="9.625" style="429" customWidth="1"/>
    <col min="3342" max="3342" width="39.625" style="429" customWidth="1"/>
    <col min="3343" max="3344" width="8.625" style="429" customWidth="1"/>
    <col min="3345" max="3345" width="0" style="429" hidden="1" customWidth="1"/>
    <col min="3346" max="3349" width="7.625" style="429" customWidth="1"/>
    <col min="3350" max="3351" width="8.625" style="429" customWidth="1"/>
    <col min="3352" max="3352" width="8.75" style="429" customWidth="1"/>
    <col min="3353" max="3353" width="8.625" style="429" customWidth="1"/>
    <col min="3354" max="3355" width="8.875" style="429" customWidth="1"/>
    <col min="3356" max="3585" width="9" style="429"/>
    <col min="3586" max="3586" width="16.25" style="429" customWidth="1"/>
    <col min="3587" max="3590" width="9.625" style="429" customWidth="1"/>
    <col min="3591" max="3591" width="7.625" style="429" customWidth="1"/>
    <col min="3592" max="3595" width="9.625" style="429" customWidth="1"/>
    <col min="3596" max="3596" width="7.625" style="429" customWidth="1"/>
    <col min="3597" max="3597" width="9.625" style="429" customWidth="1"/>
    <col min="3598" max="3598" width="39.625" style="429" customWidth="1"/>
    <col min="3599" max="3600" width="8.625" style="429" customWidth="1"/>
    <col min="3601" max="3601" width="0" style="429" hidden="1" customWidth="1"/>
    <col min="3602" max="3605" width="7.625" style="429" customWidth="1"/>
    <col min="3606" max="3607" width="8.625" style="429" customWidth="1"/>
    <col min="3608" max="3608" width="8.75" style="429" customWidth="1"/>
    <col min="3609" max="3609" width="8.625" style="429" customWidth="1"/>
    <col min="3610" max="3611" width="8.875" style="429" customWidth="1"/>
    <col min="3612" max="3841" width="9" style="429"/>
    <col min="3842" max="3842" width="16.25" style="429" customWidth="1"/>
    <col min="3843" max="3846" width="9.625" style="429" customWidth="1"/>
    <col min="3847" max="3847" width="7.625" style="429" customWidth="1"/>
    <col min="3848" max="3851" width="9.625" style="429" customWidth="1"/>
    <col min="3852" max="3852" width="7.625" style="429" customWidth="1"/>
    <col min="3853" max="3853" width="9.625" style="429" customWidth="1"/>
    <col min="3854" max="3854" width="39.625" style="429" customWidth="1"/>
    <col min="3855" max="3856" width="8.625" style="429" customWidth="1"/>
    <col min="3857" max="3857" width="0" style="429" hidden="1" customWidth="1"/>
    <col min="3858" max="3861" width="7.625" style="429" customWidth="1"/>
    <col min="3862" max="3863" width="8.625" style="429" customWidth="1"/>
    <col min="3864" max="3864" width="8.75" style="429" customWidth="1"/>
    <col min="3865" max="3865" width="8.625" style="429" customWidth="1"/>
    <col min="3866" max="3867" width="8.875" style="429" customWidth="1"/>
    <col min="3868" max="4097" width="9" style="429"/>
    <col min="4098" max="4098" width="16.25" style="429" customWidth="1"/>
    <col min="4099" max="4102" width="9.625" style="429" customWidth="1"/>
    <col min="4103" max="4103" width="7.625" style="429" customWidth="1"/>
    <col min="4104" max="4107" width="9.625" style="429" customWidth="1"/>
    <col min="4108" max="4108" width="7.625" style="429" customWidth="1"/>
    <col min="4109" max="4109" width="9.625" style="429" customWidth="1"/>
    <col min="4110" max="4110" width="39.625" style="429" customWidth="1"/>
    <col min="4111" max="4112" width="8.625" style="429" customWidth="1"/>
    <col min="4113" max="4113" width="0" style="429" hidden="1" customWidth="1"/>
    <col min="4114" max="4117" width="7.625" style="429" customWidth="1"/>
    <col min="4118" max="4119" width="8.625" style="429" customWidth="1"/>
    <col min="4120" max="4120" width="8.75" style="429" customWidth="1"/>
    <col min="4121" max="4121" width="8.625" style="429" customWidth="1"/>
    <col min="4122" max="4123" width="8.875" style="429" customWidth="1"/>
    <col min="4124" max="4353" width="9" style="429"/>
    <col min="4354" max="4354" width="16.25" style="429" customWidth="1"/>
    <col min="4355" max="4358" width="9.625" style="429" customWidth="1"/>
    <col min="4359" max="4359" width="7.625" style="429" customWidth="1"/>
    <col min="4360" max="4363" width="9.625" style="429" customWidth="1"/>
    <col min="4364" max="4364" width="7.625" style="429" customWidth="1"/>
    <col min="4365" max="4365" width="9.625" style="429" customWidth="1"/>
    <col min="4366" max="4366" width="39.625" style="429" customWidth="1"/>
    <col min="4367" max="4368" width="8.625" style="429" customWidth="1"/>
    <col min="4369" max="4369" width="0" style="429" hidden="1" customWidth="1"/>
    <col min="4370" max="4373" width="7.625" style="429" customWidth="1"/>
    <col min="4374" max="4375" width="8.625" style="429" customWidth="1"/>
    <col min="4376" max="4376" width="8.75" style="429" customWidth="1"/>
    <col min="4377" max="4377" width="8.625" style="429" customWidth="1"/>
    <col min="4378" max="4379" width="8.875" style="429" customWidth="1"/>
    <col min="4380" max="4609" width="9" style="429"/>
    <col min="4610" max="4610" width="16.25" style="429" customWidth="1"/>
    <col min="4611" max="4614" width="9.625" style="429" customWidth="1"/>
    <col min="4615" max="4615" width="7.625" style="429" customWidth="1"/>
    <col min="4616" max="4619" width="9.625" style="429" customWidth="1"/>
    <col min="4620" max="4620" width="7.625" style="429" customWidth="1"/>
    <col min="4621" max="4621" width="9.625" style="429" customWidth="1"/>
    <col min="4622" max="4622" width="39.625" style="429" customWidth="1"/>
    <col min="4623" max="4624" width="8.625" style="429" customWidth="1"/>
    <col min="4625" max="4625" width="0" style="429" hidden="1" customWidth="1"/>
    <col min="4626" max="4629" width="7.625" style="429" customWidth="1"/>
    <col min="4630" max="4631" width="8.625" style="429" customWidth="1"/>
    <col min="4632" max="4632" width="8.75" style="429" customWidth="1"/>
    <col min="4633" max="4633" width="8.625" style="429" customWidth="1"/>
    <col min="4634" max="4635" width="8.875" style="429" customWidth="1"/>
    <col min="4636" max="4865" width="9" style="429"/>
    <col min="4866" max="4866" width="16.25" style="429" customWidth="1"/>
    <col min="4867" max="4870" width="9.625" style="429" customWidth="1"/>
    <col min="4871" max="4871" width="7.625" style="429" customWidth="1"/>
    <col min="4872" max="4875" width="9.625" style="429" customWidth="1"/>
    <col min="4876" max="4876" width="7.625" style="429" customWidth="1"/>
    <col min="4877" max="4877" width="9.625" style="429" customWidth="1"/>
    <col min="4878" max="4878" width="39.625" style="429" customWidth="1"/>
    <col min="4879" max="4880" width="8.625" style="429" customWidth="1"/>
    <col min="4881" max="4881" width="0" style="429" hidden="1" customWidth="1"/>
    <col min="4882" max="4885" width="7.625" style="429" customWidth="1"/>
    <col min="4886" max="4887" width="8.625" style="429" customWidth="1"/>
    <col min="4888" max="4888" width="8.75" style="429" customWidth="1"/>
    <col min="4889" max="4889" width="8.625" style="429" customWidth="1"/>
    <col min="4890" max="4891" width="8.875" style="429" customWidth="1"/>
    <col min="4892" max="5121" width="9" style="429"/>
    <col min="5122" max="5122" width="16.25" style="429" customWidth="1"/>
    <col min="5123" max="5126" width="9.625" style="429" customWidth="1"/>
    <col min="5127" max="5127" width="7.625" style="429" customWidth="1"/>
    <col min="5128" max="5131" width="9.625" style="429" customWidth="1"/>
    <col min="5132" max="5132" width="7.625" style="429" customWidth="1"/>
    <col min="5133" max="5133" width="9.625" style="429" customWidth="1"/>
    <col min="5134" max="5134" width="39.625" style="429" customWidth="1"/>
    <col min="5135" max="5136" width="8.625" style="429" customWidth="1"/>
    <col min="5137" max="5137" width="0" style="429" hidden="1" customWidth="1"/>
    <col min="5138" max="5141" width="7.625" style="429" customWidth="1"/>
    <col min="5142" max="5143" width="8.625" style="429" customWidth="1"/>
    <col min="5144" max="5144" width="8.75" style="429" customWidth="1"/>
    <col min="5145" max="5145" width="8.625" style="429" customWidth="1"/>
    <col min="5146" max="5147" width="8.875" style="429" customWidth="1"/>
    <col min="5148" max="5377" width="9" style="429"/>
    <col min="5378" max="5378" width="16.25" style="429" customWidth="1"/>
    <col min="5379" max="5382" width="9.625" style="429" customWidth="1"/>
    <col min="5383" max="5383" width="7.625" style="429" customWidth="1"/>
    <col min="5384" max="5387" width="9.625" style="429" customWidth="1"/>
    <col min="5388" max="5388" width="7.625" style="429" customWidth="1"/>
    <col min="5389" max="5389" width="9.625" style="429" customWidth="1"/>
    <col min="5390" max="5390" width="39.625" style="429" customWidth="1"/>
    <col min="5391" max="5392" width="8.625" style="429" customWidth="1"/>
    <col min="5393" max="5393" width="0" style="429" hidden="1" customWidth="1"/>
    <col min="5394" max="5397" width="7.625" style="429" customWidth="1"/>
    <col min="5398" max="5399" width="8.625" style="429" customWidth="1"/>
    <col min="5400" max="5400" width="8.75" style="429" customWidth="1"/>
    <col min="5401" max="5401" width="8.625" style="429" customWidth="1"/>
    <col min="5402" max="5403" width="8.875" style="429" customWidth="1"/>
    <col min="5404" max="5633" width="9" style="429"/>
    <col min="5634" max="5634" width="16.25" style="429" customWidth="1"/>
    <col min="5635" max="5638" width="9.625" style="429" customWidth="1"/>
    <col min="5639" max="5639" width="7.625" style="429" customWidth="1"/>
    <col min="5640" max="5643" width="9.625" style="429" customWidth="1"/>
    <col min="5644" max="5644" width="7.625" style="429" customWidth="1"/>
    <col min="5645" max="5645" width="9.625" style="429" customWidth="1"/>
    <col min="5646" max="5646" width="39.625" style="429" customWidth="1"/>
    <col min="5647" max="5648" width="8.625" style="429" customWidth="1"/>
    <col min="5649" max="5649" width="0" style="429" hidden="1" customWidth="1"/>
    <col min="5650" max="5653" width="7.625" style="429" customWidth="1"/>
    <col min="5654" max="5655" width="8.625" style="429" customWidth="1"/>
    <col min="5656" max="5656" width="8.75" style="429" customWidth="1"/>
    <col min="5657" max="5657" width="8.625" style="429" customWidth="1"/>
    <col min="5658" max="5659" width="8.875" style="429" customWidth="1"/>
    <col min="5660" max="5889" width="9" style="429"/>
    <col min="5890" max="5890" width="16.25" style="429" customWidth="1"/>
    <col min="5891" max="5894" width="9.625" style="429" customWidth="1"/>
    <col min="5895" max="5895" width="7.625" style="429" customWidth="1"/>
    <col min="5896" max="5899" width="9.625" style="429" customWidth="1"/>
    <col min="5900" max="5900" width="7.625" style="429" customWidth="1"/>
    <col min="5901" max="5901" width="9.625" style="429" customWidth="1"/>
    <col min="5902" max="5902" width="39.625" style="429" customWidth="1"/>
    <col min="5903" max="5904" width="8.625" style="429" customWidth="1"/>
    <col min="5905" max="5905" width="0" style="429" hidden="1" customWidth="1"/>
    <col min="5906" max="5909" width="7.625" style="429" customWidth="1"/>
    <col min="5910" max="5911" width="8.625" style="429" customWidth="1"/>
    <col min="5912" max="5912" width="8.75" style="429" customWidth="1"/>
    <col min="5913" max="5913" width="8.625" style="429" customWidth="1"/>
    <col min="5914" max="5915" width="8.875" style="429" customWidth="1"/>
    <col min="5916" max="6145" width="9" style="429"/>
    <col min="6146" max="6146" width="16.25" style="429" customWidth="1"/>
    <col min="6147" max="6150" width="9.625" style="429" customWidth="1"/>
    <col min="6151" max="6151" width="7.625" style="429" customWidth="1"/>
    <col min="6152" max="6155" width="9.625" style="429" customWidth="1"/>
    <col min="6156" max="6156" width="7.625" style="429" customWidth="1"/>
    <col min="6157" max="6157" width="9.625" style="429" customWidth="1"/>
    <col min="6158" max="6158" width="39.625" style="429" customWidth="1"/>
    <col min="6159" max="6160" width="8.625" style="429" customWidth="1"/>
    <col min="6161" max="6161" width="0" style="429" hidden="1" customWidth="1"/>
    <col min="6162" max="6165" width="7.625" style="429" customWidth="1"/>
    <col min="6166" max="6167" width="8.625" style="429" customWidth="1"/>
    <col min="6168" max="6168" width="8.75" style="429" customWidth="1"/>
    <col min="6169" max="6169" width="8.625" style="429" customWidth="1"/>
    <col min="6170" max="6171" width="8.875" style="429" customWidth="1"/>
    <col min="6172" max="6401" width="9" style="429"/>
    <col min="6402" max="6402" width="16.25" style="429" customWidth="1"/>
    <col min="6403" max="6406" width="9.625" style="429" customWidth="1"/>
    <col min="6407" max="6407" width="7.625" style="429" customWidth="1"/>
    <col min="6408" max="6411" width="9.625" style="429" customWidth="1"/>
    <col min="6412" max="6412" width="7.625" style="429" customWidth="1"/>
    <col min="6413" max="6413" width="9.625" style="429" customWidth="1"/>
    <col min="6414" max="6414" width="39.625" style="429" customWidth="1"/>
    <col min="6415" max="6416" width="8.625" style="429" customWidth="1"/>
    <col min="6417" max="6417" width="0" style="429" hidden="1" customWidth="1"/>
    <col min="6418" max="6421" width="7.625" style="429" customWidth="1"/>
    <col min="6422" max="6423" width="8.625" style="429" customWidth="1"/>
    <col min="6424" max="6424" width="8.75" style="429" customWidth="1"/>
    <col min="6425" max="6425" width="8.625" style="429" customWidth="1"/>
    <col min="6426" max="6427" width="8.875" style="429" customWidth="1"/>
    <col min="6428" max="6657" width="9" style="429"/>
    <col min="6658" max="6658" width="16.25" style="429" customWidth="1"/>
    <col min="6659" max="6662" width="9.625" style="429" customWidth="1"/>
    <col min="6663" max="6663" width="7.625" style="429" customWidth="1"/>
    <col min="6664" max="6667" width="9.625" style="429" customWidth="1"/>
    <col min="6668" max="6668" width="7.625" style="429" customWidth="1"/>
    <col min="6669" max="6669" width="9.625" style="429" customWidth="1"/>
    <col min="6670" max="6670" width="39.625" style="429" customWidth="1"/>
    <col min="6671" max="6672" width="8.625" style="429" customWidth="1"/>
    <col min="6673" max="6673" width="0" style="429" hidden="1" customWidth="1"/>
    <col min="6674" max="6677" width="7.625" style="429" customWidth="1"/>
    <col min="6678" max="6679" width="8.625" style="429" customWidth="1"/>
    <col min="6680" max="6680" width="8.75" style="429" customWidth="1"/>
    <col min="6681" max="6681" width="8.625" style="429" customWidth="1"/>
    <col min="6682" max="6683" width="8.875" style="429" customWidth="1"/>
    <col min="6684" max="6913" width="9" style="429"/>
    <col min="6914" max="6914" width="16.25" style="429" customWidth="1"/>
    <col min="6915" max="6918" width="9.625" style="429" customWidth="1"/>
    <col min="6919" max="6919" width="7.625" style="429" customWidth="1"/>
    <col min="6920" max="6923" width="9.625" style="429" customWidth="1"/>
    <col min="6924" max="6924" width="7.625" style="429" customWidth="1"/>
    <col min="6925" max="6925" width="9.625" style="429" customWidth="1"/>
    <col min="6926" max="6926" width="39.625" style="429" customWidth="1"/>
    <col min="6927" max="6928" width="8.625" style="429" customWidth="1"/>
    <col min="6929" max="6929" width="0" style="429" hidden="1" customWidth="1"/>
    <col min="6930" max="6933" width="7.625" style="429" customWidth="1"/>
    <col min="6934" max="6935" width="8.625" style="429" customWidth="1"/>
    <col min="6936" max="6936" width="8.75" style="429" customWidth="1"/>
    <col min="6937" max="6937" width="8.625" style="429" customWidth="1"/>
    <col min="6938" max="6939" width="8.875" style="429" customWidth="1"/>
    <col min="6940" max="7169" width="9" style="429"/>
    <col min="7170" max="7170" width="16.25" style="429" customWidth="1"/>
    <col min="7171" max="7174" width="9.625" style="429" customWidth="1"/>
    <col min="7175" max="7175" width="7.625" style="429" customWidth="1"/>
    <col min="7176" max="7179" width="9.625" style="429" customWidth="1"/>
    <col min="7180" max="7180" width="7.625" style="429" customWidth="1"/>
    <col min="7181" max="7181" width="9.625" style="429" customWidth="1"/>
    <col min="7182" max="7182" width="39.625" style="429" customWidth="1"/>
    <col min="7183" max="7184" width="8.625" style="429" customWidth="1"/>
    <col min="7185" max="7185" width="0" style="429" hidden="1" customWidth="1"/>
    <col min="7186" max="7189" width="7.625" style="429" customWidth="1"/>
    <col min="7190" max="7191" width="8.625" style="429" customWidth="1"/>
    <col min="7192" max="7192" width="8.75" style="429" customWidth="1"/>
    <col min="7193" max="7193" width="8.625" style="429" customWidth="1"/>
    <col min="7194" max="7195" width="8.875" style="429" customWidth="1"/>
    <col min="7196" max="7425" width="9" style="429"/>
    <col min="7426" max="7426" width="16.25" style="429" customWidth="1"/>
    <col min="7427" max="7430" width="9.625" style="429" customWidth="1"/>
    <col min="7431" max="7431" width="7.625" style="429" customWidth="1"/>
    <col min="7432" max="7435" width="9.625" style="429" customWidth="1"/>
    <col min="7436" max="7436" width="7.625" style="429" customWidth="1"/>
    <col min="7437" max="7437" width="9.625" style="429" customWidth="1"/>
    <col min="7438" max="7438" width="39.625" style="429" customWidth="1"/>
    <col min="7439" max="7440" width="8.625" style="429" customWidth="1"/>
    <col min="7441" max="7441" width="0" style="429" hidden="1" customWidth="1"/>
    <col min="7442" max="7445" width="7.625" style="429" customWidth="1"/>
    <col min="7446" max="7447" width="8.625" style="429" customWidth="1"/>
    <col min="7448" max="7448" width="8.75" style="429" customWidth="1"/>
    <col min="7449" max="7449" width="8.625" style="429" customWidth="1"/>
    <col min="7450" max="7451" width="8.875" style="429" customWidth="1"/>
    <col min="7452" max="7681" width="9" style="429"/>
    <col min="7682" max="7682" width="16.25" style="429" customWidth="1"/>
    <col min="7683" max="7686" width="9.625" style="429" customWidth="1"/>
    <col min="7687" max="7687" width="7.625" style="429" customWidth="1"/>
    <col min="7688" max="7691" width="9.625" style="429" customWidth="1"/>
    <col min="7692" max="7692" width="7.625" style="429" customWidth="1"/>
    <col min="7693" max="7693" width="9.625" style="429" customWidth="1"/>
    <col min="7694" max="7694" width="39.625" style="429" customWidth="1"/>
    <col min="7695" max="7696" width="8.625" style="429" customWidth="1"/>
    <col min="7697" max="7697" width="0" style="429" hidden="1" customWidth="1"/>
    <col min="7698" max="7701" width="7.625" style="429" customWidth="1"/>
    <col min="7702" max="7703" width="8.625" style="429" customWidth="1"/>
    <col min="7704" max="7704" width="8.75" style="429" customWidth="1"/>
    <col min="7705" max="7705" width="8.625" style="429" customWidth="1"/>
    <col min="7706" max="7707" width="8.875" style="429" customWidth="1"/>
    <col min="7708" max="7937" width="9" style="429"/>
    <col min="7938" max="7938" width="16.25" style="429" customWidth="1"/>
    <col min="7939" max="7942" width="9.625" style="429" customWidth="1"/>
    <col min="7943" max="7943" width="7.625" style="429" customWidth="1"/>
    <col min="7944" max="7947" width="9.625" style="429" customWidth="1"/>
    <col min="7948" max="7948" width="7.625" style="429" customWidth="1"/>
    <col min="7949" max="7949" width="9.625" style="429" customWidth="1"/>
    <col min="7950" max="7950" width="39.625" style="429" customWidth="1"/>
    <col min="7951" max="7952" width="8.625" style="429" customWidth="1"/>
    <col min="7953" max="7953" width="0" style="429" hidden="1" customWidth="1"/>
    <col min="7954" max="7957" width="7.625" style="429" customWidth="1"/>
    <col min="7958" max="7959" width="8.625" style="429" customWidth="1"/>
    <col min="7960" max="7960" width="8.75" style="429" customWidth="1"/>
    <col min="7961" max="7961" width="8.625" style="429" customWidth="1"/>
    <col min="7962" max="7963" width="8.875" style="429" customWidth="1"/>
    <col min="7964" max="8193" width="9" style="429"/>
    <col min="8194" max="8194" width="16.25" style="429" customWidth="1"/>
    <col min="8195" max="8198" width="9.625" style="429" customWidth="1"/>
    <col min="8199" max="8199" width="7.625" style="429" customWidth="1"/>
    <col min="8200" max="8203" width="9.625" style="429" customWidth="1"/>
    <col min="8204" max="8204" width="7.625" style="429" customWidth="1"/>
    <col min="8205" max="8205" width="9.625" style="429" customWidth="1"/>
    <col min="8206" max="8206" width="39.625" style="429" customWidth="1"/>
    <col min="8207" max="8208" width="8.625" style="429" customWidth="1"/>
    <col min="8209" max="8209" width="0" style="429" hidden="1" customWidth="1"/>
    <col min="8210" max="8213" width="7.625" style="429" customWidth="1"/>
    <col min="8214" max="8215" width="8.625" style="429" customWidth="1"/>
    <col min="8216" max="8216" width="8.75" style="429" customWidth="1"/>
    <col min="8217" max="8217" width="8.625" style="429" customWidth="1"/>
    <col min="8218" max="8219" width="8.875" style="429" customWidth="1"/>
    <col min="8220" max="8449" width="9" style="429"/>
    <col min="8450" max="8450" width="16.25" style="429" customWidth="1"/>
    <col min="8451" max="8454" width="9.625" style="429" customWidth="1"/>
    <col min="8455" max="8455" width="7.625" style="429" customWidth="1"/>
    <col min="8456" max="8459" width="9.625" style="429" customWidth="1"/>
    <col min="8460" max="8460" width="7.625" style="429" customWidth="1"/>
    <col min="8461" max="8461" width="9.625" style="429" customWidth="1"/>
    <col min="8462" max="8462" width="39.625" style="429" customWidth="1"/>
    <col min="8463" max="8464" width="8.625" style="429" customWidth="1"/>
    <col min="8465" max="8465" width="0" style="429" hidden="1" customWidth="1"/>
    <col min="8466" max="8469" width="7.625" style="429" customWidth="1"/>
    <col min="8470" max="8471" width="8.625" style="429" customWidth="1"/>
    <col min="8472" max="8472" width="8.75" style="429" customWidth="1"/>
    <col min="8473" max="8473" width="8.625" style="429" customWidth="1"/>
    <col min="8474" max="8475" width="8.875" style="429" customWidth="1"/>
    <col min="8476" max="8705" width="9" style="429"/>
    <col min="8706" max="8706" width="16.25" style="429" customWidth="1"/>
    <col min="8707" max="8710" width="9.625" style="429" customWidth="1"/>
    <col min="8711" max="8711" width="7.625" style="429" customWidth="1"/>
    <col min="8712" max="8715" width="9.625" style="429" customWidth="1"/>
    <col min="8716" max="8716" width="7.625" style="429" customWidth="1"/>
    <col min="8717" max="8717" width="9.625" style="429" customWidth="1"/>
    <col min="8718" max="8718" width="39.625" style="429" customWidth="1"/>
    <col min="8719" max="8720" width="8.625" style="429" customWidth="1"/>
    <col min="8721" max="8721" width="0" style="429" hidden="1" customWidth="1"/>
    <col min="8722" max="8725" width="7.625" style="429" customWidth="1"/>
    <col min="8726" max="8727" width="8.625" style="429" customWidth="1"/>
    <col min="8728" max="8728" width="8.75" style="429" customWidth="1"/>
    <col min="8729" max="8729" width="8.625" style="429" customWidth="1"/>
    <col min="8730" max="8731" width="8.875" style="429" customWidth="1"/>
    <col min="8732" max="8961" width="9" style="429"/>
    <col min="8962" max="8962" width="16.25" style="429" customWidth="1"/>
    <col min="8963" max="8966" width="9.625" style="429" customWidth="1"/>
    <col min="8967" max="8967" width="7.625" style="429" customWidth="1"/>
    <col min="8968" max="8971" width="9.625" style="429" customWidth="1"/>
    <col min="8972" max="8972" width="7.625" style="429" customWidth="1"/>
    <col min="8973" max="8973" width="9.625" style="429" customWidth="1"/>
    <col min="8974" max="8974" width="39.625" style="429" customWidth="1"/>
    <col min="8975" max="8976" width="8.625" style="429" customWidth="1"/>
    <col min="8977" max="8977" width="0" style="429" hidden="1" customWidth="1"/>
    <col min="8978" max="8981" width="7.625" style="429" customWidth="1"/>
    <col min="8982" max="8983" width="8.625" style="429" customWidth="1"/>
    <col min="8984" max="8984" width="8.75" style="429" customWidth="1"/>
    <col min="8985" max="8985" width="8.625" style="429" customWidth="1"/>
    <col min="8986" max="8987" width="8.875" style="429" customWidth="1"/>
    <col min="8988" max="9217" width="9" style="429"/>
    <col min="9218" max="9218" width="16.25" style="429" customWidth="1"/>
    <col min="9219" max="9222" width="9.625" style="429" customWidth="1"/>
    <col min="9223" max="9223" width="7.625" style="429" customWidth="1"/>
    <col min="9224" max="9227" width="9.625" style="429" customWidth="1"/>
    <col min="9228" max="9228" width="7.625" style="429" customWidth="1"/>
    <col min="9229" max="9229" width="9.625" style="429" customWidth="1"/>
    <col min="9230" max="9230" width="39.625" style="429" customWidth="1"/>
    <col min="9231" max="9232" width="8.625" style="429" customWidth="1"/>
    <col min="9233" max="9233" width="0" style="429" hidden="1" customWidth="1"/>
    <col min="9234" max="9237" width="7.625" style="429" customWidth="1"/>
    <col min="9238" max="9239" width="8.625" style="429" customWidth="1"/>
    <col min="9240" max="9240" width="8.75" style="429" customWidth="1"/>
    <col min="9241" max="9241" width="8.625" style="429" customWidth="1"/>
    <col min="9242" max="9243" width="8.875" style="429" customWidth="1"/>
    <col min="9244" max="9473" width="9" style="429"/>
    <col min="9474" max="9474" width="16.25" style="429" customWidth="1"/>
    <col min="9475" max="9478" width="9.625" style="429" customWidth="1"/>
    <col min="9479" max="9479" width="7.625" style="429" customWidth="1"/>
    <col min="9480" max="9483" width="9.625" style="429" customWidth="1"/>
    <col min="9484" max="9484" width="7.625" style="429" customWidth="1"/>
    <col min="9485" max="9485" width="9.625" style="429" customWidth="1"/>
    <col min="9486" max="9486" width="39.625" style="429" customWidth="1"/>
    <col min="9487" max="9488" width="8.625" style="429" customWidth="1"/>
    <col min="9489" max="9489" width="0" style="429" hidden="1" customWidth="1"/>
    <col min="9490" max="9493" width="7.625" style="429" customWidth="1"/>
    <col min="9494" max="9495" width="8.625" style="429" customWidth="1"/>
    <col min="9496" max="9496" width="8.75" style="429" customWidth="1"/>
    <col min="9497" max="9497" width="8.625" style="429" customWidth="1"/>
    <col min="9498" max="9499" width="8.875" style="429" customWidth="1"/>
    <col min="9500" max="9729" width="9" style="429"/>
    <col min="9730" max="9730" width="16.25" style="429" customWidth="1"/>
    <col min="9731" max="9734" width="9.625" style="429" customWidth="1"/>
    <col min="9735" max="9735" width="7.625" style="429" customWidth="1"/>
    <col min="9736" max="9739" width="9.625" style="429" customWidth="1"/>
    <col min="9740" max="9740" width="7.625" style="429" customWidth="1"/>
    <col min="9741" max="9741" width="9.625" style="429" customWidth="1"/>
    <col min="9742" max="9742" width="39.625" style="429" customWidth="1"/>
    <col min="9743" max="9744" width="8.625" style="429" customWidth="1"/>
    <col min="9745" max="9745" width="0" style="429" hidden="1" customWidth="1"/>
    <col min="9746" max="9749" width="7.625" style="429" customWidth="1"/>
    <col min="9750" max="9751" width="8.625" style="429" customWidth="1"/>
    <col min="9752" max="9752" width="8.75" style="429" customWidth="1"/>
    <col min="9753" max="9753" width="8.625" style="429" customWidth="1"/>
    <col min="9754" max="9755" width="8.875" style="429" customWidth="1"/>
    <col min="9756" max="9985" width="9" style="429"/>
    <col min="9986" max="9986" width="16.25" style="429" customWidth="1"/>
    <col min="9987" max="9990" width="9.625" style="429" customWidth="1"/>
    <col min="9991" max="9991" width="7.625" style="429" customWidth="1"/>
    <col min="9992" max="9995" width="9.625" style="429" customWidth="1"/>
    <col min="9996" max="9996" width="7.625" style="429" customWidth="1"/>
    <col min="9997" max="9997" width="9.625" style="429" customWidth="1"/>
    <col min="9998" max="9998" width="39.625" style="429" customWidth="1"/>
    <col min="9999" max="10000" width="8.625" style="429" customWidth="1"/>
    <col min="10001" max="10001" width="0" style="429" hidden="1" customWidth="1"/>
    <col min="10002" max="10005" width="7.625" style="429" customWidth="1"/>
    <col min="10006" max="10007" width="8.625" style="429" customWidth="1"/>
    <col min="10008" max="10008" width="8.75" style="429" customWidth="1"/>
    <col min="10009" max="10009" width="8.625" style="429" customWidth="1"/>
    <col min="10010" max="10011" width="8.875" style="429" customWidth="1"/>
    <col min="10012" max="10241" width="9" style="429"/>
    <col min="10242" max="10242" width="16.25" style="429" customWidth="1"/>
    <col min="10243" max="10246" width="9.625" style="429" customWidth="1"/>
    <col min="10247" max="10247" width="7.625" style="429" customWidth="1"/>
    <col min="10248" max="10251" width="9.625" style="429" customWidth="1"/>
    <col min="10252" max="10252" width="7.625" style="429" customWidth="1"/>
    <col min="10253" max="10253" width="9.625" style="429" customWidth="1"/>
    <col min="10254" max="10254" width="39.625" style="429" customWidth="1"/>
    <col min="10255" max="10256" width="8.625" style="429" customWidth="1"/>
    <col min="10257" max="10257" width="0" style="429" hidden="1" customWidth="1"/>
    <col min="10258" max="10261" width="7.625" style="429" customWidth="1"/>
    <col min="10262" max="10263" width="8.625" style="429" customWidth="1"/>
    <col min="10264" max="10264" width="8.75" style="429" customWidth="1"/>
    <col min="10265" max="10265" width="8.625" style="429" customWidth="1"/>
    <col min="10266" max="10267" width="8.875" style="429" customWidth="1"/>
    <col min="10268" max="10497" width="9" style="429"/>
    <col min="10498" max="10498" width="16.25" style="429" customWidth="1"/>
    <col min="10499" max="10502" width="9.625" style="429" customWidth="1"/>
    <col min="10503" max="10503" width="7.625" style="429" customWidth="1"/>
    <col min="10504" max="10507" width="9.625" style="429" customWidth="1"/>
    <col min="10508" max="10508" width="7.625" style="429" customWidth="1"/>
    <col min="10509" max="10509" width="9.625" style="429" customWidth="1"/>
    <col min="10510" max="10510" width="39.625" style="429" customWidth="1"/>
    <col min="10511" max="10512" width="8.625" style="429" customWidth="1"/>
    <col min="10513" max="10513" width="0" style="429" hidden="1" customWidth="1"/>
    <col min="10514" max="10517" width="7.625" style="429" customWidth="1"/>
    <col min="10518" max="10519" width="8.625" style="429" customWidth="1"/>
    <col min="10520" max="10520" width="8.75" style="429" customWidth="1"/>
    <col min="10521" max="10521" width="8.625" style="429" customWidth="1"/>
    <col min="10522" max="10523" width="8.875" style="429" customWidth="1"/>
    <col min="10524" max="10753" width="9" style="429"/>
    <col min="10754" max="10754" width="16.25" style="429" customWidth="1"/>
    <col min="10755" max="10758" width="9.625" style="429" customWidth="1"/>
    <col min="10759" max="10759" width="7.625" style="429" customWidth="1"/>
    <col min="10760" max="10763" width="9.625" style="429" customWidth="1"/>
    <col min="10764" max="10764" width="7.625" style="429" customWidth="1"/>
    <col min="10765" max="10765" width="9.625" style="429" customWidth="1"/>
    <col min="10766" max="10766" width="39.625" style="429" customWidth="1"/>
    <col min="10767" max="10768" width="8.625" style="429" customWidth="1"/>
    <col min="10769" max="10769" width="0" style="429" hidden="1" customWidth="1"/>
    <col min="10770" max="10773" width="7.625" style="429" customWidth="1"/>
    <col min="10774" max="10775" width="8.625" style="429" customWidth="1"/>
    <col min="10776" max="10776" width="8.75" style="429" customWidth="1"/>
    <col min="10777" max="10777" width="8.625" style="429" customWidth="1"/>
    <col min="10778" max="10779" width="8.875" style="429" customWidth="1"/>
    <col min="10780" max="11009" width="9" style="429"/>
    <col min="11010" max="11010" width="16.25" style="429" customWidth="1"/>
    <col min="11011" max="11014" width="9.625" style="429" customWidth="1"/>
    <col min="11015" max="11015" width="7.625" style="429" customWidth="1"/>
    <col min="11016" max="11019" width="9.625" style="429" customWidth="1"/>
    <col min="11020" max="11020" width="7.625" style="429" customWidth="1"/>
    <col min="11021" max="11021" width="9.625" style="429" customWidth="1"/>
    <col min="11022" max="11022" width="39.625" style="429" customWidth="1"/>
    <col min="11023" max="11024" width="8.625" style="429" customWidth="1"/>
    <col min="11025" max="11025" width="0" style="429" hidden="1" customWidth="1"/>
    <col min="11026" max="11029" width="7.625" style="429" customWidth="1"/>
    <col min="11030" max="11031" width="8.625" style="429" customWidth="1"/>
    <col min="11032" max="11032" width="8.75" style="429" customWidth="1"/>
    <col min="11033" max="11033" width="8.625" style="429" customWidth="1"/>
    <col min="11034" max="11035" width="8.875" style="429" customWidth="1"/>
    <col min="11036" max="11265" width="9" style="429"/>
    <col min="11266" max="11266" width="16.25" style="429" customWidth="1"/>
    <col min="11267" max="11270" width="9.625" style="429" customWidth="1"/>
    <col min="11271" max="11271" width="7.625" style="429" customWidth="1"/>
    <col min="11272" max="11275" width="9.625" style="429" customWidth="1"/>
    <col min="11276" max="11276" width="7.625" style="429" customWidth="1"/>
    <col min="11277" max="11277" width="9.625" style="429" customWidth="1"/>
    <col min="11278" max="11278" width="39.625" style="429" customWidth="1"/>
    <col min="11279" max="11280" width="8.625" style="429" customWidth="1"/>
    <col min="11281" max="11281" width="0" style="429" hidden="1" customWidth="1"/>
    <col min="11282" max="11285" width="7.625" style="429" customWidth="1"/>
    <col min="11286" max="11287" width="8.625" style="429" customWidth="1"/>
    <col min="11288" max="11288" width="8.75" style="429" customWidth="1"/>
    <col min="11289" max="11289" width="8.625" style="429" customWidth="1"/>
    <col min="11290" max="11291" width="8.875" style="429" customWidth="1"/>
    <col min="11292" max="11521" width="9" style="429"/>
    <col min="11522" max="11522" width="16.25" style="429" customWidth="1"/>
    <col min="11523" max="11526" width="9.625" style="429" customWidth="1"/>
    <col min="11527" max="11527" width="7.625" style="429" customWidth="1"/>
    <col min="11528" max="11531" width="9.625" style="429" customWidth="1"/>
    <col min="11532" max="11532" width="7.625" style="429" customWidth="1"/>
    <col min="11533" max="11533" width="9.625" style="429" customWidth="1"/>
    <col min="11534" max="11534" width="39.625" style="429" customWidth="1"/>
    <col min="11535" max="11536" width="8.625" style="429" customWidth="1"/>
    <col min="11537" max="11537" width="0" style="429" hidden="1" customWidth="1"/>
    <col min="11538" max="11541" width="7.625" style="429" customWidth="1"/>
    <col min="11542" max="11543" width="8.625" style="429" customWidth="1"/>
    <col min="11544" max="11544" width="8.75" style="429" customWidth="1"/>
    <col min="11545" max="11545" width="8.625" style="429" customWidth="1"/>
    <col min="11546" max="11547" width="8.875" style="429" customWidth="1"/>
    <col min="11548" max="11777" width="9" style="429"/>
    <col min="11778" max="11778" width="16.25" style="429" customWidth="1"/>
    <col min="11779" max="11782" width="9.625" style="429" customWidth="1"/>
    <col min="11783" max="11783" width="7.625" style="429" customWidth="1"/>
    <col min="11784" max="11787" width="9.625" style="429" customWidth="1"/>
    <col min="11788" max="11788" width="7.625" style="429" customWidth="1"/>
    <col min="11789" max="11789" width="9.625" style="429" customWidth="1"/>
    <col min="11790" max="11790" width="39.625" style="429" customWidth="1"/>
    <col min="11791" max="11792" width="8.625" style="429" customWidth="1"/>
    <col min="11793" max="11793" width="0" style="429" hidden="1" customWidth="1"/>
    <col min="11794" max="11797" width="7.625" style="429" customWidth="1"/>
    <col min="11798" max="11799" width="8.625" style="429" customWidth="1"/>
    <col min="11800" max="11800" width="8.75" style="429" customWidth="1"/>
    <col min="11801" max="11801" width="8.625" style="429" customWidth="1"/>
    <col min="11802" max="11803" width="8.875" style="429" customWidth="1"/>
    <col min="11804" max="12033" width="9" style="429"/>
    <col min="12034" max="12034" width="16.25" style="429" customWidth="1"/>
    <col min="12035" max="12038" width="9.625" style="429" customWidth="1"/>
    <col min="12039" max="12039" width="7.625" style="429" customWidth="1"/>
    <col min="12040" max="12043" width="9.625" style="429" customWidth="1"/>
    <col min="12044" max="12044" width="7.625" style="429" customWidth="1"/>
    <col min="12045" max="12045" width="9.625" style="429" customWidth="1"/>
    <col min="12046" max="12046" width="39.625" style="429" customWidth="1"/>
    <col min="12047" max="12048" width="8.625" style="429" customWidth="1"/>
    <col min="12049" max="12049" width="0" style="429" hidden="1" customWidth="1"/>
    <col min="12050" max="12053" width="7.625" style="429" customWidth="1"/>
    <col min="12054" max="12055" width="8.625" style="429" customWidth="1"/>
    <col min="12056" max="12056" width="8.75" style="429" customWidth="1"/>
    <col min="12057" max="12057" width="8.625" style="429" customWidth="1"/>
    <col min="12058" max="12059" width="8.875" style="429" customWidth="1"/>
    <col min="12060" max="12289" width="9" style="429"/>
    <col min="12290" max="12290" width="16.25" style="429" customWidth="1"/>
    <col min="12291" max="12294" width="9.625" style="429" customWidth="1"/>
    <col min="12295" max="12295" width="7.625" style="429" customWidth="1"/>
    <col min="12296" max="12299" width="9.625" style="429" customWidth="1"/>
    <col min="12300" max="12300" width="7.625" style="429" customWidth="1"/>
    <col min="12301" max="12301" width="9.625" style="429" customWidth="1"/>
    <col min="12302" max="12302" width="39.625" style="429" customWidth="1"/>
    <col min="12303" max="12304" width="8.625" style="429" customWidth="1"/>
    <col min="12305" max="12305" width="0" style="429" hidden="1" customWidth="1"/>
    <col min="12306" max="12309" width="7.625" style="429" customWidth="1"/>
    <col min="12310" max="12311" width="8.625" style="429" customWidth="1"/>
    <col min="12312" max="12312" width="8.75" style="429" customWidth="1"/>
    <col min="12313" max="12313" width="8.625" style="429" customWidth="1"/>
    <col min="12314" max="12315" width="8.875" style="429" customWidth="1"/>
    <col min="12316" max="12545" width="9" style="429"/>
    <col min="12546" max="12546" width="16.25" style="429" customWidth="1"/>
    <col min="12547" max="12550" width="9.625" style="429" customWidth="1"/>
    <col min="12551" max="12551" width="7.625" style="429" customWidth="1"/>
    <col min="12552" max="12555" width="9.625" style="429" customWidth="1"/>
    <col min="12556" max="12556" width="7.625" style="429" customWidth="1"/>
    <col min="12557" max="12557" width="9.625" style="429" customWidth="1"/>
    <col min="12558" max="12558" width="39.625" style="429" customWidth="1"/>
    <col min="12559" max="12560" width="8.625" style="429" customWidth="1"/>
    <col min="12561" max="12561" width="0" style="429" hidden="1" customWidth="1"/>
    <col min="12562" max="12565" width="7.625" style="429" customWidth="1"/>
    <col min="12566" max="12567" width="8.625" style="429" customWidth="1"/>
    <col min="12568" max="12568" width="8.75" style="429" customWidth="1"/>
    <col min="12569" max="12569" width="8.625" style="429" customWidth="1"/>
    <col min="12570" max="12571" width="8.875" style="429" customWidth="1"/>
    <col min="12572" max="12801" width="9" style="429"/>
    <col min="12802" max="12802" width="16.25" style="429" customWidth="1"/>
    <col min="12803" max="12806" width="9.625" style="429" customWidth="1"/>
    <col min="12807" max="12807" width="7.625" style="429" customWidth="1"/>
    <col min="12808" max="12811" width="9.625" style="429" customWidth="1"/>
    <col min="12812" max="12812" width="7.625" style="429" customWidth="1"/>
    <col min="12813" max="12813" width="9.625" style="429" customWidth="1"/>
    <col min="12814" max="12814" width="39.625" style="429" customWidth="1"/>
    <col min="12815" max="12816" width="8.625" style="429" customWidth="1"/>
    <col min="12817" max="12817" width="0" style="429" hidden="1" customWidth="1"/>
    <col min="12818" max="12821" width="7.625" style="429" customWidth="1"/>
    <col min="12822" max="12823" width="8.625" style="429" customWidth="1"/>
    <col min="12824" max="12824" width="8.75" style="429" customWidth="1"/>
    <col min="12825" max="12825" width="8.625" style="429" customWidth="1"/>
    <col min="12826" max="12827" width="8.875" style="429" customWidth="1"/>
    <col min="12828" max="13057" width="9" style="429"/>
    <col min="13058" max="13058" width="16.25" style="429" customWidth="1"/>
    <col min="13059" max="13062" width="9.625" style="429" customWidth="1"/>
    <col min="13063" max="13063" width="7.625" style="429" customWidth="1"/>
    <col min="13064" max="13067" width="9.625" style="429" customWidth="1"/>
    <col min="13068" max="13068" width="7.625" style="429" customWidth="1"/>
    <col min="13069" max="13069" width="9.625" style="429" customWidth="1"/>
    <col min="13070" max="13070" width="39.625" style="429" customWidth="1"/>
    <col min="13071" max="13072" width="8.625" style="429" customWidth="1"/>
    <col min="13073" max="13073" width="0" style="429" hidden="1" customWidth="1"/>
    <col min="13074" max="13077" width="7.625" style="429" customWidth="1"/>
    <col min="13078" max="13079" width="8.625" style="429" customWidth="1"/>
    <col min="13080" max="13080" width="8.75" style="429" customWidth="1"/>
    <col min="13081" max="13081" width="8.625" style="429" customWidth="1"/>
    <col min="13082" max="13083" width="8.875" style="429" customWidth="1"/>
    <col min="13084" max="13313" width="9" style="429"/>
    <col min="13314" max="13314" width="16.25" style="429" customWidth="1"/>
    <col min="13315" max="13318" width="9.625" style="429" customWidth="1"/>
    <col min="13319" max="13319" width="7.625" style="429" customWidth="1"/>
    <col min="13320" max="13323" width="9.625" style="429" customWidth="1"/>
    <col min="13324" max="13324" width="7.625" style="429" customWidth="1"/>
    <col min="13325" max="13325" width="9.625" style="429" customWidth="1"/>
    <col min="13326" max="13326" width="39.625" style="429" customWidth="1"/>
    <col min="13327" max="13328" width="8.625" style="429" customWidth="1"/>
    <col min="13329" max="13329" width="0" style="429" hidden="1" customWidth="1"/>
    <col min="13330" max="13333" width="7.625" style="429" customWidth="1"/>
    <col min="13334" max="13335" width="8.625" style="429" customWidth="1"/>
    <col min="13336" max="13336" width="8.75" style="429" customWidth="1"/>
    <col min="13337" max="13337" width="8.625" style="429" customWidth="1"/>
    <col min="13338" max="13339" width="8.875" style="429" customWidth="1"/>
    <col min="13340" max="13569" width="9" style="429"/>
    <col min="13570" max="13570" width="16.25" style="429" customWidth="1"/>
    <col min="13571" max="13574" width="9.625" style="429" customWidth="1"/>
    <col min="13575" max="13575" width="7.625" style="429" customWidth="1"/>
    <col min="13576" max="13579" width="9.625" style="429" customWidth="1"/>
    <col min="13580" max="13580" width="7.625" style="429" customWidth="1"/>
    <col min="13581" max="13581" width="9.625" style="429" customWidth="1"/>
    <col min="13582" max="13582" width="39.625" style="429" customWidth="1"/>
    <col min="13583" max="13584" width="8.625" style="429" customWidth="1"/>
    <col min="13585" max="13585" width="0" style="429" hidden="1" customWidth="1"/>
    <col min="13586" max="13589" width="7.625" style="429" customWidth="1"/>
    <col min="13590" max="13591" width="8.625" style="429" customWidth="1"/>
    <col min="13592" max="13592" width="8.75" style="429" customWidth="1"/>
    <col min="13593" max="13593" width="8.625" style="429" customWidth="1"/>
    <col min="13594" max="13595" width="8.875" style="429" customWidth="1"/>
    <col min="13596" max="13825" width="9" style="429"/>
    <col min="13826" max="13826" width="16.25" style="429" customWidth="1"/>
    <col min="13827" max="13830" width="9.625" style="429" customWidth="1"/>
    <col min="13831" max="13831" width="7.625" style="429" customWidth="1"/>
    <col min="13832" max="13835" width="9.625" style="429" customWidth="1"/>
    <col min="13836" max="13836" width="7.625" style="429" customWidth="1"/>
    <col min="13837" max="13837" width="9.625" style="429" customWidth="1"/>
    <col min="13838" max="13838" width="39.625" style="429" customWidth="1"/>
    <col min="13839" max="13840" width="8.625" style="429" customWidth="1"/>
    <col min="13841" max="13841" width="0" style="429" hidden="1" customWidth="1"/>
    <col min="13842" max="13845" width="7.625" style="429" customWidth="1"/>
    <col min="13846" max="13847" width="8.625" style="429" customWidth="1"/>
    <col min="13848" max="13848" width="8.75" style="429" customWidth="1"/>
    <col min="13849" max="13849" width="8.625" style="429" customWidth="1"/>
    <col min="13850" max="13851" width="8.875" style="429" customWidth="1"/>
    <col min="13852" max="14081" width="9" style="429"/>
    <col min="14082" max="14082" width="16.25" style="429" customWidth="1"/>
    <col min="14083" max="14086" width="9.625" style="429" customWidth="1"/>
    <col min="14087" max="14087" width="7.625" style="429" customWidth="1"/>
    <col min="14088" max="14091" width="9.625" style="429" customWidth="1"/>
    <col min="14092" max="14092" width="7.625" style="429" customWidth="1"/>
    <col min="14093" max="14093" width="9.625" style="429" customWidth="1"/>
    <col min="14094" max="14094" width="39.625" style="429" customWidth="1"/>
    <col min="14095" max="14096" width="8.625" style="429" customWidth="1"/>
    <col min="14097" max="14097" width="0" style="429" hidden="1" customWidth="1"/>
    <col min="14098" max="14101" width="7.625" style="429" customWidth="1"/>
    <col min="14102" max="14103" width="8.625" style="429" customWidth="1"/>
    <col min="14104" max="14104" width="8.75" style="429" customWidth="1"/>
    <col min="14105" max="14105" width="8.625" style="429" customWidth="1"/>
    <col min="14106" max="14107" width="8.875" style="429" customWidth="1"/>
    <col min="14108" max="14337" width="9" style="429"/>
    <col min="14338" max="14338" width="16.25" style="429" customWidth="1"/>
    <col min="14339" max="14342" width="9.625" style="429" customWidth="1"/>
    <col min="14343" max="14343" width="7.625" style="429" customWidth="1"/>
    <col min="14344" max="14347" width="9.625" style="429" customWidth="1"/>
    <col min="14348" max="14348" width="7.625" style="429" customWidth="1"/>
    <col min="14349" max="14349" width="9.625" style="429" customWidth="1"/>
    <col min="14350" max="14350" width="39.625" style="429" customWidth="1"/>
    <col min="14351" max="14352" width="8.625" style="429" customWidth="1"/>
    <col min="14353" max="14353" width="0" style="429" hidden="1" customWidth="1"/>
    <col min="14354" max="14357" width="7.625" style="429" customWidth="1"/>
    <col min="14358" max="14359" width="8.625" style="429" customWidth="1"/>
    <col min="14360" max="14360" width="8.75" style="429" customWidth="1"/>
    <col min="14361" max="14361" width="8.625" style="429" customWidth="1"/>
    <col min="14362" max="14363" width="8.875" style="429" customWidth="1"/>
    <col min="14364" max="14593" width="9" style="429"/>
    <col min="14594" max="14594" width="16.25" style="429" customWidth="1"/>
    <col min="14595" max="14598" width="9.625" style="429" customWidth="1"/>
    <col min="14599" max="14599" width="7.625" style="429" customWidth="1"/>
    <col min="14600" max="14603" width="9.625" style="429" customWidth="1"/>
    <col min="14604" max="14604" width="7.625" style="429" customWidth="1"/>
    <col min="14605" max="14605" width="9.625" style="429" customWidth="1"/>
    <col min="14606" max="14606" width="39.625" style="429" customWidth="1"/>
    <col min="14607" max="14608" width="8.625" style="429" customWidth="1"/>
    <col min="14609" max="14609" width="0" style="429" hidden="1" customWidth="1"/>
    <col min="14610" max="14613" width="7.625" style="429" customWidth="1"/>
    <col min="14614" max="14615" width="8.625" style="429" customWidth="1"/>
    <col min="14616" max="14616" width="8.75" style="429" customWidth="1"/>
    <col min="14617" max="14617" width="8.625" style="429" customWidth="1"/>
    <col min="14618" max="14619" width="8.875" style="429" customWidth="1"/>
    <col min="14620" max="14849" width="9" style="429"/>
    <col min="14850" max="14850" width="16.25" style="429" customWidth="1"/>
    <col min="14851" max="14854" width="9.625" style="429" customWidth="1"/>
    <col min="14855" max="14855" width="7.625" style="429" customWidth="1"/>
    <col min="14856" max="14859" width="9.625" style="429" customWidth="1"/>
    <col min="14860" max="14860" width="7.625" style="429" customWidth="1"/>
    <col min="14861" max="14861" width="9.625" style="429" customWidth="1"/>
    <col min="14862" max="14862" width="39.625" style="429" customWidth="1"/>
    <col min="14863" max="14864" width="8.625" style="429" customWidth="1"/>
    <col min="14865" max="14865" width="0" style="429" hidden="1" customWidth="1"/>
    <col min="14866" max="14869" width="7.625" style="429" customWidth="1"/>
    <col min="14870" max="14871" width="8.625" style="429" customWidth="1"/>
    <col min="14872" max="14872" width="8.75" style="429" customWidth="1"/>
    <col min="14873" max="14873" width="8.625" style="429" customWidth="1"/>
    <col min="14874" max="14875" width="8.875" style="429" customWidth="1"/>
    <col min="14876" max="15105" width="9" style="429"/>
    <col min="15106" max="15106" width="16.25" style="429" customWidth="1"/>
    <col min="15107" max="15110" width="9.625" style="429" customWidth="1"/>
    <col min="15111" max="15111" width="7.625" style="429" customWidth="1"/>
    <col min="15112" max="15115" width="9.625" style="429" customWidth="1"/>
    <col min="15116" max="15116" width="7.625" style="429" customWidth="1"/>
    <col min="15117" max="15117" width="9.625" style="429" customWidth="1"/>
    <col min="15118" max="15118" width="39.625" style="429" customWidth="1"/>
    <col min="15119" max="15120" width="8.625" style="429" customWidth="1"/>
    <col min="15121" max="15121" width="0" style="429" hidden="1" customWidth="1"/>
    <col min="15122" max="15125" width="7.625" style="429" customWidth="1"/>
    <col min="15126" max="15127" width="8.625" style="429" customWidth="1"/>
    <col min="15128" max="15128" width="8.75" style="429" customWidth="1"/>
    <col min="15129" max="15129" width="8.625" style="429" customWidth="1"/>
    <col min="15130" max="15131" width="8.875" style="429" customWidth="1"/>
    <col min="15132" max="15361" width="9" style="429"/>
    <col min="15362" max="15362" width="16.25" style="429" customWidth="1"/>
    <col min="15363" max="15366" width="9.625" style="429" customWidth="1"/>
    <col min="15367" max="15367" width="7.625" style="429" customWidth="1"/>
    <col min="15368" max="15371" width="9.625" style="429" customWidth="1"/>
    <col min="15372" max="15372" width="7.625" style="429" customWidth="1"/>
    <col min="15373" max="15373" width="9.625" style="429" customWidth="1"/>
    <col min="15374" max="15374" width="39.625" style="429" customWidth="1"/>
    <col min="15375" max="15376" width="8.625" style="429" customWidth="1"/>
    <col min="15377" max="15377" width="0" style="429" hidden="1" customWidth="1"/>
    <col min="15378" max="15381" width="7.625" style="429" customWidth="1"/>
    <col min="15382" max="15383" width="8.625" style="429" customWidth="1"/>
    <col min="15384" max="15384" width="8.75" style="429" customWidth="1"/>
    <col min="15385" max="15385" width="8.625" style="429" customWidth="1"/>
    <col min="15386" max="15387" width="8.875" style="429" customWidth="1"/>
    <col min="15388" max="15617" width="9" style="429"/>
    <col min="15618" max="15618" width="16.25" style="429" customWidth="1"/>
    <col min="15619" max="15622" width="9.625" style="429" customWidth="1"/>
    <col min="15623" max="15623" width="7.625" style="429" customWidth="1"/>
    <col min="15624" max="15627" width="9.625" style="429" customWidth="1"/>
    <col min="15628" max="15628" width="7.625" style="429" customWidth="1"/>
    <col min="15629" max="15629" width="9.625" style="429" customWidth="1"/>
    <col min="15630" max="15630" width="39.625" style="429" customWidth="1"/>
    <col min="15631" max="15632" width="8.625" style="429" customWidth="1"/>
    <col min="15633" max="15633" width="0" style="429" hidden="1" customWidth="1"/>
    <col min="15634" max="15637" width="7.625" style="429" customWidth="1"/>
    <col min="15638" max="15639" width="8.625" style="429" customWidth="1"/>
    <col min="15640" max="15640" width="8.75" style="429" customWidth="1"/>
    <col min="15641" max="15641" width="8.625" style="429" customWidth="1"/>
    <col min="15642" max="15643" width="8.875" style="429" customWidth="1"/>
    <col min="15644" max="15873" width="9" style="429"/>
    <col min="15874" max="15874" width="16.25" style="429" customWidth="1"/>
    <col min="15875" max="15878" width="9.625" style="429" customWidth="1"/>
    <col min="15879" max="15879" width="7.625" style="429" customWidth="1"/>
    <col min="15880" max="15883" width="9.625" style="429" customWidth="1"/>
    <col min="15884" max="15884" width="7.625" style="429" customWidth="1"/>
    <col min="15885" max="15885" width="9.625" style="429" customWidth="1"/>
    <col min="15886" max="15886" width="39.625" style="429" customWidth="1"/>
    <col min="15887" max="15888" width="8.625" style="429" customWidth="1"/>
    <col min="15889" max="15889" width="0" style="429" hidden="1" customWidth="1"/>
    <col min="15890" max="15893" width="7.625" style="429" customWidth="1"/>
    <col min="15894" max="15895" width="8.625" style="429" customWidth="1"/>
    <col min="15896" max="15896" width="8.75" style="429" customWidth="1"/>
    <col min="15897" max="15897" width="8.625" style="429" customWidth="1"/>
    <col min="15898" max="15899" width="8.875" style="429" customWidth="1"/>
    <col min="15900" max="16129" width="9" style="429"/>
    <col min="16130" max="16130" width="16.25" style="429" customWidth="1"/>
    <col min="16131" max="16134" width="9.625" style="429" customWidth="1"/>
    <col min="16135" max="16135" width="7.625" style="429" customWidth="1"/>
    <col min="16136" max="16139" width="9.625" style="429" customWidth="1"/>
    <col min="16140" max="16140" width="7.625" style="429" customWidth="1"/>
    <col min="16141" max="16141" width="9.625" style="429" customWidth="1"/>
    <col min="16142" max="16142" width="39.625" style="429" customWidth="1"/>
    <col min="16143" max="16144" width="8.625" style="429" customWidth="1"/>
    <col min="16145" max="16145" width="0" style="429" hidden="1" customWidth="1"/>
    <col min="16146" max="16149" width="7.625" style="429" customWidth="1"/>
    <col min="16150" max="16151" width="8.625" style="429" customWidth="1"/>
    <col min="16152" max="16152" width="8.75" style="429" customWidth="1"/>
    <col min="16153" max="16153" width="8.625" style="429" customWidth="1"/>
    <col min="16154" max="16155" width="8.875" style="429" customWidth="1"/>
    <col min="16156" max="16384" width="9" style="429"/>
  </cols>
  <sheetData>
    <row r="1" spans="1:27" ht="15.95" customHeight="1" thickBot="1">
      <c r="A1" s="426" t="s">
        <v>367</v>
      </c>
      <c r="P1" s="428" t="s">
        <v>911</v>
      </c>
      <c r="Q1" s="428"/>
      <c r="T1" s="428"/>
      <c r="U1" s="428"/>
      <c r="V1" s="428"/>
    </row>
    <row r="2" spans="1:27" ht="15" customHeight="1" thickTop="1">
      <c r="A2" s="430"/>
      <c r="B2" s="431"/>
      <c r="C2" s="432" t="s">
        <v>368</v>
      </c>
      <c r="D2" s="433"/>
      <c r="E2" s="434"/>
      <c r="F2" s="435"/>
      <c r="G2" s="434"/>
      <c r="H2" s="432" t="s">
        <v>369</v>
      </c>
      <c r="I2" s="433"/>
      <c r="J2" s="434"/>
      <c r="K2" s="435"/>
      <c r="L2" s="434"/>
      <c r="M2" s="1417" t="s">
        <v>909</v>
      </c>
      <c r="N2" s="1417"/>
      <c r="O2" s="1417"/>
      <c r="P2" s="1418"/>
      <c r="Q2" s="437"/>
      <c r="R2" s="438" t="s">
        <v>370</v>
      </c>
      <c r="S2" s="436"/>
      <c r="T2" s="439"/>
      <c r="U2" s="436"/>
      <c r="V2" s="1158" t="s">
        <v>371</v>
      </c>
      <c r="W2" s="439"/>
      <c r="X2" s="436"/>
      <c r="Y2" s="440"/>
      <c r="Z2" s="441" t="s">
        <v>372</v>
      </c>
      <c r="AA2" s="442" t="s">
        <v>372</v>
      </c>
    </row>
    <row r="3" spans="1:27" s="453" customFormat="1" ht="15" customHeight="1">
      <c r="A3" s="443" t="s">
        <v>373</v>
      </c>
      <c r="B3" s="444" t="s">
        <v>374</v>
      </c>
      <c r="C3" s="445" t="s">
        <v>375</v>
      </c>
      <c r="D3" s="445" t="s">
        <v>376</v>
      </c>
      <c r="E3" s="445" t="s">
        <v>377</v>
      </c>
      <c r="F3" s="446" t="s">
        <v>378</v>
      </c>
      <c r="G3" s="447" t="s">
        <v>238</v>
      </c>
      <c r="H3" s="444" t="s">
        <v>375</v>
      </c>
      <c r="I3" s="445" t="s">
        <v>376</v>
      </c>
      <c r="J3" s="444" t="s">
        <v>377</v>
      </c>
      <c r="K3" s="446" t="s">
        <v>378</v>
      </c>
      <c r="L3" s="1160"/>
      <c r="M3" s="447" t="s">
        <v>374</v>
      </c>
      <c r="N3" s="449" t="s">
        <v>375</v>
      </c>
      <c r="O3" s="450" t="s">
        <v>376</v>
      </c>
      <c r="P3" s="450" t="s">
        <v>377</v>
      </c>
      <c r="Q3" s="446" t="s">
        <v>378</v>
      </c>
      <c r="R3" s="451" t="s">
        <v>379</v>
      </c>
      <c r="S3" s="449" t="s">
        <v>375</v>
      </c>
      <c r="T3" s="446" t="s">
        <v>376</v>
      </c>
      <c r="U3" s="448" t="s">
        <v>377</v>
      </c>
      <c r="V3" s="450" t="s">
        <v>379</v>
      </c>
      <c r="W3" s="450" t="s">
        <v>375</v>
      </c>
      <c r="X3" s="446" t="s">
        <v>376</v>
      </c>
      <c r="Y3" s="446" t="s">
        <v>377</v>
      </c>
      <c r="Z3" s="452" t="s">
        <v>380</v>
      </c>
      <c r="AA3" s="448" t="s">
        <v>381</v>
      </c>
    </row>
    <row r="4" spans="1:27" s="453" customFormat="1" ht="11.25" customHeight="1">
      <c r="A4" s="454"/>
      <c r="B4" s="455" t="s">
        <v>236</v>
      </c>
      <c r="C4" s="455" t="s">
        <v>236</v>
      </c>
      <c r="D4" s="455" t="s">
        <v>236</v>
      </c>
      <c r="E4" s="455" t="s">
        <v>236</v>
      </c>
      <c r="F4" s="455"/>
      <c r="G4" s="456" t="s">
        <v>236</v>
      </c>
      <c r="H4" s="455" t="s">
        <v>236</v>
      </c>
      <c r="I4" s="455" t="s">
        <v>236</v>
      </c>
      <c r="J4" s="455" t="s">
        <v>236</v>
      </c>
      <c r="K4" s="457"/>
      <c r="L4" s="457"/>
      <c r="M4" s="456" t="s">
        <v>236</v>
      </c>
      <c r="N4" s="455" t="s">
        <v>236</v>
      </c>
      <c r="O4" s="455" t="s">
        <v>236</v>
      </c>
      <c r="P4" s="455" t="s">
        <v>236</v>
      </c>
      <c r="Q4" s="455"/>
      <c r="R4" s="456" t="s">
        <v>200</v>
      </c>
      <c r="S4" s="455" t="s">
        <v>200</v>
      </c>
      <c r="T4" s="455" t="s">
        <v>200</v>
      </c>
      <c r="U4" s="457" t="s">
        <v>200</v>
      </c>
      <c r="V4" s="455" t="s">
        <v>200</v>
      </c>
      <c r="W4" s="455" t="s">
        <v>200</v>
      </c>
      <c r="X4" s="455" t="s">
        <v>200</v>
      </c>
      <c r="Y4" s="455" t="s">
        <v>200</v>
      </c>
      <c r="Z4" s="458" t="s">
        <v>226</v>
      </c>
      <c r="AA4" s="457"/>
    </row>
    <row r="5" spans="1:27" ht="12.6" customHeight="1">
      <c r="A5" s="459" t="s">
        <v>382</v>
      </c>
      <c r="B5" s="460">
        <v>9163279</v>
      </c>
      <c r="C5" s="460">
        <v>1117039</v>
      </c>
      <c r="D5" s="460">
        <v>5703570</v>
      </c>
      <c r="E5" s="460">
        <v>2259744</v>
      </c>
      <c r="F5" s="460">
        <v>82926</v>
      </c>
      <c r="G5" s="461">
        <v>9147400</v>
      </c>
      <c r="H5" s="460">
        <v>1128426</v>
      </c>
      <c r="I5" s="460">
        <v>5715800</v>
      </c>
      <c r="J5" s="460">
        <v>2220248</v>
      </c>
      <c r="K5" s="462">
        <v>82926</v>
      </c>
      <c r="L5" s="462"/>
      <c r="M5" s="461">
        <v>15879</v>
      </c>
      <c r="N5" s="460">
        <v>-11387</v>
      </c>
      <c r="O5" s="460">
        <v>-12230</v>
      </c>
      <c r="P5" s="460">
        <v>39496</v>
      </c>
      <c r="Q5" s="460" t="s">
        <v>383</v>
      </c>
      <c r="R5" s="463">
        <v>0.2</v>
      </c>
      <c r="S5" s="464">
        <v>-1</v>
      </c>
      <c r="T5" s="464">
        <v>-0.2</v>
      </c>
      <c r="U5" s="465">
        <v>1.8</v>
      </c>
      <c r="V5" s="464" t="s">
        <v>384</v>
      </c>
      <c r="W5" s="464">
        <v>12.3</v>
      </c>
      <c r="X5" s="464">
        <v>62.8</v>
      </c>
      <c r="Y5" s="464">
        <v>24.9</v>
      </c>
      <c r="Z5" s="466">
        <v>45.64</v>
      </c>
      <c r="AA5" s="465">
        <v>202.3</v>
      </c>
    </row>
    <row r="6" spans="1:27" ht="10.5" customHeight="1">
      <c r="A6" s="467"/>
      <c r="B6" s="468"/>
      <c r="C6" s="468"/>
      <c r="D6" s="468"/>
      <c r="E6" s="468"/>
      <c r="F6" s="468"/>
      <c r="G6" s="469"/>
      <c r="H6" s="468"/>
      <c r="I6" s="468"/>
      <c r="J6" s="468"/>
      <c r="K6" s="470"/>
      <c r="L6" s="470"/>
      <c r="M6" s="469"/>
      <c r="N6" s="468"/>
      <c r="O6" s="468"/>
      <c r="P6" s="468"/>
      <c r="Q6" s="460"/>
      <c r="R6" s="471"/>
      <c r="S6" s="472"/>
      <c r="T6" s="472"/>
      <c r="U6" s="473"/>
      <c r="V6" s="472"/>
      <c r="W6" s="472"/>
      <c r="X6" s="472"/>
      <c r="Y6" s="472"/>
      <c r="Z6" s="474"/>
      <c r="AA6" s="473"/>
    </row>
    <row r="7" spans="1:27" s="476" customFormat="1" ht="12.6" customHeight="1">
      <c r="A7" s="475" t="s">
        <v>385</v>
      </c>
      <c r="B7" s="460">
        <v>3733084</v>
      </c>
      <c r="C7" s="460">
        <v>457018</v>
      </c>
      <c r="D7" s="460">
        <v>2350639</v>
      </c>
      <c r="E7" s="460">
        <v>902899</v>
      </c>
      <c r="F7" s="460">
        <v>22528</v>
      </c>
      <c r="G7" s="461">
        <v>3731096</v>
      </c>
      <c r="H7" s="460">
        <v>462690</v>
      </c>
      <c r="I7" s="460">
        <v>2357335</v>
      </c>
      <c r="J7" s="460">
        <v>888543</v>
      </c>
      <c r="K7" s="462">
        <v>22528</v>
      </c>
      <c r="L7" s="462"/>
      <c r="M7" s="461">
        <v>1988</v>
      </c>
      <c r="N7" s="460">
        <v>-5672</v>
      </c>
      <c r="O7" s="460">
        <v>-6696</v>
      </c>
      <c r="P7" s="460">
        <v>14356</v>
      </c>
      <c r="Q7" s="460" t="s">
        <v>386</v>
      </c>
      <c r="R7" s="463">
        <v>0.1</v>
      </c>
      <c r="S7" s="464">
        <v>-1.2</v>
      </c>
      <c r="T7" s="464">
        <v>-0.3</v>
      </c>
      <c r="U7" s="465">
        <v>1.6</v>
      </c>
      <c r="V7" s="464" t="s">
        <v>384</v>
      </c>
      <c r="W7" s="464">
        <v>12.3</v>
      </c>
      <c r="X7" s="464">
        <v>63.4</v>
      </c>
      <c r="Y7" s="464">
        <v>24.3</v>
      </c>
      <c r="Z7" s="466">
        <v>45.54</v>
      </c>
      <c r="AA7" s="465">
        <v>197.6</v>
      </c>
    </row>
    <row r="8" spans="1:27" ht="12.6" customHeight="1">
      <c r="A8" s="477" t="s">
        <v>387</v>
      </c>
      <c r="B8" s="468">
        <v>288966</v>
      </c>
      <c r="C8" s="468">
        <v>37308</v>
      </c>
      <c r="D8" s="468">
        <v>189083</v>
      </c>
      <c r="E8" s="468">
        <v>60383</v>
      </c>
      <c r="F8" s="468">
        <v>2192</v>
      </c>
      <c r="G8" s="469">
        <v>287451</v>
      </c>
      <c r="H8" s="468">
        <v>37405</v>
      </c>
      <c r="I8" s="468">
        <v>188223</v>
      </c>
      <c r="J8" s="468">
        <v>59631</v>
      </c>
      <c r="K8" s="470">
        <v>2192</v>
      </c>
      <c r="L8" s="470"/>
      <c r="M8" s="469">
        <v>1515</v>
      </c>
      <c r="N8" s="468">
        <v>-97</v>
      </c>
      <c r="O8" s="468">
        <v>860</v>
      </c>
      <c r="P8" s="468">
        <v>752</v>
      </c>
      <c r="Q8" s="460" t="s">
        <v>386</v>
      </c>
      <c r="R8" s="471">
        <v>0.5</v>
      </c>
      <c r="S8" s="472">
        <v>-0.3</v>
      </c>
      <c r="T8" s="472">
        <v>0.5</v>
      </c>
      <c r="U8" s="473">
        <v>1.3</v>
      </c>
      <c r="V8" s="472" t="s">
        <v>388</v>
      </c>
      <c r="W8" s="472">
        <v>13</v>
      </c>
      <c r="X8" s="472">
        <v>65.900000000000006</v>
      </c>
      <c r="Y8" s="472">
        <v>21.1</v>
      </c>
      <c r="Z8" s="478">
        <v>43.77</v>
      </c>
      <c r="AA8" s="473">
        <v>161.9</v>
      </c>
    </row>
    <row r="9" spans="1:27" ht="12.6" customHeight="1">
      <c r="A9" s="477" t="s">
        <v>389</v>
      </c>
      <c r="B9" s="468">
        <v>241606</v>
      </c>
      <c r="C9" s="468">
        <v>27236</v>
      </c>
      <c r="D9" s="468">
        <v>159802</v>
      </c>
      <c r="E9" s="468">
        <v>52218</v>
      </c>
      <c r="F9" s="468">
        <v>2350</v>
      </c>
      <c r="G9" s="469">
        <v>240224</v>
      </c>
      <c r="H9" s="468">
        <v>27172</v>
      </c>
      <c r="I9" s="468">
        <v>159216</v>
      </c>
      <c r="J9" s="468">
        <v>51486</v>
      </c>
      <c r="K9" s="470">
        <v>2350</v>
      </c>
      <c r="L9" s="470"/>
      <c r="M9" s="469">
        <v>1382</v>
      </c>
      <c r="N9" s="468">
        <v>64</v>
      </c>
      <c r="O9" s="468">
        <v>586</v>
      </c>
      <c r="P9" s="468">
        <v>732</v>
      </c>
      <c r="Q9" s="460" t="s">
        <v>383</v>
      </c>
      <c r="R9" s="471">
        <v>0.6</v>
      </c>
      <c r="S9" s="472">
        <v>0.2</v>
      </c>
      <c r="T9" s="472">
        <v>0.4</v>
      </c>
      <c r="U9" s="473">
        <v>1.4</v>
      </c>
      <c r="V9" s="472" t="s">
        <v>384</v>
      </c>
      <c r="W9" s="472">
        <v>11.4</v>
      </c>
      <c r="X9" s="472">
        <v>66.8</v>
      </c>
      <c r="Y9" s="472">
        <v>21.8</v>
      </c>
      <c r="Z9" s="478">
        <v>44.39</v>
      </c>
      <c r="AA9" s="473">
        <v>191.7</v>
      </c>
    </row>
    <row r="10" spans="1:27" ht="12.6" customHeight="1">
      <c r="A10" s="477" t="s">
        <v>390</v>
      </c>
      <c r="B10" s="468">
        <v>100048</v>
      </c>
      <c r="C10" s="468">
        <v>10974</v>
      </c>
      <c r="D10" s="468">
        <v>68305</v>
      </c>
      <c r="E10" s="468">
        <v>19756</v>
      </c>
      <c r="F10" s="468">
        <v>1013</v>
      </c>
      <c r="G10" s="469">
        <v>98646</v>
      </c>
      <c r="H10" s="468">
        <v>10796</v>
      </c>
      <c r="I10" s="468">
        <v>67354</v>
      </c>
      <c r="J10" s="468">
        <v>19483</v>
      </c>
      <c r="K10" s="470">
        <v>1013</v>
      </c>
      <c r="L10" s="470"/>
      <c r="M10" s="469">
        <v>1402</v>
      </c>
      <c r="N10" s="468">
        <v>178</v>
      </c>
      <c r="O10" s="468">
        <v>951</v>
      </c>
      <c r="P10" s="468">
        <v>273</v>
      </c>
      <c r="Q10" s="460" t="s">
        <v>386</v>
      </c>
      <c r="R10" s="471">
        <v>1.4</v>
      </c>
      <c r="S10" s="472">
        <v>1.6</v>
      </c>
      <c r="T10" s="472">
        <v>1.4</v>
      </c>
      <c r="U10" s="473">
        <v>1.4</v>
      </c>
      <c r="V10" s="472" t="s">
        <v>384</v>
      </c>
      <c r="W10" s="472">
        <v>11.1</v>
      </c>
      <c r="X10" s="472">
        <v>69</v>
      </c>
      <c r="Y10" s="472">
        <v>19.899999999999999</v>
      </c>
      <c r="Z10" s="478">
        <v>44.27</v>
      </c>
      <c r="AA10" s="473">
        <v>180</v>
      </c>
    </row>
    <row r="11" spans="1:27" ht="12.6" customHeight="1">
      <c r="A11" s="477" t="s">
        <v>391</v>
      </c>
      <c r="B11" s="468">
        <v>149155</v>
      </c>
      <c r="C11" s="468">
        <v>15488</v>
      </c>
      <c r="D11" s="468">
        <v>95926</v>
      </c>
      <c r="E11" s="468">
        <v>34848</v>
      </c>
      <c r="F11" s="468">
        <v>2893</v>
      </c>
      <c r="G11" s="469">
        <v>149095</v>
      </c>
      <c r="H11" s="468">
        <v>15547</v>
      </c>
      <c r="I11" s="468">
        <v>96218</v>
      </c>
      <c r="J11" s="468">
        <v>34437</v>
      </c>
      <c r="K11" s="470">
        <v>2893</v>
      </c>
      <c r="L11" s="470"/>
      <c r="M11" s="469">
        <v>60</v>
      </c>
      <c r="N11" s="468">
        <v>-59</v>
      </c>
      <c r="O11" s="468">
        <v>-292</v>
      </c>
      <c r="P11" s="468">
        <v>411</v>
      </c>
      <c r="Q11" s="460" t="s">
        <v>386</v>
      </c>
      <c r="R11" s="471">
        <v>0</v>
      </c>
      <c r="S11" s="472">
        <v>-0.4</v>
      </c>
      <c r="T11" s="472">
        <v>-0.3</v>
      </c>
      <c r="U11" s="473">
        <v>1.2</v>
      </c>
      <c r="V11" s="472" t="s">
        <v>384</v>
      </c>
      <c r="W11" s="472">
        <v>10.6</v>
      </c>
      <c r="X11" s="472">
        <v>65.599999999999994</v>
      </c>
      <c r="Y11" s="472">
        <v>23.8</v>
      </c>
      <c r="Z11" s="478">
        <v>46.61</v>
      </c>
      <c r="AA11" s="473">
        <v>225</v>
      </c>
    </row>
    <row r="12" spans="1:27" ht="12.6" customHeight="1">
      <c r="A12" s="477" t="s">
        <v>392</v>
      </c>
      <c r="B12" s="468">
        <v>194974</v>
      </c>
      <c r="C12" s="468">
        <v>19863</v>
      </c>
      <c r="D12" s="468">
        <v>122135</v>
      </c>
      <c r="E12" s="468">
        <v>51491</v>
      </c>
      <c r="F12" s="468">
        <v>1485</v>
      </c>
      <c r="G12" s="469">
        <v>194752</v>
      </c>
      <c r="H12" s="468">
        <v>20052</v>
      </c>
      <c r="I12" s="468">
        <v>122167</v>
      </c>
      <c r="J12" s="468">
        <v>51048</v>
      </c>
      <c r="K12" s="470">
        <v>1485</v>
      </c>
      <c r="L12" s="470"/>
      <c r="M12" s="469">
        <v>222</v>
      </c>
      <c r="N12" s="468">
        <v>-189</v>
      </c>
      <c r="O12" s="468">
        <v>-32</v>
      </c>
      <c r="P12" s="468">
        <v>443</v>
      </c>
      <c r="Q12" s="460" t="s">
        <v>386</v>
      </c>
      <c r="R12" s="471">
        <v>0.1</v>
      </c>
      <c r="S12" s="472">
        <v>-0.9</v>
      </c>
      <c r="T12" s="472">
        <v>0</v>
      </c>
      <c r="U12" s="473">
        <v>0.9</v>
      </c>
      <c r="V12" s="472" t="s">
        <v>384</v>
      </c>
      <c r="W12" s="472">
        <v>10.3</v>
      </c>
      <c r="X12" s="472">
        <v>63.1</v>
      </c>
      <c r="Y12" s="472">
        <v>26.6</v>
      </c>
      <c r="Z12" s="478">
        <v>47.26</v>
      </c>
      <c r="AA12" s="473">
        <v>259.2</v>
      </c>
    </row>
    <row r="13" spans="1:27" ht="12.6" customHeight="1">
      <c r="A13" s="477" t="s">
        <v>393</v>
      </c>
      <c r="B13" s="468">
        <v>206515</v>
      </c>
      <c r="C13" s="468">
        <v>22896</v>
      </c>
      <c r="D13" s="468">
        <v>128630</v>
      </c>
      <c r="E13" s="468">
        <v>53461</v>
      </c>
      <c r="F13" s="468">
        <v>1528</v>
      </c>
      <c r="G13" s="469">
        <v>206621</v>
      </c>
      <c r="H13" s="468">
        <v>23151</v>
      </c>
      <c r="I13" s="468">
        <v>129011</v>
      </c>
      <c r="J13" s="468">
        <v>52931</v>
      </c>
      <c r="K13" s="470">
        <v>1528</v>
      </c>
      <c r="L13" s="470"/>
      <c r="M13" s="469">
        <v>-106</v>
      </c>
      <c r="N13" s="468">
        <v>-255</v>
      </c>
      <c r="O13" s="468">
        <v>-381</v>
      </c>
      <c r="P13" s="468">
        <v>530</v>
      </c>
      <c r="Q13" s="460" t="s">
        <v>386</v>
      </c>
      <c r="R13" s="471">
        <v>-0.1</v>
      </c>
      <c r="S13" s="472">
        <v>-1.1000000000000001</v>
      </c>
      <c r="T13" s="472">
        <v>-0.3</v>
      </c>
      <c r="U13" s="473">
        <v>1</v>
      </c>
      <c r="V13" s="472" t="s">
        <v>384</v>
      </c>
      <c r="W13" s="472">
        <v>11.2</v>
      </c>
      <c r="X13" s="472">
        <v>62.8</v>
      </c>
      <c r="Y13" s="472">
        <v>26.1</v>
      </c>
      <c r="Z13" s="478">
        <v>46.52</v>
      </c>
      <c r="AA13" s="473">
        <v>233.5</v>
      </c>
    </row>
    <row r="14" spans="1:27" ht="12.6" customHeight="1">
      <c r="A14" s="477" t="s">
        <v>394</v>
      </c>
      <c r="B14" s="468">
        <v>166515</v>
      </c>
      <c r="C14" s="468">
        <v>19751</v>
      </c>
      <c r="D14" s="468">
        <v>100573</v>
      </c>
      <c r="E14" s="468">
        <v>45214</v>
      </c>
      <c r="F14" s="468">
        <v>977</v>
      </c>
      <c r="G14" s="469">
        <v>166420</v>
      </c>
      <c r="H14" s="468">
        <v>19787</v>
      </c>
      <c r="I14" s="468">
        <v>101068</v>
      </c>
      <c r="J14" s="468">
        <v>44588</v>
      </c>
      <c r="K14" s="470">
        <v>977</v>
      </c>
      <c r="L14" s="470"/>
      <c r="M14" s="469">
        <v>95</v>
      </c>
      <c r="N14" s="468">
        <v>-36</v>
      </c>
      <c r="O14" s="468">
        <v>-495</v>
      </c>
      <c r="P14" s="468">
        <v>626</v>
      </c>
      <c r="Q14" s="460" t="s">
        <v>386</v>
      </c>
      <c r="R14" s="471">
        <v>0.1</v>
      </c>
      <c r="S14" s="472">
        <v>-0.2</v>
      </c>
      <c r="T14" s="472">
        <v>-0.5</v>
      </c>
      <c r="U14" s="473">
        <v>1.4</v>
      </c>
      <c r="V14" s="472" t="s">
        <v>388</v>
      </c>
      <c r="W14" s="472">
        <v>11.9</v>
      </c>
      <c r="X14" s="472">
        <v>60.8</v>
      </c>
      <c r="Y14" s="472">
        <v>27.3</v>
      </c>
      <c r="Z14" s="478">
        <v>46.98</v>
      </c>
      <c r="AA14" s="473">
        <v>228.9</v>
      </c>
    </row>
    <row r="15" spans="1:27" ht="12.6" customHeight="1">
      <c r="A15" s="477" t="s">
        <v>395</v>
      </c>
      <c r="B15" s="468">
        <v>200033</v>
      </c>
      <c r="C15" s="468">
        <v>23084</v>
      </c>
      <c r="D15" s="468">
        <v>119330</v>
      </c>
      <c r="E15" s="468">
        <v>56635</v>
      </c>
      <c r="F15" s="468">
        <v>984</v>
      </c>
      <c r="G15" s="469">
        <v>200850</v>
      </c>
      <c r="H15" s="468">
        <v>23543</v>
      </c>
      <c r="I15" s="468">
        <v>120725</v>
      </c>
      <c r="J15" s="468">
        <v>55598</v>
      </c>
      <c r="K15" s="470">
        <v>984</v>
      </c>
      <c r="L15" s="470"/>
      <c r="M15" s="469">
        <v>-817</v>
      </c>
      <c r="N15" s="468">
        <v>-459</v>
      </c>
      <c r="O15" s="468">
        <v>-1395</v>
      </c>
      <c r="P15" s="468">
        <v>1037</v>
      </c>
      <c r="Q15" s="460" t="s">
        <v>386</v>
      </c>
      <c r="R15" s="471">
        <v>-0.4</v>
      </c>
      <c r="S15" s="472">
        <v>-1.9</v>
      </c>
      <c r="T15" s="472">
        <v>-1.2</v>
      </c>
      <c r="U15" s="473">
        <v>1.9</v>
      </c>
      <c r="V15" s="472" t="s">
        <v>384</v>
      </c>
      <c r="W15" s="472">
        <v>11.6</v>
      </c>
      <c r="X15" s="472">
        <v>60</v>
      </c>
      <c r="Y15" s="472">
        <v>28.5</v>
      </c>
      <c r="Z15" s="478">
        <v>47.41</v>
      </c>
      <c r="AA15" s="473">
        <v>245.3</v>
      </c>
    </row>
    <row r="16" spans="1:27" ht="12.6" customHeight="1">
      <c r="A16" s="477" t="s">
        <v>396</v>
      </c>
      <c r="B16" s="468">
        <v>348737</v>
      </c>
      <c r="C16" s="468">
        <v>42995</v>
      </c>
      <c r="D16" s="468">
        <v>235580</v>
      </c>
      <c r="E16" s="468">
        <v>67742</v>
      </c>
      <c r="F16" s="468">
        <v>2420</v>
      </c>
      <c r="G16" s="469">
        <v>346922</v>
      </c>
      <c r="H16" s="468">
        <v>42871</v>
      </c>
      <c r="I16" s="468">
        <v>235070</v>
      </c>
      <c r="J16" s="468">
        <v>66561</v>
      </c>
      <c r="K16" s="470">
        <v>2420</v>
      </c>
      <c r="L16" s="470"/>
      <c r="M16" s="469">
        <v>1815</v>
      </c>
      <c r="N16" s="468">
        <v>124</v>
      </c>
      <c r="O16" s="468">
        <v>510</v>
      </c>
      <c r="P16" s="468">
        <v>1181</v>
      </c>
      <c r="Q16" s="460" t="s">
        <v>386</v>
      </c>
      <c r="R16" s="471">
        <v>0.5</v>
      </c>
      <c r="S16" s="472">
        <v>0.3</v>
      </c>
      <c r="T16" s="472">
        <v>0.2</v>
      </c>
      <c r="U16" s="473">
        <v>1.8</v>
      </c>
      <c r="V16" s="472" t="s">
        <v>384</v>
      </c>
      <c r="W16" s="472">
        <v>12.4</v>
      </c>
      <c r="X16" s="472">
        <v>68</v>
      </c>
      <c r="Y16" s="472">
        <v>19.600000000000001</v>
      </c>
      <c r="Z16" s="478">
        <v>43.24</v>
      </c>
      <c r="AA16" s="473">
        <v>157.6</v>
      </c>
    </row>
    <row r="17" spans="1:27" ht="12.6" customHeight="1">
      <c r="A17" s="477" t="s">
        <v>397</v>
      </c>
      <c r="B17" s="468">
        <v>277016</v>
      </c>
      <c r="C17" s="468">
        <v>36724</v>
      </c>
      <c r="D17" s="468">
        <v>169384</v>
      </c>
      <c r="E17" s="468">
        <v>69781</v>
      </c>
      <c r="F17" s="468">
        <v>1127</v>
      </c>
      <c r="G17" s="469">
        <v>275996</v>
      </c>
      <c r="H17" s="468">
        <v>37084</v>
      </c>
      <c r="I17" s="468">
        <v>169436</v>
      </c>
      <c r="J17" s="468">
        <v>68349</v>
      </c>
      <c r="K17" s="470">
        <v>1127</v>
      </c>
      <c r="L17" s="470"/>
      <c r="M17" s="469">
        <v>1020</v>
      </c>
      <c r="N17" s="468">
        <v>-360</v>
      </c>
      <c r="O17" s="468">
        <v>-52</v>
      </c>
      <c r="P17" s="468">
        <v>1432</v>
      </c>
      <c r="Q17" s="460" t="s">
        <v>386</v>
      </c>
      <c r="R17" s="471">
        <v>0.4</v>
      </c>
      <c r="S17" s="472">
        <v>-1</v>
      </c>
      <c r="T17" s="472">
        <v>0</v>
      </c>
      <c r="U17" s="473">
        <v>2.1</v>
      </c>
      <c r="V17" s="472" t="s">
        <v>384</v>
      </c>
      <c r="W17" s="472">
        <v>13.3</v>
      </c>
      <c r="X17" s="472">
        <v>61.4</v>
      </c>
      <c r="Y17" s="472">
        <v>25.3</v>
      </c>
      <c r="Z17" s="478">
        <v>45.54</v>
      </c>
      <c r="AA17" s="473">
        <v>190</v>
      </c>
    </row>
    <row r="18" spans="1:27" ht="12.6" customHeight="1">
      <c r="A18" s="477" t="s">
        <v>398</v>
      </c>
      <c r="B18" s="468">
        <v>213956</v>
      </c>
      <c r="C18" s="468">
        <v>24525</v>
      </c>
      <c r="D18" s="468">
        <v>128827</v>
      </c>
      <c r="E18" s="468">
        <v>59979</v>
      </c>
      <c r="F18" s="468">
        <v>625</v>
      </c>
      <c r="G18" s="469">
        <v>214519</v>
      </c>
      <c r="H18" s="468">
        <v>24991</v>
      </c>
      <c r="I18" s="468">
        <v>129881</v>
      </c>
      <c r="J18" s="468">
        <v>59022</v>
      </c>
      <c r="K18" s="470">
        <v>625</v>
      </c>
      <c r="L18" s="470"/>
      <c r="M18" s="469">
        <v>-563</v>
      </c>
      <c r="N18" s="468">
        <v>-466</v>
      </c>
      <c r="O18" s="468">
        <v>-1054</v>
      </c>
      <c r="P18" s="468">
        <v>957</v>
      </c>
      <c r="Q18" s="460" t="s">
        <v>386</v>
      </c>
      <c r="R18" s="471">
        <v>-0.3</v>
      </c>
      <c r="S18" s="472">
        <v>-1.9</v>
      </c>
      <c r="T18" s="472">
        <v>-0.8</v>
      </c>
      <c r="U18" s="473">
        <v>1.6</v>
      </c>
      <c r="V18" s="472" t="s">
        <v>388</v>
      </c>
      <c r="W18" s="472">
        <v>11.5</v>
      </c>
      <c r="X18" s="472">
        <v>60.4</v>
      </c>
      <c r="Y18" s="472">
        <v>28.1</v>
      </c>
      <c r="Z18" s="478">
        <v>47.54</v>
      </c>
      <c r="AA18" s="473">
        <v>244.6</v>
      </c>
    </row>
    <row r="19" spans="1:27" ht="12.6" customHeight="1">
      <c r="A19" s="477" t="s">
        <v>399</v>
      </c>
      <c r="B19" s="468">
        <v>245756</v>
      </c>
      <c r="C19" s="468">
        <v>28901</v>
      </c>
      <c r="D19" s="468">
        <v>144204</v>
      </c>
      <c r="E19" s="468">
        <v>72019</v>
      </c>
      <c r="F19" s="468">
        <v>632</v>
      </c>
      <c r="G19" s="469">
        <v>246517</v>
      </c>
      <c r="H19" s="468">
        <v>29430</v>
      </c>
      <c r="I19" s="468">
        <v>145315</v>
      </c>
      <c r="J19" s="468">
        <v>71140</v>
      </c>
      <c r="K19" s="470">
        <v>632</v>
      </c>
      <c r="L19" s="470"/>
      <c r="M19" s="469">
        <v>-761</v>
      </c>
      <c r="N19" s="468">
        <v>-529</v>
      </c>
      <c r="O19" s="468">
        <v>-1111</v>
      </c>
      <c r="P19" s="468">
        <v>879</v>
      </c>
      <c r="Q19" s="460" t="s">
        <v>386</v>
      </c>
      <c r="R19" s="471">
        <v>-0.3</v>
      </c>
      <c r="S19" s="472">
        <v>-1.8</v>
      </c>
      <c r="T19" s="472">
        <v>-0.8</v>
      </c>
      <c r="U19" s="473">
        <v>1.2</v>
      </c>
      <c r="V19" s="472" t="s">
        <v>388</v>
      </c>
      <c r="W19" s="472">
        <v>11.8</v>
      </c>
      <c r="X19" s="472">
        <v>58.8</v>
      </c>
      <c r="Y19" s="472">
        <v>29.4</v>
      </c>
      <c r="Z19" s="478">
        <v>47.94</v>
      </c>
      <c r="AA19" s="473">
        <v>249.2</v>
      </c>
    </row>
    <row r="20" spans="1:27" ht="12.6" customHeight="1">
      <c r="A20" s="477" t="s">
        <v>400</v>
      </c>
      <c r="B20" s="468">
        <v>181215</v>
      </c>
      <c r="C20" s="468">
        <v>23825</v>
      </c>
      <c r="D20" s="468">
        <v>113396</v>
      </c>
      <c r="E20" s="468">
        <v>43146</v>
      </c>
      <c r="F20" s="468">
        <v>848</v>
      </c>
      <c r="G20" s="469">
        <v>181165</v>
      </c>
      <c r="H20" s="468">
        <v>24182</v>
      </c>
      <c r="I20" s="468">
        <v>113720</v>
      </c>
      <c r="J20" s="468">
        <v>42415</v>
      </c>
      <c r="K20" s="470">
        <v>848</v>
      </c>
      <c r="L20" s="470"/>
      <c r="M20" s="469">
        <v>50</v>
      </c>
      <c r="N20" s="468">
        <v>-357</v>
      </c>
      <c r="O20" s="468">
        <v>-324</v>
      </c>
      <c r="P20" s="468">
        <v>731</v>
      </c>
      <c r="Q20" s="460" t="s">
        <v>386</v>
      </c>
      <c r="R20" s="471">
        <v>0</v>
      </c>
      <c r="S20" s="472">
        <v>-1.5</v>
      </c>
      <c r="T20" s="472">
        <v>-0.3</v>
      </c>
      <c r="U20" s="473">
        <v>1.7</v>
      </c>
      <c r="V20" s="472" t="s">
        <v>384</v>
      </c>
      <c r="W20" s="472">
        <v>13.2</v>
      </c>
      <c r="X20" s="472">
        <v>62.9</v>
      </c>
      <c r="Y20" s="472">
        <v>23.9</v>
      </c>
      <c r="Z20" s="478">
        <v>45</v>
      </c>
      <c r="AA20" s="473">
        <v>181.1</v>
      </c>
    </row>
    <row r="21" spans="1:27" ht="12.6" customHeight="1">
      <c r="A21" s="477" t="s">
        <v>401</v>
      </c>
      <c r="B21" s="468">
        <v>123545</v>
      </c>
      <c r="C21" s="468">
        <v>15537</v>
      </c>
      <c r="D21" s="468">
        <v>73572</v>
      </c>
      <c r="E21" s="468">
        <v>34025</v>
      </c>
      <c r="F21" s="468">
        <v>411</v>
      </c>
      <c r="G21" s="469">
        <v>124197</v>
      </c>
      <c r="H21" s="468">
        <v>16018</v>
      </c>
      <c r="I21" s="468">
        <v>74197</v>
      </c>
      <c r="J21" s="468">
        <v>33571</v>
      </c>
      <c r="K21" s="470">
        <v>411</v>
      </c>
      <c r="L21" s="470"/>
      <c r="M21" s="469">
        <v>-652</v>
      </c>
      <c r="N21" s="468">
        <v>-481</v>
      </c>
      <c r="O21" s="468">
        <v>-625</v>
      </c>
      <c r="P21" s="468">
        <v>454</v>
      </c>
      <c r="Q21" s="460" t="s">
        <v>386</v>
      </c>
      <c r="R21" s="471">
        <v>-0.5</v>
      </c>
      <c r="S21" s="472">
        <v>-3</v>
      </c>
      <c r="T21" s="472">
        <v>-0.8</v>
      </c>
      <c r="U21" s="473">
        <v>1.4</v>
      </c>
      <c r="V21" s="472" t="s">
        <v>384</v>
      </c>
      <c r="W21" s="472">
        <v>12.6</v>
      </c>
      <c r="X21" s="472">
        <v>59.7</v>
      </c>
      <c r="Y21" s="472">
        <v>27.6</v>
      </c>
      <c r="Z21" s="478">
        <v>46.74</v>
      </c>
      <c r="AA21" s="473">
        <v>219</v>
      </c>
    </row>
    <row r="22" spans="1:27" ht="12.6" customHeight="1">
      <c r="A22" s="477" t="s">
        <v>402</v>
      </c>
      <c r="B22" s="468">
        <v>120887</v>
      </c>
      <c r="C22" s="468">
        <v>14419</v>
      </c>
      <c r="D22" s="468">
        <v>69046</v>
      </c>
      <c r="E22" s="468">
        <v>36973</v>
      </c>
      <c r="F22" s="468">
        <v>449</v>
      </c>
      <c r="G22" s="469">
        <v>121362</v>
      </c>
      <c r="H22" s="468">
        <v>14813</v>
      </c>
      <c r="I22" s="468">
        <v>69610</v>
      </c>
      <c r="J22" s="468">
        <v>36490</v>
      </c>
      <c r="K22" s="470">
        <v>449</v>
      </c>
      <c r="L22" s="470"/>
      <c r="M22" s="469">
        <v>-475</v>
      </c>
      <c r="N22" s="468">
        <v>-394</v>
      </c>
      <c r="O22" s="468">
        <v>-564</v>
      </c>
      <c r="P22" s="468">
        <v>483</v>
      </c>
      <c r="Q22" s="460" t="s">
        <v>386</v>
      </c>
      <c r="R22" s="471">
        <v>-0.4</v>
      </c>
      <c r="S22" s="472">
        <v>-2.7</v>
      </c>
      <c r="T22" s="472">
        <v>-0.8</v>
      </c>
      <c r="U22" s="473">
        <v>1.3</v>
      </c>
      <c r="V22" s="472" t="s">
        <v>384</v>
      </c>
      <c r="W22" s="472">
        <v>12</v>
      </c>
      <c r="X22" s="472">
        <v>57.3</v>
      </c>
      <c r="Y22" s="472">
        <v>30.7</v>
      </c>
      <c r="Z22" s="478">
        <v>48.13</v>
      </c>
      <c r="AA22" s="473">
        <v>256.39999999999998</v>
      </c>
    </row>
    <row r="23" spans="1:27" ht="12.6" customHeight="1">
      <c r="A23" s="477" t="s">
        <v>403</v>
      </c>
      <c r="B23" s="468">
        <v>152984</v>
      </c>
      <c r="C23" s="468">
        <v>18869</v>
      </c>
      <c r="D23" s="468">
        <v>90513</v>
      </c>
      <c r="E23" s="468">
        <v>43216</v>
      </c>
      <c r="F23" s="468">
        <v>386</v>
      </c>
      <c r="G23" s="469">
        <v>153690</v>
      </c>
      <c r="H23" s="468">
        <v>19195</v>
      </c>
      <c r="I23" s="468">
        <v>91590</v>
      </c>
      <c r="J23" s="468">
        <v>42519</v>
      </c>
      <c r="K23" s="470">
        <v>386</v>
      </c>
      <c r="L23" s="470"/>
      <c r="M23" s="469">
        <v>-706</v>
      </c>
      <c r="N23" s="468">
        <v>-326</v>
      </c>
      <c r="O23" s="468">
        <v>-1077</v>
      </c>
      <c r="P23" s="468">
        <v>697</v>
      </c>
      <c r="Q23" s="460" t="s">
        <v>386</v>
      </c>
      <c r="R23" s="471">
        <v>-0.5</v>
      </c>
      <c r="S23" s="472">
        <v>-1.7</v>
      </c>
      <c r="T23" s="472">
        <v>-1.2</v>
      </c>
      <c r="U23" s="473">
        <v>1.6</v>
      </c>
      <c r="V23" s="472" t="s">
        <v>384</v>
      </c>
      <c r="W23" s="472">
        <v>12.4</v>
      </c>
      <c r="X23" s="472">
        <v>59.3</v>
      </c>
      <c r="Y23" s="472">
        <v>28.3</v>
      </c>
      <c r="Z23" s="478">
        <v>47.26</v>
      </c>
      <c r="AA23" s="473">
        <v>229</v>
      </c>
    </row>
    <row r="24" spans="1:27" ht="12.6" customHeight="1">
      <c r="A24" s="477" t="s">
        <v>404</v>
      </c>
      <c r="B24" s="468">
        <v>309880</v>
      </c>
      <c r="C24" s="468">
        <v>40883</v>
      </c>
      <c r="D24" s="468">
        <v>202379</v>
      </c>
      <c r="E24" s="468">
        <v>65213</v>
      </c>
      <c r="F24" s="468">
        <v>1405</v>
      </c>
      <c r="G24" s="469">
        <v>310499</v>
      </c>
      <c r="H24" s="468">
        <v>41840</v>
      </c>
      <c r="I24" s="468">
        <v>203679</v>
      </c>
      <c r="J24" s="468">
        <v>63575</v>
      </c>
      <c r="K24" s="470">
        <v>1405</v>
      </c>
      <c r="L24" s="470"/>
      <c r="M24" s="469">
        <v>-619</v>
      </c>
      <c r="N24" s="468">
        <v>-957</v>
      </c>
      <c r="O24" s="468">
        <v>-1300</v>
      </c>
      <c r="P24" s="468">
        <v>1638</v>
      </c>
      <c r="Q24" s="460" t="s">
        <v>386</v>
      </c>
      <c r="R24" s="471">
        <v>-0.2</v>
      </c>
      <c r="S24" s="472">
        <v>-2.2999999999999998</v>
      </c>
      <c r="T24" s="472">
        <v>-0.6</v>
      </c>
      <c r="U24" s="473">
        <v>2.6</v>
      </c>
      <c r="V24" s="472" t="s">
        <v>384</v>
      </c>
      <c r="W24" s="472">
        <v>13.3</v>
      </c>
      <c r="X24" s="472">
        <v>65.599999999999994</v>
      </c>
      <c r="Y24" s="472">
        <v>21.1</v>
      </c>
      <c r="Z24" s="478">
        <v>44.06</v>
      </c>
      <c r="AA24" s="473">
        <v>159.5</v>
      </c>
    </row>
    <row r="25" spans="1:27" ht="12.6" customHeight="1">
      <c r="A25" s="477" t="s">
        <v>405</v>
      </c>
      <c r="B25" s="468">
        <v>211296</v>
      </c>
      <c r="C25" s="468">
        <v>33740</v>
      </c>
      <c r="D25" s="468">
        <v>139954</v>
      </c>
      <c r="E25" s="468">
        <v>36799</v>
      </c>
      <c r="F25" s="468">
        <v>803</v>
      </c>
      <c r="G25" s="469">
        <v>212170</v>
      </c>
      <c r="H25" s="468">
        <v>34813</v>
      </c>
      <c r="I25" s="468">
        <v>140855</v>
      </c>
      <c r="J25" s="468">
        <v>35699</v>
      </c>
      <c r="K25" s="470">
        <v>803</v>
      </c>
      <c r="L25" s="470"/>
      <c r="M25" s="469">
        <v>-874</v>
      </c>
      <c r="N25" s="468">
        <v>-1073</v>
      </c>
      <c r="O25" s="468">
        <v>-901</v>
      </c>
      <c r="P25" s="468">
        <v>1100</v>
      </c>
      <c r="Q25" s="460" t="s">
        <v>386</v>
      </c>
      <c r="R25" s="471">
        <v>-0.4</v>
      </c>
      <c r="S25" s="472">
        <v>-3.1</v>
      </c>
      <c r="T25" s="472">
        <v>-0.6</v>
      </c>
      <c r="U25" s="473">
        <v>3.1</v>
      </c>
      <c r="V25" s="472" t="s">
        <v>384</v>
      </c>
      <c r="W25" s="472">
        <v>16</v>
      </c>
      <c r="X25" s="472">
        <v>66.5</v>
      </c>
      <c r="Y25" s="472">
        <v>17.5</v>
      </c>
      <c r="Z25" s="478">
        <v>41.74</v>
      </c>
      <c r="AA25" s="473">
        <v>109.1</v>
      </c>
    </row>
    <row r="26" spans="1:27" ht="9" customHeight="1">
      <c r="A26" s="477"/>
      <c r="B26" s="468"/>
      <c r="C26" s="468"/>
      <c r="D26" s="468"/>
      <c r="E26" s="468"/>
      <c r="F26" s="468"/>
      <c r="G26" s="469"/>
      <c r="H26" s="468"/>
      <c r="I26" s="468"/>
      <c r="J26" s="468"/>
      <c r="K26" s="470"/>
      <c r="L26" s="470"/>
      <c r="M26" s="469"/>
      <c r="N26" s="468"/>
      <c r="O26" s="468"/>
      <c r="P26" s="468"/>
      <c r="Q26" s="460"/>
      <c r="R26" s="471"/>
      <c r="S26" s="472"/>
      <c r="T26" s="472"/>
      <c r="U26" s="473"/>
      <c r="V26" s="472"/>
      <c r="W26" s="472"/>
      <c r="X26" s="472"/>
      <c r="Y26" s="472"/>
      <c r="Z26" s="478"/>
      <c r="AA26" s="473"/>
    </row>
    <row r="27" spans="1:27" s="476" customFormat="1" ht="12.6" customHeight="1">
      <c r="A27" s="479" t="s">
        <v>406</v>
      </c>
      <c r="B27" s="480">
        <v>1505357</v>
      </c>
      <c r="C27" s="480">
        <v>185871</v>
      </c>
      <c r="D27" s="480">
        <v>987428</v>
      </c>
      <c r="E27" s="480">
        <v>293438</v>
      </c>
      <c r="F27" s="480">
        <v>38620</v>
      </c>
      <c r="G27" s="481">
        <v>1491577</v>
      </c>
      <c r="H27" s="480">
        <v>185402</v>
      </c>
      <c r="I27" s="480">
        <v>979793</v>
      </c>
      <c r="J27" s="480">
        <v>287762</v>
      </c>
      <c r="K27" s="482">
        <v>38620</v>
      </c>
      <c r="L27" s="482"/>
      <c r="M27" s="481">
        <v>13780</v>
      </c>
      <c r="N27" s="480">
        <v>469</v>
      </c>
      <c r="O27" s="480">
        <v>7635</v>
      </c>
      <c r="P27" s="480">
        <v>5676</v>
      </c>
      <c r="Q27" s="483" t="s">
        <v>383</v>
      </c>
      <c r="R27" s="484">
        <v>0.9</v>
      </c>
      <c r="S27" s="485">
        <v>0.3</v>
      </c>
      <c r="T27" s="485">
        <v>0.8</v>
      </c>
      <c r="U27" s="486">
        <v>2</v>
      </c>
      <c r="V27" s="464" t="s">
        <v>388</v>
      </c>
      <c r="W27" s="485">
        <v>12.7</v>
      </c>
      <c r="X27" s="485">
        <v>67.3</v>
      </c>
      <c r="Y27" s="485">
        <v>20</v>
      </c>
      <c r="Z27" s="487">
        <v>43.21</v>
      </c>
      <c r="AA27" s="486">
        <v>157.9</v>
      </c>
    </row>
    <row r="28" spans="1:27" ht="12.6" customHeight="1">
      <c r="A28" s="477" t="s">
        <v>407</v>
      </c>
      <c r="B28" s="488">
        <v>229953</v>
      </c>
      <c r="C28" s="488">
        <v>26165</v>
      </c>
      <c r="D28" s="488">
        <v>151188</v>
      </c>
      <c r="E28" s="488">
        <v>50216</v>
      </c>
      <c r="F28" s="488">
        <v>2384</v>
      </c>
      <c r="G28" s="469">
        <v>226727</v>
      </c>
      <c r="H28" s="468">
        <v>26200</v>
      </c>
      <c r="I28" s="468">
        <v>148716</v>
      </c>
      <c r="J28" s="468">
        <v>49427</v>
      </c>
      <c r="K28" s="470">
        <v>2384</v>
      </c>
      <c r="L28" s="470"/>
      <c r="M28" s="469">
        <v>3226</v>
      </c>
      <c r="N28" s="468">
        <v>-35</v>
      </c>
      <c r="O28" s="468">
        <v>2472</v>
      </c>
      <c r="P28" s="468">
        <v>789</v>
      </c>
      <c r="Q28" s="460" t="s">
        <v>383</v>
      </c>
      <c r="R28" s="471">
        <v>1.4</v>
      </c>
      <c r="S28" s="472">
        <v>-0.1</v>
      </c>
      <c r="T28" s="472">
        <v>1.7</v>
      </c>
      <c r="U28" s="473">
        <v>1.6</v>
      </c>
      <c r="V28" s="472" t="s">
        <v>384</v>
      </c>
      <c r="W28" s="472">
        <v>11.5</v>
      </c>
      <c r="X28" s="472">
        <v>66.400000000000006</v>
      </c>
      <c r="Y28" s="472">
        <v>22.1</v>
      </c>
      <c r="Z28" s="478">
        <v>44.39</v>
      </c>
      <c r="AA28" s="473">
        <v>191.9</v>
      </c>
    </row>
    <row r="29" spans="1:27" ht="12.6" customHeight="1">
      <c r="A29" s="477" t="s">
        <v>408</v>
      </c>
      <c r="B29" s="488">
        <v>166182</v>
      </c>
      <c r="C29" s="488">
        <v>21415</v>
      </c>
      <c r="D29" s="488">
        <v>104259</v>
      </c>
      <c r="E29" s="488">
        <v>36454</v>
      </c>
      <c r="F29" s="488">
        <v>4054</v>
      </c>
      <c r="G29" s="469">
        <v>163567</v>
      </c>
      <c r="H29" s="468">
        <v>20946</v>
      </c>
      <c r="I29" s="468">
        <v>102655</v>
      </c>
      <c r="J29" s="468">
        <v>35912</v>
      </c>
      <c r="K29" s="470">
        <v>4054</v>
      </c>
      <c r="L29" s="470"/>
      <c r="M29" s="469">
        <v>2615</v>
      </c>
      <c r="N29" s="468">
        <v>469</v>
      </c>
      <c r="O29" s="468">
        <v>1604</v>
      </c>
      <c r="P29" s="468">
        <v>542</v>
      </c>
      <c r="Q29" s="460" t="s">
        <v>383</v>
      </c>
      <c r="R29" s="471">
        <v>1.6</v>
      </c>
      <c r="S29" s="472">
        <v>2.2000000000000002</v>
      </c>
      <c r="T29" s="472">
        <v>1.6</v>
      </c>
      <c r="U29" s="473">
        <v>1.5</v>
      </c>
      <c r="V29" s="472" t="s">
        <v>384</v>
      </c>
      <c r="W29" s="472">
        <v>13.2</v>
      </c>
      <c r="X29" s="472">
        <v>64.3</v>
      </c>
      <c r="Y29" s="472">
        <v>22.5</v>
      </c>
      <c r="Z29" s="478">
        <v>44.29</v>
      </c>
      <c r="AA29" s="473">
        <v>170.2</v>
      </c>
    </row>
    <row r="30" spans="1:27" ht="12.6" customHeight="1">
      <c r="A30" s="477" t="s">
        <v>409</v>
      </c>
      <c r="B30" s="488">
        <v>254414</v>
      </c>
      <c r="C30" s="488">
        <v>32885</v>
      </c>
      <c r="D30" s="488">
        <v>179723</v>
      </c>
      <c r="E30" s="488">
        <v>38442</v>
      </c>
      <c r="F30" s="488">
        <v>3364</v>
      </c>
      <c r="G30" s="469">
        <v>251508</v>
      </c>
      <c r="H30" s="468">
        <v>32461</v>
      </c>
      <c r="I30" s="468">
        <v>177847</v>
      </c>
      <c r="J30" s="468">
        <v>37836</v>
      </c>
      <c r="K30" s="470">
        <v>3364</v>
      </c>
      <c r="L30" s="470"/>
      <c r="M30" s="469">
        <v>2906</v>
      </c>
      <c r="N30" s="468">
        <v>424</v>
      </c>
      <c r="O30" s="468">
        <v>1876</v>
      </c>
      <c r="P30" s="468">
        <v>606</v>
      </c>
      <c r="Q30" s="460" t="s">
        <v>383</v>
      </c>
      <c r="R30" s="471">
        <v>1.2</v>
      </c>
      <c r="S30" s="472">
        <v>1.3</v>
      </c>
      <c r="T30" s="472">
        <v>1.1000000000000001</v>
      </c>
      <c r="U30" s="473">
        <v>1.6</v>
      </c>
      <c r="V30" s="472" t="s">
        <v>384</v>
      </c>
      <c r="W30" s="472">
        <v>13.1</v>
      </c>
      <c r="X30" s="472">
        <v>71.599999999999994</v>
      </c>
      <c r="Y30" s="472">
        <v>15.3</v>
      </c>
      <c r="Z30" s="478">
        <v>40.93</v>
      </c>
      <c r="AA30" s="473">
        <v>116.9</v>
      </c>
    </row>
    <row r="31" spans="1:27" ht="12.6" customHeight="1">
      <c r="A31" s="477" t="s">
        <v>410</v>
      </c>
      <c r="B31" s="488">
        <v>230893</v>
      </c>
      <c r="C31" s="488">
        <v>29852</v>
      </c>
      <c r="D31" s="488">
        <v>156192</v>
      </c>
      <c r="E31" s="488">
        <v>41692</v>
      </c>
      <c r="F31" s="488">
        <v>3157</v>
      </c>
      <c r="G31" s="469">
        <v>229547</v>
      </c>
      <c r="H31" s="468">
        <v>29899</v>
      </c>
      <c r="I31" s="468">
        <v>155838</v>
      </c>
      <c r="J31" s="468">
        <v>40653</v>
      </c>
      <c r="K31" s="470">
        <v>3157</v>
      </c>
      <c r="L31" s="470"/>
      <c r="M31" s="469">
        <v>1346</v>
      </c>
      <c r="N31" s="468">
        <v>-47</v>
      </c>
      <c r="O31" s="468">
        <v>354</v>
      </c>
      <c r="P31" s="468">
        <v>1039</v>
      </c>
      <c r="Q31" s="460" t="s">
        <v>386</v>
      </c>
      <c r="R31" s="471">
        <v>0.6</v>
      </c>
      <c r="S31" s="472">
        <v>-0.2</v>
      </c>
      <c r="T31" s="472">
        <v>0.2</v>
      </c>
      <c r="U31" s="473">
        <v>2.6</v>
      </c>
      <c r="V31" s="472" t="s">
        <v>384</v>
      </c>
      <c r="W31" s="472">
        <v>13.1</v>
      </c>
      <c r="X31" s="472">
        <v>68.599999999999994</v>
      </c>
      <c r="Y31" s="472">
        <v>18.3</v>
      </c>
      <c r="Z31" s="478">
        <v>42.33</v>
      </c>
      <c r="AA31" s="473">
        <v>139.69999999999999</v>
      </c>
    </row>
    <row r="32" spans="1:27" ht="12.6" customHeight="1">
      <c r="A32" s="477" t="s">
        <v>411</v>
      </c>
      <c r="B32" s="488">
        <v>216475</v>
      </c>
      <c r="C32" s="488">
        <v>23325</v>
      </c>
      <c r="D32" s="488">
        <v>148458</v>
      </c>
      <c r="E32" s="488">
        <v>41554</v>
      </c>
      <c r="F32" s="488">
        <v>3138</v>
      </c>
      <c r="G32" s="469">
        <v>215610</v>
      </c>
      <c r="H32" s="468">
        <v>23609</v>
      </c>
      <c r="I32" s="468">
        <v>148139</v>
      </c>
      <c r="J32" s="468">
        <v>40724</v>
      </c>
      <c r="K32" s="470">
        <v>3138</v>
      </c>
      <c r="L32" s="470"/>
      <c r="M32" s="469">
        <v>865</v>
      </c>
      <c r="N32" s="468">
        <v>-284</v>
      </c>
      <c r="O32" s="468">
        <v>319</v>
      </c>
      <c r="P32" s="468">
        <v>830</v>
      </c>
      <c r="Q32" s="460" t="s">
        <v>386</v>
      </c>
      <c r="R32" s="471">
        <v>0.4</v>
      </c>
      <c r="S32" s="472">
        <v>-1.2</v>
      </c>
      <c r="T32" s="472">
        <v>0.2</v>
      </c>
      <c r="U32" s="473">
        <v>2</v>
      </c>
      <c r="V32" s="472" t="s">
        <v>384</v>
      </c>
      <c r="W32" s="472">
        <v>10.9</v>
      </c>
      <c r="X32" s="472">
        <v>69.599999999999994</v>
      </c>
      <c r="Y32" s="472">
        <v>19.5</v>
      </c>
      <c r="Z32" s="478">
        <v>43</v>
      </c>
      <c r="AA32" s="473">
        <v>178.2</v>
      </c>
    </row>
    <row r="33" spans="1:27" ht="12.6" customHeight="1">
      <c r="A33" s="477" t="s">
        <v>412</v>
      </c>
      <c r="B33" s="488">
        <v>230080</v>
      </c>
      <c r="C33" s="488">
        <v>28876</v>
      </c>
      <c r="D33" s="488">
        <v>135704</v>
      </c>
      <c r="E33" s="488">
        <v>44324</v>
      </c>
      <c r="F33" s="488">
        <v>21176</v>
      </c>
      <c r="G33" s="469">
        <v>228135</v>
      </c>
      <c r="H33" s="468">
        <v>28722</v>
      </c>
      <c r="I33" s="468">
        <v>134923</v>
      </c>
      <c r="J33" s="468">
        <v>43314</v>
      </c>
      <c r="K33" s="470">
        <v>21176</v>
      </c>
      <c r="L33" s="470"/>
      <c r="M33" s="469">
        <v>1945</v>
      </c>
      <c r="N33" s="468">
        <v>154</v>
      </c>
      <c r="O33" s="468">
        <v>781</v>
      </c>
      <c r="P33" s="468">
        <v>1010</v>
      </c>
      <c r="Q33" s="460" t="s">
        <v>383</v>
      </c>
      <c r="R33" s="471">
        <v>0.9</v>
      </c>
      <c r="S33" s="472">
        <v>0.5</v>
      </c>
      <c r="T33" s="472">
        <v>0.6</v>
      </c>
      <c r="U33" s="473">
        <v>2.2999999999999998</v>
      </c>
      <c r="V33" s="472" t="s">
        <v>384</v>
      </c>
      <c r="W33" s="472">
        <v>13.8</v>
      </c>
      <c r="X33" s="472">
        <v>65</v>
      </c>
      <c r="Y33" s="472">
        <v>21.2</v>
      </c>
      <c r="Z33" s="478">
        <v>43.69</v>
      </c>
      <c r="AA33" s="473">
        <v>153.5</v>
      </c>
    </row>
    <row r="34" spans="1:27" ht="12.6" customHeight="1">
      <c r="A34" s="477" t="s">
        <v>413</v>
      </c>
      <c r="B34" s="488">
        <v>177360</v>
      </c>
      <c r="C34" s="488">
        <v>23353</v>
      </c>
      <c r="D34" s="488">
        <v>111904</v>
      </c>
      <c r="E34" s="488">
        <v>40756</v>
      </c>
      <c r="F34" s="488">
        <v>1347</v>
      </c>
      <c r="G34" s="469">
        <v>176483</v>
      </c>
      <c r="H34" s="468">
        <v>23565</v>
      </c>
      <c r="I34" s="468">
        <v>111675</v>
      </c>
      <c r="J34" s="468">
        <v>39896</v>
      </c>
      <c r="K34" s="470">
        <v>1347</v>
      </c>
      <c r="L34" s="470"/>
      <c r="M34" s="469">
        <v>877</v>
      </c>
      <c r="N34" s="468">
        <v>-212</v>
      </c>
      <c r="O34" s="468">
        <v>229</v>
      </c>
      <c r="P34" s="468">
        <v>860</v>
      </c>
      <c r="Q34" s="460" t="s">
        <v>386</v>
      </c>
      <c r="R34" s="471">
        <v>0.5</v>
      </c>
      <c r="S34" s="472">
        <v>-0.9</v>
      </c>
      <c r="T34" s="472">
        <v>0.2</v>
      </c>
      <c r="U34" s="473">
        <v>2.2000000000000002</v>
      </c>
      <c r="V34" s="472" t="s">
        <v>388</v>
      </c>
      <c r="W34" s="472">
        <v>13.3</v>
      </c>
      <c r="X34" s="472">
        <v>63.6</v>
      </c>
      <c r="Y34" s="472">
        <v>23.2</v>
      </c>
      <c r="Z34" s="478">
        <v>44.78</v>
      </c>
      <c r="AA34" s="473">
        <v>174.5</v>
      </c>
    </row>
    <row r="35" spans="1:27" ht="9" customHeight="1">
      <c r="A35" s="489"/>
      <c r="B35" s="468"/>
      <c r="C35" s="468"/>
      <c r="D35" s="468"/>
      <c r="E35" s="468"/>
      <c r="F35" s="468"/>
      <c r="G35" s="469"/>
      <c r="H35" s="468"/>
      <c r="I35" s="468"/>
      <c r="J35" s="468"/>
      <c r="K35" s="470"/>
      <c r="L35" s="470"/>
      <c r="M35" s="469"/>
      <c r="N35" s="468"/>
      <c r="O35" s="468"/>
      <c r="P35" s="468"/>
      <c r="Q35" s="460"/>
      <c r="R35" s="471"/>
      <c r="S35" s="472"/>
      <c r="T35" s="472"/>
      <c r="U35" s="473"/>
      <c r="V35" s="472"/>
      <c r="W35" s="472"/>
      <c r="X35" s="472"/>
      <c r="Y35" s="472"/>
      <c r="Z35" s="474"/>
      <c r="AA35" s="473"/>
    </row>
    <row r="36" spans="1:27" ht="12.6" customHeight="1">
      <c r="A36" s="490" t="s">
        <v>414</v>
      </c>
      <c r="B36" s="460">
        <v>705364</v>
      </c>
      <c r="C36" s="460">
        <v>79018</v>
      </c>
      <c r="D36" s="460">
        <v>401516</v>
      </c>
      <c r="E36" s="460">
        <v>222151</v>
      </c>
      <c r="F36" s="460">
        <v>2679</v>
      </c>
      <c r="G36" s="461">
        <v>709759</v>
      </c>
      <c r="H36" s="460">
        <v>80680</v>
      </c>
      <c r="I36" s="460">
        <v>405842</v>
      </c>
      <c r="J36" s="460">
        <v>220558</v>
      </c>
      <c r="K36" s="462">
        <v>2679</v>
      </c>
      <c r="L36" s="462"/>
      <c r="M36" s="461">
        <v>-4395</v>
      </c>
      <c r="N36" s="460">
        <v>-1662</v>
      </c>
      <c r="O36" s="460">
        <v>-4326</v>
      </c>
      <c r="P36" s="460">
        <v>1593</v>
      </c>
      <c r="Q36" s="460" t="s">
        <v>386</v>
      </c>
      <c r="R36" s="463">
        <v>-0.6</v>
      </c>
      <c r="S36" s="464">
        <v>-2.1</v>
      </c>
      <c r="T36" s="464">
        <v>-1.1000000000000001</v>
      </c>
      <c r="U36" s="465">
        <v>0.7</v>
      </c>
      <c r="V36" s="464" t="s">
        <v>384</v>
      </c>
      <c r="W36" s="464">
        <v>11.2</v>
      </c>
      <c r="X36" s="464">
        <v>57.1</v>
      </c>
      <c r="Y36" s="464">
        <v>31.6</v>
      </c>
      <c r="Z36" s="466">
        <v>49.07</v>
      </c>
      <c r="AA36" s="465">
        <v>281.10000000000002</v>
      </c>
    </row>
    <row r="37" spans="1:27" ht="12.6" customHeight="1">
      <c r="A37" s="489" t="s">
        <v>415</v>
      </c>
      <c r="B37" s="468">
        <v>400221</v>
      </c>
      <c r="C37" s="468">
        <v>44197</v>
      </c>
      <c r="D37" s="468">
        <v>230727</v>
      </c>
      <c r="E37" s="468">
        <v>123854</v>
      </c>
      <c r="F37" s="468">
        <v>1443</v>
      </c>
      <c r="G37" s="469">
        <v>403383</v>
      </c>
      <c r="H37" s="468">
        <v>45352</v>
      </c>
      <c r="I37" s="468">
        <v>234020</v>
      </c>
      <c r="J37" s="468">
        <v>122568</v>
      </c>
      <c r="K37" s="470">
        <v>1443</v>
      </c>
      <c r="L37" s="470"/>
      <c r="M37" s="469">
        <v>-3162</v>
      </c>
      <c r="N37" s="468">
        <v>-1155</v>
      </c>
      <c r="O37" s="468">
        <v>-3293</v>
      </c>
      <c r="P37" s="468">
        <v>1286</v>
      </c>
      <c r="Q37" s="460" t="s">
        <v>383</v>
      </c>
      <c r="R37" s="471">
        <v>-0.8</v>
      </c>
      <c r="S37" s="472">
        <v>-2.5</v>
      </c>
      <c r="T37" s="472">
        <v>-1.4</v>
      </c>
      <c r="U37" s="473">
        <v>1</v>
      </c>
      <c r="V37" s="472" t="s">
        <v>384</v>
      </c>
      <c r="W37" s="472">
        <v>11.1</v>
      </c>
      <c r="X37" s="472">
        <v>57.9</v>
      </c>
      <c r="Y37" s="472">
        <v>31.1</v>
      </c>
      <c r="Z37" s="478">
        <v>48.49</v>
      </c>
      <c r="AA37" s="473">
        <v>280.2</v>
      </c>
    </row>
    <row r="38" spans="1:27" ht="12.6" customHeight="1">
      <c r="A38" s="489" t="s">
        <v>416</v>
      </c>
      <c r="B38" s="468">
        <v>172129</v>
      </c>
      <c r="C38" s="468">
        <v>20109</v>
      </c>
      <c r="D38" s="468">
        <v>98194</v>
      </c>
      <c r="E38" s="468">
        <v>53469</v>
      </c>
      <c r="F38" s="468">
        <v>357</v>
      </c>
      <c r="G38" s="469">
        <v>172279</v>
      </c>
      <c r="H38" s="468">
        <v>20334</v>
      </c>
      <c r="I38" s="468">
        <v>98204</v>
      </c>
      <c r="J38" s="468">
        <v>53384</v>
      </c>
      <c r="K38" s="470">
        <v>357</v>
      </c>
      <c r="L38" s="470"/>
      <c r="M38" s="469">
        <v>-150</v>
      </c>
      <c r="N38" s="468">
        <v>-225</v>
      </c>
      <c r="O38" s="468">
        <v>-10</v>
      </c>
      <c r="P38" s="468">
        <v>85</v>
      </c>
      <c r="Q38" s="460" t="s">
        <v>386</v>
      </c>
      <c r="R38" s="471">
        <v>-0.1</v>
      </c>
      <c r="S38" s="472">
        <v>-1.1000000000000001</v>
      </c>
      <c r="T38" s="472">
        <v>0</v>
      </c>
      <c r="U38" s="473">
        <v>0.2</v>
      </c>
      <c r="V38" s="472" t="s">
        <v>384</v>
      </c>
      <c r="W38" s="472">
        <v>11.7</v>
      </c>
      <c r="X38" s="472">
        <v>57.2</v>
      </c>
      <c r="Y38" s="472">
        <v>31.1</v>
      </c>
      <c r="Z38" s="478">
        <v>49.27</v>
      </c>
      <c r="AA38" s="473">
        <v>265.89999999999998</v>
      </c>
    </row>
    <row r="39" spans="1:27" ht="12.6" customHeight="1">
      <c r="A39" s="489" t="s">
        <v>417</v>
      </c>
      <c r="B39" s="468">
        <v>57361</v>
      </c>
      <c r="C39" s="468">
        <v>6690</v>
      </c>
      <c r="D39" s="468">
        <v>32340</v>
      </c>
      <c r="E39" s="468">
        <v>18150</v>
      </c>
      <c r="F39" s="468">
        <v>181</v>
      </c>
      <c r="G39" s="469">
        <v>57598</v>
      </c>
      <c r="H39" s="468">
        <v>6744</v>
      </c>
      <c r="I39" s="468">
        <v>32505</v>
      </c>
      <c r="J39" s="468">
        <v>18168</v>
      </c>
      <c r="K39" s="470">
        <v>181</v>
      </c>
      <c r="L39" s="470"/>
      <c r="M39" s="469">
        <v>-237</v>
      </c>
      <c r="N39" s="468">
        <v>-54</v>
      </c>
      <c r="O39" s="468">
        <v>-165</v>
      </c>
      <c r="P39" s="468">
        <v>-18</v>
      </c>
      <c r="Q39" s="460" t="s">
        <v>386</v>
      </c>
      <c r="R39" s="471">
        <v>-0.4</v>
      </c>
      <c r="S39" s="472">
        <v>-0.8</v>
      </c>
      <c r="T39" s="472">
        <v>-0.5</v>
      </c>
      <c r="U39" s="473">
        <v>-0.1</v>
      </c>
      <c r="V39" s="472" t="s">
        <v>384</v>
      </c>
      <c r="W39" s="472">
        <v>11.7</v>
      </c>
      <c r="X39" s="472">
        <v>56.6</v>
      </c>
      <c r="Y39" s="472">
        <v>31.7</v>
      </c>
      <c r="Z39" s="478">
        <v>49.56</v>
      </c>
      <c r="AA39" s="473">
        <v>271.3</v>
      </c>
    </row>
    <row r="40" spans="1:27" ht="12.6" customHeight="1">
      <c r="A40" s="489" t="s">
        <v>418</v>
      </c>
      <c r="B40" s="468">
        <v>43723</v>
      </c>
      <c r="C40" s="468">
        <v>3935</v>
      </c>
      <c r="D40" s="468">
        <v>23106</v>
      </c>
      <c r="E40" s="468">
        <v>16660</v>
      </c>
      <c r="F40" s="468">
        <v>22</v>
      </c>
      <c r="G40" s="469">
        <v>44446</v>
      </c>
      <c r="H40" s="468">
        <v>4101</v>
      </c>
      <c r="I40" s="468">
        <v>23874</v>
      </c>
      <c r="J40" s="468">
        <v>16449</v>
      </c>
      <c r="K40" s="470">
        <v>22</v>
      </c>
      <c r="L40" s="470"/>
      <c r="M40" s="469">
        <v>-723</v>
      </c>
      <c r="N40" s="468">
        <v>-166</v>
      </c>
      <c r="O40" s="468">
        <v>-768</v>
      </c>
      <c r="P40" s="468">
        <v>211</v>
      </c>
      <c r="Q40" s="460" t="s">
        <v>386</v>
      </c>
      <c r="R40" s="471">
        <v>-1.6</v>
      </c>
      <c r="S40" s="472">
        <v>-4</v>
      </c>
      <c r="T40" s="472">
        <v>-3.2</v>
      </c>
      <c r="U40" s="473">
        <v>1.3</v>
      </c>
      <c r="V40" s="472" t="s">
        <v>384</v>
      </c>
      <c r="W40" s="472">
        <v>9</v>
      </c>
      <c r="X40" s="472">
        <v>52.9</v>
      </c>
      <c r="Y40" s="472">
        <v>38.1</v>
      </c>
      <c r="Z40" s="478">
        <v>52.72</v>
      </c>
      <c r="AA40" s="473">
        <v>423.4</v>
      </c>
    </row>
    <row r="41" spans="1:27" ht="12.6" customHeight="1">
      <c r="A41" s="489" t="s">
        <v>419</v>
      </c>
      <c r="B41" s="468">
        <v>31930</v>
      </c>
      <c r="C41" s="468">
        <v>4087</v>
      </c>
      <c r="D41" s="468">
        <v>17149</v>
      </c>
      <c r="E41" s="468">
        <v>10018</v>
      </c>
      <c r="F41" s="468">
        <v>676</v>
      </c>
      <c r="G41" s="469">
        <v>32053</v>
      </c>
      <c r="H41" s="468">
        <v>4149</v>
      </c>
      <c r="I41" s="468">
        <v>17239</v>
      </c>
      <c r="J41" s="468">
        <v>9989</v>
      </c>
      <c r="K41" s="470">
        <v>676</v>
      </c>
      <c r="L41" s="470"/>
      <c r="M41" s="469">
        <v>-123</v>
      </c>
      <c r="N41" s="468">
        <v>-62</v>
      </c>
      <c r="O41" s="468">
        <v>-90</v>
      </c>
      <c r="P41" s="468">
        <v>29</v>
      </c>
      <c r="Q41" s="460" t="s">
        <v>386</v>
      </c>
      <c r="R41" s="471">
        <v>-0.4</v>
      </c>
      <c r="S41" s="472">
        <v>-1.5</v>
      </c>
      <c r="T41" s="472">
        <v>-0.5</v>
      </c>
      <c r="U41" s="473">
        <v>0.3</v>
      </c>
      <c r="V41" s="472" t="s">
        <v>384</v>
      </c>
      <c r="W41" s="472">
        <v>13.1</v>
      </c>
      <c r="X41" s="472">
        <v>54.9</v>
      </c>
      <c r="Y41" s="472">
        <v>32.1</v>
      </c>
      <c r="Z41" s="478">
        <v>49.33</v>
      </c>
      <c r="AA41" s="473">
        <v>245.1</v>
      </c>
    </row>
    <row r="42" spans="1:27" ht="9" customHeight="1">
      <c r="A42" s="489"/>
      <c r="B42" s="468"/>
      <c r="C42" s="468"/>
      <c r="D42" s="468"/>
      <c r="E42" s="468"/>
      <c r="F42" s="468"/>
      <c r="G42" s="469"/>
      <c r="H42" s="468"/>
      <c r="I42" s="468"/>
      <c r="J42" s="468"/>
      <c r="K42" s="470"/>
      <c r="L42" s="470"/>
      <c r="M42" s="469"/>
      <c r="N42" s="468"/>
      <c r="O42" s="468"/>
      <c r="P42" s="468"/>
      <c r="Q42" s="460"/>
      <c r="R42" s="471"/>
      <c r="S42" s="472"/>
      <c r="T42" s="472"/>
      <c r="U42" s="473"/>
      <c r="V42" s="472"/>
      <c r="W42" s="472"/>
      <c r="X42" s="472"/>
      <c r="Y42" s="472"/>
      <c r="Z42" s="474"/>
      <c r="AA42" s="473"/>
    </row>
    <row r="43" spans="1:27" ht="12.6" customHeight="1">
      <c r="A43" s="490" t="s">
        <v>420</v>
      </c>
      <c r="B43" s="460">
        <v>1572147</v>
      </c>
      <c r="C43" s="460">
        <v>192532</v>
      </c>
      <c r="D43" s="460">
        <v>975351</v>
      </c>
      <c r="E43" s="460">
        <v>392587</v>
      </c>
      <c r="F43" s="460">
        <v>11677</v>
      </c>
      <c r="G43" s="461">
        <v>1568539</v>
      </c>
      <c r="H43" s="460">
        <v>194831</v>
      </c>
      <c r="I43" s="460">
        <v>978608</v>
      </c>
      <c r="J43" s="460">
        <v>383423</v>
      </c>
      <c r="K43" s="462">
        <v>11677</v>
      </c>
      <c r="L43" s="462"/>
      <c r="M43" s="461">
        <v>3608</v>
      </c>
      <c r="N43" s="460">
        <v>-2299</v>
      </c>
      <c r="O43" s="460">
        <v>-3257</v>
      </c>
      <c r="P43" s="460">
        <v>9164</v>
      </c>
      <c r="Q43" s="460" t="s">
        <v>386</v>
      </c>
      <c r="R43" s="463">
        <v>0.2</v>
      </c>
      <c r="S43" s="464">
        <v>-1.2</v>
      </c>
      <c r="T43" s="464">
        <v>-0.3</v>
      </c>
      <c r="U43" s="465">
        <v>2.4</v>
      </c>
      <c r="V43" s="464" t="s">
        <v>384</v>
      </c>
      <c r="W43" s="464">
        <v>12.3</v>
      </c>
      <c r="X43" s="464">
        <v>62.5</v>
      </c>
      <c r="Y43" s="464">
        <v>25.2</v>
      </c>
      <c r="Z43" s="466">
        <v>45.51</v>
      </c>
      <c r="AA43" s="465">
        <v>203.9</v>
      </c>
    </row>
    <row r="44" spans="1:27" ht="12.6" customHeight="1">
      <c r="A44" s="489" t="s">
        <v>421</v>
      </c>
      <c r="B44" s="468">
        <v>722688</v>
      </c>
      <c r="C44" s="468">
        <v>86306</v>
      </c>
      <c r="D44" s="468">
        <v>448140</v>
      </c>
      <c r="E44" s="468">
        <v>182173</v>
      </c>
      <c r="F44" s="468">
        <v>6069</v>
      </c>
      <c r="G44" s="469">
        <v>721477</v>
      </c>
      <c r="H44" s="468">
        <v>87308</v>
      </c>
      <c r="I44" s="468">
        <v>450253</v>
      </c>
      <c r="J44" s="468">
        <v>177847</v>
      </c>
      <c r="K44" s="470">
        <v>6069</v>
      </c>
      <c r="L44" s="470"/>
      <c r="M44" s="469">
        <v>1211</v>
      </c>
      <c r="N44" s="468">
        <v>-1002</v>
      </c>
      <c r="O44" s="468">
        <v>-2113</v>
      </c>
      <c r="P44" s="468">
        <v>4326</v>
      </c>
      <c r="Q44" s="460" t="s">
        <v>386</v>
      </c>
      <c r="R44" s="471">
        <v>0.2</v>
      </c>
      <c r="S44" s="472">
        <v>-1.1000000000000001</v>
      </c>
      <c r="T44" s="472">
        <v>-0.5</v>
      </c>
      <c r="U44" s="473">
        <v>2.4</v>
      </c>
      <c r="V44" s="472" t="s">
        <v>384</v>
      </c>
      <c r="W44" s="472">
        <v>12</v>
      </c>
      <c r="X44" s="472">
        <v>62.5</v>
      </c>
      <c r="Y44" s="472">
        <v>25.4</v>
      </c>
      <c r="Z44" s="478">
        <v>45.69</v>
      </c>
      <c r="AA44" s="473">
        <v>211.1</v>
      </c>
    </row>
    <row r="45" spans="1:27" ht="12.6" customHeight="1">
      <c r="A45" s="477" t="s">
        <v>400</v>
      </c>
      <c r="B45" s="468">
        <v>172347</v>
      </c>
      <c r="C45" s="468">
        <v>20365</v>
      </c>
      <c r="D45" s="468">
        <v>104570</v>
      </c>
      <c r="E45" s="468">
        <v>46205</v>
      </c>
      <c r="F45" s="468">
        <v>1207</v>
      </c>
      <c r="G45" s="469">
        <v>173073</v>
      </c>
      <c r="H45" s="468">
        <v>20879</v>
      </c>
      <c r="I45" s="468">
        <v>106073</v>
      </c>
      <c r="J45" s="468">
        <v>44914</v>
      </c>
      <c r="K45" s="470">
        <v>1207</v>
      </c>
      <c r="L45" s="470"/>
      <c r="M45" s="469">
        <v>-726</v>
      </c>
      <c r="N45" s="468">
        <v>-514</v>
      </c>
      <c r="O45" s="468">
        <v>-1503</v>
      </c>
      <c r="P45" s="468">
        <v>1291</v>
      </c>
      <c r="Q45" s="460" t="s">
        <v>188</v>
      </c>
      <c r="R45" s="471">
        <v>-0.4</v>
      </c>
      <c r="S45" s="472">
        <v>-2.5</v>
      </c>
      <c r="T45" s="472">
        <v>-1.4</v>
      </c>
      <c r="U45" s="473">
        <v>2.9</v>
      </c>
      <c r="V45" s="472" t="s">
        <v>388</v>
      </c>
      <c r="W45" s="472">
        <v>11.9</v>
      </c>
      <c r="X45" s="472">
        <v>61.1</v>
      </c>
      <c r="Y45" s="472">
        <v>27</v>
      </c>
      <c r="Z45" s="478">
        <v>46.4</v>
      </c>
      <c r="AA45" s="473">
        <v>226.9</v>
      </c>
    </row>
    <row r="46" spans="1:27" ht="12.6" customHeight="1">
      <c r="A46" s="477" t="s">
        <v>422</v>
      </c>
      <c r="B46" s="468">
        <v>271644</v>
      </c>
      <c r="C46" s="468">
        <v>33750</v>
      </c>
      <c r="D46" s="468">
        <v>170706</v>
      </c>
      <c r="E46" s="468">
        <v>64881</v>
      </c>
      <c r="F46" s="468">
        <v>2307</v>
      </c>
      <c r="G46" s="469">
        <v>270812</v>
      </c>
      <c r="H46" s="468">
        <v>34125</v>
      </c>
      <c r="I46" s="468">
        <v>171160</v>
      </c>
      <c r="J46" s="468">
        <v>63220</v>
      </c>
      <c r="K46" s="470">
        <v>2307</v>
      </c>
      <c r="L46" s="470"/>
      <c r="M46" s="469">
        <v>832</v>
      </c>
      <c r="N46" s="468">
        <v>-375</v>
      </c>
      <c r="O46" s="468">
        <v>-454</v>
      </c>
      <c r="P46" s="468">
        <v>1661</v>
      </c>
      <c r="Q46" s="460" t="s">
        <v>188</v>
      </c>
      <c r="R46" s="471">
        <v>0.3</v>
      </c>
      <c r="S46" s="472">
        <v>-1.1000000000000001</v>
      </c>
      <c r="T46" s="472">
        <v>-0.3</v>
      </c>
      <c r="U46" s="473">
        <v>2.6</v>
      </c>
      <c r="V46" s="472" t="s">
        <v>384</v>
      </c>
      <c r="W46" s="472">
        <v>12.5</v>
      </c>
      <c r="X46" s="472">
        <v>63.4</v>
      </c>
      <c r="Y46" s="472">
        <v>24.1</v>
      </c>
      <c r="Z46" s="478">
        <v>44.92</v>
      </c>
      <c r="AA46" s="473">
        <v>192.2</v>
      </c>
    </row>
    <row r="47" spans="1:27" ht="12.6" customHeight="1">
      <c r="A47" s="477" t="s">
        <v>392</v>
      </c>
      <c r="B47" s="468">
        <v>278697</v>
      </c>
      <c r="C47" s="468">
        <v>32191</v>
      </c>
      <c r="D47" s="468">
        <v>172864</v>
      </c>
      <c r="E47" s="468">
        <v>71087</v>
      </c>
      <c r="F47" s="468">
        <v>2555</v>
      </c>
      <c r="G47" s="469">
        <v>277592</v>
      </c>
      <c r="H47" s="468">
        <v>32304</v>
      </c>
      <c r="I47" s="468">
        <v>173020</v>
      </c>
      <c r="J47" s="468">
        <v>69713</v>
      </c>
      <c r="K47" s="470">
        <v>2555</v>
      </c>
      <c r="L47" s="470"/>
      <c r="M47" s="469">
        <v>1105</v>
      </c>
      <c r="N47" s="468">
        <v>-113</v>
      </c>
      <c r="O47" s="468">
        <v>-156</v>
      </c>
      <c r="P47" s="468">
        <v>1374</v>
      </c>
      <c r="Q47" s="460" t="s">
        <v>188</v>
      </c>
      <c r="R47" s="471">
        <v>0.4</v>
      </c>
      <c r="S47" s="472">
        <v>-0.3</v>
      </c>
      <c r="T47" s="472">
        <v>-0.1</v>
      </c>
      <c r="U47" s="473">
        <v>2</v>
      </c>
      <c r="V47" s="472" t="s">
        <v>384</v>
      </c>
      <c r="W47" s="472">
        <v>11.7</v>
      </c>
      <c r="X47" s="472">
        <v>62.6</v>
      </c>
      <c r="Y47" s="472">
        <v>25.7</v>
      </c>
      <c r="Z47" s="478">
        <v>46</v>
      </c>
      <c r="AA47" s="473">
        <v>220.8</v>
      </c>
    </row>
    <row r="48" spans="1:27" ht="12.6" customHeight="1">
      <c r="A48" s="489" t="s">
        <v>423</v>
      </c>
      <c r="B48" s="468">
        <v>225812</v>
      </c>
      <c r="C48" s="468">
        <v>27860</v>
      </c>
      <c r="D48" s="468">
        <v>141634</v>
      </c>
      <c r="E48" s="468">
        <v>55191</v>
      </c>
      <c r="F48" s="468">
        <v>1127</v>
      </c>
      <c r="G48" s="469">
        <v>225524</v>
      </c>
      <c r="H48" s="468">
        <v>28343</v>
      </c>
      <c r="I48" s="468">
        <v>142448</v>
      </c>
      <c r="J48" s="468">
        <v>53606</v>
      </c>
      <c r="K48" s="470">
        <v>1127</v>
      </c>
      <c r="L48" s="470"/>
      <c r="M48" s="469">
        <v>288</v>
      </c>
      <c r="N48" s="468">
        <v>-483</v>
      </c>
      <c r="O48" s="468">
        <v>-814</v>
      </c>
      <c r="P48" s="468">
        <v>1585</v>
      </c>
      <c r="Q48" s="460" t="s">
        <v>386</v>
      </c>
      <c r="R48" s="471">
        <v>0.1</v>
      </c>
      <c r="S48" s="472">
        <v>-1.7</v>
      </c>
      <c r="T48" s="472">
        <v>-0.6</v>
      </c>
      <c r="U48" s="473">
        <v>3</v>
      </c>
      <c r="V48" s="472" t="s">
        <v>384</v>
      </c>
      <c r="W48" s="472">
        <v>12.4</v>
      </c>
      <c r="X48" s="472">
        <v>63</v>
      </c>
      <c r="Y48" s="472">
        <v>24.6</v>
      </c>
      <c r="Z48" s="478">
        <v>45.03</v>
      </c>
      <c r="AA48" s="473">
        <v>198.1</v>
      </c>
    </row>
    <row r="49" spans="1:27" ht="12.6" customHeight="1">
      <c r="A49" s="489" t="s">
        <v>424</v>
      </c>
      <c r="B49" s="468">
        <v>235378</v>
      </c>
      <c r="C49" s="468">
        <v>29695</v>
      </c>
      <c r="D49" s="468">
        <v>148339</v>
      </c>
      <c r="E49" s="468">
        <v>55922</v>
      </c>
      <c r="F49" s="468">
        <v>1422</v>
      </c>
      <c r="G49" s="469">
        <v>234138</v>
      </c>
      <c r="H49" s="468">
        <v>29793</v>
      </c>
      <c r="I49" s="468">
        <v>147991</v>
      </c>
      <c r="J49" s="468">
        <v>54932</v>
      </c>
      <c r="K49" s="470">
        <v>1422</v>
      </c>
      <c r="L49" s="470"/>
      <c r="M49" s="469">
        <v>1240</v>
      </c>
      <c r="N49" s="468">
        <v>-98</v>
      </c>
      <c r="O49" s="468">
        <v>348</v>
      </c>
      <c r="P49" s="468">
        <v>990</v>
      </c>
      <c r="Q49" s="460" t="s">
        <v>386</v>
      </c>
      <c r="R49" s="471">
        <v>0.5</v>
      </c>
      <c r="S49" s="472">
        <v>-0.3</v>
      </c>
      <c r="T49" s="472">
        <v>0.2</v>
      </c>
      <c r="U49" s="473">
        <v>1.8</v>
      </c>
      <c r="V49" s="472" t="s">
        <v>384</v>
      </c>
      <c r="W49" s="472">
        <v>12.7</v>
      </c>
      <c r="X49" s="472">
        <v>63.4</v>
      </c>
      <c r="Y49" s="472">
        <v>23.9</v>
      </c>
      <c r="Z49" s="478">
        <v>45</v>
      </c>
      <c r="AA49" s="473">
        <v>188.3</v>
      </c>
    </row>
    <row r="50" spans="1:27" ht="12.6" customHeight="1">
      <c r="A50" s="489" t="s">
        <v>425</v>
      </c>
      <c r="B50" s="468">
        <v>131412</v>
      </c>
      <c r="C50" s="468">
        <v>17495</v>
      </c>
      <c r="D50" s="468">
        <v>81223</v>
      </c>
      <c r="E50" s="468">
        <v>32202</v>
      </c>
      <c r="F50" s="468">
        <v>492</v>
      </c>
      <c r="G50" s="469">
        <v>130688</v>
      </c>
      <c r="H50" s="468">
        <v>17673</v>
      </c>
      <c r="I50" s="468">
        <v>81105</v>
      </c>
      <c r="J50" s="468">
        <v>31418</v>
      </c>
      <c r="K50" s="470">
        <v>492</v>
      </c>
      <c r="L50" s="470"/>
      <c r="M50" s="469">
        <v>724</v>
      </c>
      <c r="N50" s="468">
        <v>-178</v>
      </c>
      <c r="O50" s="468">
        <v>118</v>
      </c>
      <c r="P50" s="468">
        <v>784</v>
      </c>
      <c r="Q50" s="460" t="s">
        <v>386</v>
      </c>
      <c r="R50" s="471">
        <v>0.6</v>
      </c>
      <c r="S50" s="472">
        <v>-1</v>
      </c>
      <c r="T50" s="472">
        <v>0.1</v>
      </c>
      <c r="U50" s="473">
        <v>2.5</v>
      </c>
      <c r="V50" s="472" t="s">
        <v>384</v>
      </c>
      <c r="W50" s="472">
        <v>13.4</v>
      </c>
      <c r="X50" s="472">
        <v>62</v>
      </c>
      <c r="Y50" s="472">
        <v>24.6</v>
      </c>
      <c r="Z50" s="478">
        <v>45.02</v>
      </c>
      <c r="AA50" s="473">
        <v>184.1</v>
      </c>
    </row>
    <row r="51" spans="1:27" ht="12.6" customHeight="1">
      <c r="A51" s="489" t="s">
        <v>426</v>
      </c>
      <c r="B51" s="468">
        <v>129467</v>
      </c>
      <c r="C51" s="468">
        <v>15193</v>
      </c>
      <c r="D51" s="468">
        <v>81036</v>
      </c>
      <c r="E51" s="468">
        <v>31945</v>
      </c>
      <c r="F51" s="468">
        <v>1293</v>
      </c>
      <c r="G51" s="469">
        <v>129033</v>
      </c>
      <c r="H51" s="468">
        <v>15334</v>
      </c>
      <c r="I51" s="468">
        <v>81208</v>
      </c>
      <c r="J51" s="468">
        <v>31198</v>
      </c>
      <c r="K51" s="470">
        <v>1293</v>
      </c>
      <c r="L51" s="470"/>
      <c r="M51" s="469">
        <v>434</v>
      </c>
      <c r="N51" s="468">
        <v>-141</v>
      </c>
      <c r="O51" s="468">
        <v>-172</v>
      </c>
      <c r="P51" s="468">
        <v>747</v>
      </c>
      <c r="Q51" s="460" t="s">
        <v>386</v>
      </c>
      <c r="R51" s="471">
        <v>0.3</v>
      </c>
      <c r="S51" s="472">
        <v>-0.9</v>
      </c>
      <c r="T51" s="472">
        <v>-0.2</v>
      </c>
      <c r="U51" s="473">
        <v>2.4</v>
      </c>
      <c r="V51" s="472" t="s">
        <v>384</v>
      </c>
      <c r="W51" s="472">
        <v>11.9</v>
      </c>
      <c r="X51" s="472">
        <v>63.2</v>
      </c>
      <c r="Y51" s="472">
        <v>24.9</v>
      </c>
      <c r="Z51" s="478">
        <v>45.84</v>
      </c>
      <c r="AA51" s="473">
        <v>210.3</v>
      </c>
    </row>
    <row r="52" spans="1:27" ht="12.6" customHeight="1">
      <c r="A52" s="489" t="s">
        <v>427</v>
      </c>
      <c r="B52" s="468">
        <v>84250</v>
      </c>
      <c r="C52" s="468">
        <v>11306</v>
      </c>
      <c r="D52" s="468">
        <v>49796</v>
      </c>
      <c r="E52" s="468">
        <v>22746</v>
      </c>
      <c r="F52" s="468">
        <v>402</v>
      </c>
      <c r="G52" s="469">
        <v>84367</v>
      </c>
      <c r="H52" s="468">
        <v>11601</v>
      </c>
      <c r="I52" s="468">
        <v>49985</v>
      </c>
      <c r="J52" s="468">
        <v>22379</v>
      </c>
      <c r="K52" s="470">
        <v>402</v>
      </c>
      <c r="L52" s="470"/>
      <c r="M52" s="469">
        <v>-117</v>
      </c>
      <c r="N52" s="468">
        <v>-295</v>
      </c>
      <c r="O52" s="468">
        <v>-189</v>
      </c>
      <c r="P52" s="468">
        <v>367</v>
      </c>
      <c r="Q52" s="460" t="s">
        <v>386</v>
      </c>
      <c r="R52" s="471">
        <v>-0.1</v>
      </c>
      <c r="S52" s="472">
        <v>-2.5</v>
      </c>
      <c r="T52" s="472">
        <v>-0.4</v>
      </c>
      <c r="U52" s="473">
        <v>1.6</v>
      </c>
      <c r="V52" s="472" t="s">
        <v>384</v>
      </c>
      <c r="W52" s="472">
        <v>13.5</v>
      </c>
      <c r="X52" s="472">
        <v>59.4</v>
      </c>
      <c r="Y52" s="472">
        <v>27.1</v>
      </c>
      <c r="Z52" s="478">
        <v>45.78</v>
      </c>
      <c r="AA52" s="473">
        <v>201.2</v>
      </c>
    </row>
    <row r="53" spans="1:27" ht="12.6" customHeight="1">
      <c r="A53" s="489" t="s">
        <v>428</v>
      </c>
      <c r="B53" s="468">
        <v>40008</v>
      </c>
      <c r="C53" s="468">
        <v>4375</v>
      </c>
      <c r="D53" s="468">
        <v>23474</v>
      </c>
      <c r="E53" s="468">
        <v>11291</v>
      </c>
      <c r="F53" s="468">
        <v>868</v>
      </c>
      <c r="G53" s="469">
        <v>40120</v>
      </c>
      <c r="H53" s="468">
        <v>4473</v>
      </c>
      <c r="I53" s="468">
        <v>23826</v>
      </c>
      <c r="J53" s="468">
        <v>10953</v>
      </c>
      <c r="K53" s="470">
        <v>868</v>
      </c>
      <c r="L53" s="470"/>
      <c r="M53" s="469">
        <v>-112</v>
      </c>
      <c r="N53" s="468">
        <v>-98</v>
      </c>
      <c r="O53" s="468">
        <v>-352</v>
      </c>
      <c r="P53" s="468">
        <v>338</v>
      </c>
      <c r="Q53" s="460" t="s">
        <v>386</v>
      </c>
      <c r="R53" s="471">
        <v>-0.3</v>
      </c>
      <c r="S53" s="472">
        <v>-2.2000000000000002</v>
      </c>
      <c r="T53" s="472">
        <v>-1.5</v>
      </c>
      <c r="U53" s="473">
        <v>3.1</v>
      </c>
      <c r="V53" s="472" t="s">
        <v>384</v>
      </c>
      <c r="W53" s="472">
        <v>11.2</v>
      </c>
      <c r="X53" s="472">
        <v>60</v>
      </c>
      <c r="Y53" s="472">
        <v>28.8</v>
      </c>
      <c r="Z53" s="478">
        <v>47.53</v>
      </c>
      <c r="AA53" s="473">
        <v>258.10000000000002</v>
      </c>
    </row>
    <row r="54" spans="1:27" ht="12.6" customHeight="1">
      <c r="A54" s="489" t="s">
        <v>429</v>
      </c>
      <c r="B54" s="468">
        <v>3132</v>
      </c>
      <c r="C54" s="468">
        <v>302</v>
      </c>
      <c r="D54" s="468">
        <v>1709</v>
      </c>
      <c r="E54" s="468">
        <v>1117</v>
      </c>
      <c r="F54" s="468">
        <v>4</v>
      </c>
      <c r="G54" s="469">
        <v>3192</v>
      </c>
      <c r="H54" s="468">
        <v>306</v>
      </c>
      <c r="I54" s="468">
        <v>1792</v>
      </c>
      <c r="J54" s="468">
        <v>1090</v>
      </c>
      <c r="K54" s="470">
        <v>4</v>
      </c>
      <c r="L54" s="470"/>
      <c r="M54" s="469">
        <v>-60</v>
      </c>
      <c r="N54" s="468">
        <v>-4</v>
      </c>
      <c r="O54" s="468">
        <v>-83</v>
      </c>
      <c r="P54" s="468">
        <v>27</v>
      </c>
      <c r="Q54" s="460" t="s">
        <v>386</v>
      </c>
      <c r="R54" s="471">
        <v>-1.9</v>
      </c>
      <c r="S54" s="472">
        <v>-1.3</v>
      </c>
      <c r="T54" s="472">
        <v>-4.5999999999999996</v>
      </c>
      <c r="U54" s="473">
        <v>2.5</v>
      </c>
      <c r="V54" s="472" t="s">
        <v>384</v>
      </c>
      <c r="W54" s="472">
        <v>9.6999999999999993</v>
      </c>
      <c r="X54" s="472">
        <v>54.6</v>
      </c>
      <c r="Y54" s="472">
        <v>35.700000000000003</v>
      </c>
      <c r="Z54" s="478">
        <v>52.07</v>
      </c>
      <c r="AA54" s="473">
        <v>369.9</v>
      </c>
    </row>
    <row r="55" spans="1:27" ht="9" customHeight="1">
      <c r="A55" s="489"/>
      <c r="B55" s="468"/>
      <c r="C55" s="468"/>
      <c r="D55" s="468"/>
      <c r="E55" s="468"/>
      <c r="F55" s="468"/>
      <c r="G55" s="469"/>
      <c r="H55" s="468"/>
      <c r="I55" s="468"/>
      <c r="J55" s="468"/>
      <c r="K55" s="470"/>
      <c r="L55" s="470"/>
      <c r="M55" s="469"/>
      <c r="N55" s="468"/>
      <c r="O55" s="468"/>
      <c r="P55" s="468"/>
      <c r="Q55" s="460"/>
      <c r="R55" s="471"/>
      <c r="S55" s="472"/>
      <c r="T55" s="472"/>
      <c r="U55" s="473"/>
      <c r="V55" s="472"/>
      <c r="W55" s="472"/>
      <c r="X55" s="472"/>
      <c r="Y55" s="472"/>
      <c r="Z55" s="474"/>
      <c r="AA55" s="473"/>
    </row>
    <row r="56" spans="1:27" ht="12.6" customHeight="1">
      <c r="A56" s="490" t="s">
        <v>430</v>
      </c>
      <c r="B56" s="460">
        <v>1304459</v>
      </c>
      <c r="C56" s="460">
        <v>164538</v>
      </c>
      <c r="D56" s="460">
        <v>791782</v>
      </c>
      <c r="E56" s="460">
        <v>342469</v>
      </c>
      <c r="F56" s="460">
        <v>5670</v>
      </c>
      <c r="G56" s="461">
        <v>1301667</v>
      </c>
      <c r="H56" s="460">
        <v>165755</v>
      </c>
      <c r="I56" s="460">
        <v>794849</v>
      </c>
      <c r="J56" s="460">
        <v>335393</v>
      </c>
      <c r="K56" s="462">
        <v>5670</v>
      </c>
      <c r="L56" s="462"/>
      <c r="M56" s="461">
        <v>2792</v>
      </c>
      <c r="N56" s="460">
        <v>-1217</v>
      </c>
      <c r="O56" s="460">
        <v>-3067</v>
      </c>
      <c r="P56" s="460">
        <v>7076</v>
      </c>
      <c r="Q56" s="460" t="s">
        <v>386</v>
      </c>
      <c r="R56" s="463">
        <v>0.2</v>
      </c>
      <c r="S56" s="464">
        <v>-0.7</v>
      </c>
      <c r="T56" s="464">
        <v>-0.4</v>
      </c>
      <c r="U56" s="465">
        <v>2.1</v>
      </c>
      <c r="V56" s="464" t="s">
        <v>384</v>
      </c>
      <c r="W56" s="464">
        <v>12.7</v>
      </c>
      <c r="X56" s="464">
        <v>61</v>
      </c>
      <c r="Y56" s="464">
        <v>26.4</v>
      </c>
      <c r="Z56" s="466">
        <v>46.14</v>
      </c>
      <c r="AA56" s="465">
        <v>208.1</v>
      </c>
    </row>
    <row r="57" spans="1:27" ht="12.6" customHeight="1">
      <c r="A57" s="489" t="s">
        <v>431</v>
      </c>
      <c r="B57" s="468">
        <v>258381</v>
      </c>
      <c r="C57" s="468">
        <v>30863</v>
      </c>
      <c r="D57" s="468">
        <v>155692</v>
      </c>
      <c r="E57" s="468">
        <v>70004</v>
      </c>
      <c r="F57" s="468">
        <v>1822</v>
      </c>
      <c r="G57" s="469">
        <v>258141</v>
      </c>
      <c r="H57" s="468">
        <v>31023</v>
      </c>
      <c r="I57" s="468">
        <v>156678</v>
      </c>
      <c r="J57" s="468">
        <v>68618</v>
      </c>
      <c r="K57" s="470">
        <v>1822</v>
      </c>
      <c r="L57" s="470"/>
      <c r="M57" s="469">
        <v>240</v>
      </c>
      <c r="N57" s="468">
        <v>-160</v>
      </c>
      <c r="O57" s="468">
        <v>-986</v>
      </c>
      <c r="P57" s="468">
        <v>1386</v>
      </c>
      <c r="Q57" s="468" t="s">
        <v>386</v>
      </c>
      <c r="R57" s="471">
        <v>0.1</v>
      </c>
      <c r="S57" s="472">
        <v>-0.5</v>
      </c>
      <c r="T57" s="472">
        <v>-0.6</v>
      </c>
      <c r="U57" s="473">
        <v>2</v>
      </c>
      <c r="V57" s="472" t="s">
        <v>384</v>
      </c>
      <c r="W57" s="472">
        <v>12</v>
      </c>
      <c r="X57" s="472">
        <v>60.7</v>
      </c>
      <c r="Y57" s="472">
        <v>27.3</v>
      </c>
      <c r="Z57" s="478">
        <v>46.74</v>
      </c>
      <c r="AA57" s="473">
        <v>226.8</v>
      </c>
    </row>
    <row r="58" spans="1:27" ht="12.6" customHeight="1">
      <c r="A58" s="489" t="s">
        <v>432</v>
      </c>
      <c r="B58" s="468">
        <v>429249</v>
      </c>
      <c r="C58" s="468">
        <v>57504</v>
      </c>
      <c r="D58" s="468">
        <v>267234</v>
      </c>
      <c r="E58" s="468">
        <v>104320</v>
      </c>
      <c r="F58" s="468">
        <v>191</v>
      </c>
      <c r="G58" s="469">
        <v>427199</v>
      </c>
      <c r="H58" s="468">
        <v>57668</v>
      </c>
      <c r="I58" s="468">
        <v>267108</v>
      </c>
      <c r="J58" s="468">
        <v>102232</v>
      </c>
      <c r="K58" s="470">
        <v>191</v>
      </c>
      <c r="L58" s="470"/>
      <c r="M58" s="469">
        <v>2050</v>
      </c>
      <c r="N58" s="468">
        <v>-164</v>
      </c>
      <c r="O58" s="468">
        <v>126</v>
      </c>
      <c r="P58" s="468">
        <v>2088</v>
      </c>
      <c r="Q58" s="468" t="s">
        <v>386</v>
      </c>
      <c r="R58" s="471">
        <v>0.5</v>
      </c>
      <c r="S58" s="472">
        <v>-0.3</v>
      </c>
      <c r="T58" s="472">
        <v>0</v>
      </c>
      <c r="U58" s="473">
        <v>2</v>
      </c>
      <c r="V58" s="472" t="s">
        <v>384</v>
      </c>
      <c r="W58" s="472">
        <v>13.4</v>
      </c>
      <c r="X58" s="472">
        <v>62.3</v>
      </c>
      <c r="Y58" s="472">
        <v>24.3</v>
      </c>
      <c r="Z58" s="478">
        <v>45.12</v>
      </c>
      <c r="AA58" s="473">
        <v>181.4</v>
      </c>
    </row>
    <row r="59" spans="1:27" ht="12.6" customHeight="1">
      <c r="A59" s="489" t="s">
        <v>433</v>
      </c>
      <c r="B59" s="468">
        <v>240951</v>
      </c>
      <c r="C59" s="468">
        <v>32039</v>
      </c>
      <c r="D59" s="468">
        <v>145642</v>
      </c>
      <c r="E59" s="468">
        <v>62500</v>
      </c>
      <c r="F59" s="468">
        <v>770</v>
      </c>
      <c r="G59" s="469">
        <v>240155</v>
      </c>
      <c r="H59" s="468">
        <v>32258</v>
      </c>
      <c r="I59" s="468">
        <v>145801</v>
      </c>
      <c r="J59" s="468">
        <v>61326</v>
      </c>
      <c r="K59" s="470">
        <v>770</v>
      </c>
      <c r="L59" s="470"/>
      <c r="M59" s="469">
        <v>796</v>
      </c>
      <c r="N59" s="468">
        <v>-219</v>
      </c>
      <c r="O59" s="468">
        <v>-159</v>
      </c>
      <c r="P59" s="468">
        <v>1174</v>
      </c>
      <c r="Q59" s="468" t="s">
        <v>386</v>
      </c>
      <c r="R59" s="471">
        <v>0.3</v>
      </c>
      <c r="S59" s="472">
        <v>-0.7</v>
      </c>
      <c r="T59" s="472">
        <v>-0.1</v>
      </c>
      <c r="U59" s="473">
        <v>1.9</v>
      </c>
      <c r="V59" s="472" t="s">
        <v>384</v>
      </c>
      <c r="W59" s="472">
        <v>13.3</v>
      </c>
      <c r="X59" s="472">
        <v>60.6</v>
      </c>
      <c r="Y59" s="472">
        <v>26</v>
      </c>
      <c r="Z59" s="478">
        <v>46.05</v>
      </c>
      <c r="AA59" s="473">
        <v>195.1</v>
      </c>
    </row>
    <row r="60" spans="1:27" ht="12.6" customHeight="1">
      <c r="A60" s="489" t="s">
        <v>434</v>
      </c>
      <c r="B60" s="468">
        <v>166064</v>
      </c>
      <c r="C60" s="468">
        <v>18977</v>
      </c>
      <c r="D60" s="468">
        <v>98651</v>
      </c>
      <c r="E60" s="468">
        <v>47015</v>
      </c>
      <c r="F60" s="468">
        <v>1421</v>
      </c>
      <c r="G60" s="469">
        <v>166577</v>
      </c>
      <c r="H60" s="468">
        <v>19397</v>
      </c>
      <c r="I60" s="468">
        <v>99967</v>
      </c>
      <c r="J60" s="468">
        <v>45792</v>
      </c>
      <c r="K60" s="470">
        <v>1421</v>
      </c>
      <c r="L60" s="470"/>
      <c r="M60" s="469">
        <v>-513</v>
      </c>
      <c r="N60" s="468">
        <v>-420</v>
      </c>
      <c r="O60" s="468">
        <v>-1316</v>
      </c>
      <c r="P60" s="468">
        <v>1223</v>
      </c>
      <c r="Q60" s="468" t="s">
        <v>386</v>
      </c>
      <c r="R60" s="471">
        <v>-0.3</v>
      </c>
      <c r="S60" s="472">
        <v>-2.2000000000000002</v>
      </c>
      <c r="T60" s="472">
        <v>-1.3</v>
      </c>
      <c r="U60" s="473">
        <v>2.7</v>
      </c>
      <c r="V60" s="472" t="s">
        <v>384</v>
      </c>
      <c r="W60" s="472">
        <v>11.5</v>
      </c>
      <c r="X60" s="472">
        <v>59.9</v>
      </c>
      <c r="Y60" s="472">
        <v>28.6</v>
      </c>
      <c r="Z60" s="478">
        <v>46.98</v>
      </c>
      <c r="AA60" s="473">
        <v>247.7</v>
      </c>
    </row>
    <row r="61" spans="1:27" ht="12.6" customHeight="1">
      <c r="A61" s="489" t="s">
        <v>435</v>
      </c>
      <c r="B61" s="468">
        <v>102143</v>
      </c>
      <c r="C61" s="468">
        <v>12281</v>
      </c>
      <c r="D61" s="468">
        <v>63322</v>
      </c>
      <c r="E61" s="468">
        <v>25857</v>
      </c>
      <c r="F61" s="468">
        <v>683</v>
      </c>
      <c r="G61" s="469">
        <v>101812</v>
      </c>
      <c r="H61" s="468">
        <v>12431</v>
      </c>
      <c r="I61" s="468">
        <v>63400</v>
      </c>
      <c r="J61" s="468">
        <v>25298</v>
      </c>
      <c r="K61" s="470">
        <v>683</v>
      </c>
      <c r="L61" s="470"/>
      <c r="M61" s="469">
        <v>331</v>
      </c>
      <c r="N61" s="468">
        <v>-150</v>
      </c>
      <c r="O61" s="468">
        <v>-78</v>
      </c>
      <c r="P61" s="468">
        <v>559</v>
      </c>
      <c r="Q61" s="468" t="s">
        <v>386</v>
      </c>
      <c r="R61" s="471">
        <v>0.3</v>
      </c>
      <c r="S61" s="472">
        <v>-1.2</v>
      </c>
      <c r="T61" s="472">
        <v>-0.1</v>
      </c>
      <c r="U61" s="473">
        <v>2.2000000000000002</v>
      </c>
      <c r="V61" s="472" t="s">
        <v>384</v>
      </c>
      <c r="W61" s="472">
        <v>12.1</v>
      </c>
      <c r="X61" s="472">
        <v>62.4</v>
      </c>
      <c r="Y61" s="472">
        <v>25.5</v>
      </c>
      <c r="Z61" s="478">
        <v>45.58</v>
      </c>
      <c r="AA61" s="473">
        <v>210.5</v>
      </c>
    </row>
    <row r="62" spans="1:27" ht="12.6" customHeight="1">
      <c r="A62" s="489" t="s">
        <v>436</v>
      </c>
      <c r="B62" s="468">
        <v>48153</v>
      </c>
      <c r="C62" s="468">
        <v>6378</v>
      </c>
      <c r="D62" s="468">
        <v>28844</v>
      </c>
      <c r="E62" s="468">
        <v>12824</v>
      </c>
      <c r="F62" s="468">
        <v>107</v>
      </c>
      <c r="G62" s="469">
        <v>48075</v>
      </c>
      <c r="H62" s="468">
        <v>6412</v>
      </c>
      <c r="I62" s="468">
        <v>29133</v>
      </c>
      <c r="J62" s="468">
        <v>12423</v>
      </c>
      <c r="K62" s="470">
        <v>107</v>
      </c>
      <c r="L62" s="470"/>
      <c r="M62" s="469">
        <v>78</v>
      </c>
      <c r="N62" s="468">
        <v>-34</v>
      </c>
      <c r="O62" s="468">
        <v>-289</v>
      </c>
      <c r="P62" s="468">
        <v>401</v>
      </c>
      <c r="Q62" s="468" t="s">
        <v>386</v>
      </c>
      <c r="R62" s="471">
        <v>0.2</v>
      </c>
      <c r="S62" s="472">
        <v>-0.5</v>
      </c>
      <c r="T62" s="472">
        <v>-1</v>
      </c>
      <c r="U62" s="473">
        <v>3.2</v>
      </c>
      <c r="V62" s="472" t="s">
        <v>384</v>
      </c>
      <c r="W62" s="472">
        <v>13.3</v>
      </c>
      <c r="X62" s="472">
        <v>60</v>
      </c>
      <c r="Y62" s="472">
        <v>26.7</v>
      </c>
      <c r="Z62" s="478">
        <v>45.81</v>
      </c>
      <c r="AA62" s="473">
        <v>201.1</v>
      </c>
    </row>
    <row r="63" spans="1:27" ht="12.6" customHeight="1">
      <c r="A63" s="489" t="s">
        <v>437</v>
      </c>
      <c r="B63" s="468">
        <v>31530</v>
      </c>
      <c r="C63" s="468">
        <v>3549</v>
      </c>
      <c r="D63" s="468">
        <v>16872</v>
      </c>
      <c r="E63" s="468">
        <v>10435</v>
      </c>
      <c r="F63" s="468">
        <v>674</v>
      </c>
      <c r="G63" s="469">
        <v>31522</v>
      </c>
      <c r="H63" s="468">
        <v>3560</v>
      </c>
      <c r="I63" s="468">
        <v>17011</v>
      </c>
      <c r="J63" s="468">
        <v>10277</v>
      </c>
      <c r="K63" s="470">
        <v>674</v>
      </c>
      <c r="L63" s="470"/>
      <c r="M63" s="469">
        <v>8</v>
      </c>
      <c r="N63" s="468">
        <v>-11</v>
      </c>
      <c r="O63" s="468">
        <v>-139</v>
      </c>
      <c r="P63" s="468">
        <v>158</v>
      </c>
      <c r="Q63" s="468" t="s">
        <v>386</v>
      </c>
      <c r="R63" s="471">
        <v>0</v>
      </c>
      <c r="S63" s="472">
        <v>-0.3</v>
      </c>
      <c r="T63" s="472">
        <v>-0.8</v>
      </c>
      <c r="U63" s="473">
        <v>1.5</v>
      </c>
      <c r="V63" s="472" t="s">
        <v>384</v>
      </c>
      <c r="W63" s="472">
        <v>11.5</v>
      </c>
      <c r="X63" s="472">
        <v>54.7</v>
      </c>
      <c r="Y63" s="472">
        <v>33.799999999999997</v>
      </c>
      <c r="Z63" s="478">
        <v>49.97</v>
      </c>
      <c r="AA63" s="473">
        <v>294</v>
      </c>
    </row>
    <row r="64" spans="1:27" ht="12.6" customHeight="1">
      <c r="A64" s="489" t="s">
        <v>438</v>
      </c>
      <c r="B64" s="468">
        <v>27988</v>
      </c>
      <c r="C64" s="468">
        <v>2947</v>
      </c>
      <c r="D64" s="468">
        <v>15525</v>
      </c>
      <c r="E64" s="468">
        <v>9514</v>
      </c>
      <c r="F64" s="468">
        <v>2</v>
      </c>
      <c r="G64" s="469">
        <v>28186</v>
      </c>
      <c r="H64" s="468">
        <v>3006</v>
      </c>
      <c r="I64" s="468">
        <v>15751</v>
      </c>
      <c r="J64" s="468">
        <v>9427</v>
      </c>
      <c r="K64" s="470">
        <v>2</v>
      </c>
      <c r="L64" s="470"/>
      <c r="M64" s="469">
        <v>-198</v>
      </c>
      <c r="N64" s="468">
        <v>-59</v>
      </c>
      <c r="O64" s="468">
        <v>-226</v>
      </c>
      <c r="P64" s="468">
        <v>87</v>
      </c>
      <c r="Q64" s="468" t="s">
        <v>386</v>
      </c>
      <c r="R64" s="471">
        <v>-0.7</v>
      </c>
      <c r="S64" s="472">
        <v>-2</v>
      </c>
      <c r="T64" s="472">
        <v>-1.4</v>
      </c>
      <c r="U64" s="473">
        <v>0.9</v>
      </c>
      <c r="V64" s="472" t="s">
        <v>384</v>
      </c>
      <c r="W64" s="472">
        <v>10.5</v>
      </c>
      <c r="X64" s="472">
        <v>55.5</v>
      </c>
      <c r="Y64" s="472">
        <v>34</v>
      </c>
      <c r="Z64" s="478">
        <v>50.41</v>
      </c>
      <c r="AA64" s="473">
        <v>322.8</v>
      </c>
    </row>
    <row r="65" spans="1:27" ht="9" customHeight="1">
      <c r="A65" s="489"/>
      <c r="B65" s="468"/>
      <c r="C65" s="468"/>
      <c r="D65" s="468"/>
      <c r="E65" s="468"/>
      <c r="F65" s="468"/>
      <c r="G65" s="469"/>
      <c r="H65" s="468"/>
      <c r="I65" s="468"/>
      <c r="J65" s="468"/>
      <c r="K65" s="470"/>
      <c r="L65" s="470"/>
      <c r="M65" s="469"/>
      <c r="N65" s="468"/>
      <c r="O65" s="468"/>
      <c r="P65" s="468"/>
      <c r="Q65" s="460"/>
      <c r="R65" s="471"/>
      <c r="S65" s="472"/>
      <c r="T65" s="472"/>
      <c r="U65" s="473"/>
      <c r="V65" s="472"/>
      <c r="W65" s="472"/>
      <c r="X65" s="472"/>
      <c r="Y65" s="472"/>
      <c r="Z65" s="474"/>
      <c r="AA65" s="473"/>
    </row>
    <row r="66" spans="1:27" ht="12.6" customHeight="1">
      <c r="A66" s="490" t="s">
        <v>439</v>
      </c>
      <c r="B66" s="460">
        <v>342868</v>
      </c>
      <c r="C66" s="460">
        <v>38062</v>
      </c>
      <c r="D66" s="460">
        <v>196854</v>
      </c>
      <c r="E66" s="460">
        <v>106200</v>
      </c>
      <c r="F66" s="460">
        <v>1752</v>
      </c>
      <c r="G66" s="461">
        <v>344762</v>
      </c>
      <c r="H66" s="461">
        <v>39068</v>
      </c>
      <c r="I66" s="461">
        <v>199373</v>
      </c>
      <c r="J66" s="461">
        <v>104569</v>
      </c>
      <c r="K66" s="461">
        <v>1752</v>
      </c>
      <c r="L66" s="462"/>
      <c r="M66" s="461">
        <v>-1894</v>
      </c>
      <c r="N66" s="460">
        <v>-1006</v>
      </c>
      <c r="O66" s="460">
        <v>-2519</v>
      </c>
      <c r="P66" s="460">
        <v>1631</v>
      </c>
      <c r="Q66" s="460" t="s">
        <v>386</v>
      </c>
      <c r="R66" s="463">
        <v>-0.5</v>
      </c>
      <c r="S66" s="464">
        <v>-2.6</v>
      </c>
      <c r="T66" s="464">
        <v>-1.3</v>
      </c>
      <c r="U66" s="465">
        <v>1.6</v>
      </c>
      <c r="V66" s="464" t="s">
        <v>384</v>
      </c>
      <c r="W66" s="464">
        <v>11.2</v>
      </c>
      <c r="X66" s="464">
        <v>57.7</v>
      </c>
      <c r="Y66" s="464">
        <v>31.1</v>
      </c>
      <c r="Z66" s="466">
        <v>48.86</v>
      </c>
      <c r="AA66" s="465">
        <v>279</v>
      </c>
    </row>
    <row r="67" spans="1:27" ht="12.6" customHeight="1">
      <c r="A67" s="489" t="s">
        <v>440</v>
      </c>
      <c r="B67" s="468">
        <v>192116</v>
      </c>
      <c r="C67" s="468">
        <v>21893</v>
      </c>
      <c r="D67" s="468">
        <v>113027</v>
      </c>
      <c r="E67" s="468">
        <v>55973</v>
      </c>
      <c r="F67" s="468">
        <v>1223</v>
      </c>
      <c r="G67" s="469">
        <v>193245</v>
      </c>
      <c r="H67" s="468">
        <v>22357</v>
      </c>
      <c r="I67" s="468">
        <v>114559</v>
      </c>
      <c r="J67" s="468">
        <v>55106</v>
      </c>
      <c r="K67" s="470">
        <v>1223</v>
      </c>
      <c r="L67" s="470"/>
      <c r="M67" s="469">
        <v>-1129</v>
      </c>
      <c r="N67" s="468">
        <v>-464</v>
      </c>
      <c r="O67" s="468">
        <v>-1532</v>
      </c>
      <c r="P67" s="468">
        <v>867</v>
      </c>
      <c r="Q67" s="468" t="s">
        <v>386</v>
      </c>
      <c r="R67" s="471">
        <v>-0.6</v>
      </c>
      <c r="S67" s="472">
        <v>-2.1</v>
      </c>
      <c r="T67" s="472">
        <v>-1.3</v>
      </c>
      <c r="U67" s="473">
        <v>1.6</v>
      </c>
      <c r="V67" s="472" t="s">
        <v>384</v>
      </c>
      <c r="W67" s="472">
        <v>11.5</v>
      </c>
      <c r="X67" s="472">
        <v>59.2</v>
      </c>
      <c r="Y67" s="472">
        <v>29.3</v>
      </c>
      <c r="Z67" s="478">
        <v>48</v>
      </c>
      <c r="AA67" s="473">
        <v>255.7</v>
      </c>
    </row>
    <row r="68" spans="1:27" ht="12.6" customHeight="1">
      <c r="A68" s="489" t="s">
        <v>441</v>
      </c>
      <c r="B68" s="468">
        <v>42613</v>
      </c>
      <c r="C68" s="468">
        <v>5044</v>
      </c>
      <c r="D68" s="468">
        <v>24116</v>
      </c>
      <c r="E68" s="468">
        <v>13387</v>
      </c>
      <c r="F68" s="468">
        <v>66</v>
      </c>
      <c r="G68" s="469">
        <v>42839</v>
      </c>
      <c r="H68" s="468">
        <v>5203</v>
      </c>
      <c r="I68" s="468">
        <v>24512</v>
      </c>
      <c r="J68" s="468">
        <v>13058</v>
      </c>
      <c r="K68" s="470">
        <v>66</v>
      </c>
      <c r="L68" s="470"/>
      <c r="M68" s="469">
        <v>-226</v>
      </c>
      <c r="N68" s="468">
        <v>-159</v>
      </c>
      <c r="O68" s="468">
        <v>-396</v>
      </c>
      <c r="P68" s="468">
        <v>329</v>
      </c>
      <c r="Q68" s="468" t="s">
        <v>386</v>
      </c>
      <c r="R68" s="471">
        <v>-0.5</v>
      </c>
      <c r="S68" s="472">
        <v>-3.1</v>
      </c>
      <c r="T68" s="472">
        <v>-1.6</v>
      </c>
      <c r="U68" s="473">
        <v>2.5</v>
      </c>
      <c r="V68" s="472" t="s">
        <v>384</v>
      </c>
      <c r="W68" s="472">
        <v>11.9</v>
      </c>
      <c r="X68" s="472">
        <v>56.7</v>
      </c>
      <c r="Y68" s="472">
        <v>31.5</v>
      </c>
      <c r="Z68" s="478">
        <v>48.59</v>
      </c>
      <c r="AA68" s="473">
        <v>265.39999999999998</v>
      </c>
    </row>
    <row r="69" spans="1:27" ht="12.6" customHeight="1">
      <c r="A69" s="489" t="s">
        <v>442</v>
      </c>
      <c r="B69" s="468">
        <v>9525</v>
      </c>
      <c r="C69" s="468">
        <v>985</v>
      </c>
      <c r="D69" s="468">
        <v>5320</v>
      </c>
      <c r="E69" s="468">
        <v>3212</v>
      </c>
      <c r="F69" s="468">
        <v>8</v>
      </c>
      <c r="G69" s="469">
        <v>9596</v>
      </c>
      <c r="H69" s="468">
        <v>1004</v>
      </c>
      <c r="I69" s="468">
        <v>5449</v>
      </c>
      <c r="J69" s="468">
        <v>3135</v>
      </c>
      <c r="K69" s="470">
        <v>8</v>
      </c>
      <c r="L69" s="470"/>
      <c r="M69" s="469">
        <v>-71</v>
      </c>
      <c r="N69" s="468">
        <v>-19</v>
      </c>
      <c r="O69" s="468">
        <v>-129</v>
      </c>
      <c r="P69" s="468">
        <v>77</v>
      </c>
      <c r="Q69" s="468" t="s">
        <v>386</v>
      </c>
      <c r="R69" s="471">
        <v>-0.7</v>
      </c>
      <c r="S69" s="472">
        <v>-1.9</v>
      </c>
      <c r="T69" s="472">
        <v>-2.4</v>
      </c>
      <c r="U69" s="473">
        <v>2.5</v>
      </c>
      <c r="V69" s="472" t="s">
        <v>388</v>
      </c>
      <c r="W69" s="472">
        <v>10.3</v>
      </c>
      <c r="X69" s="472">
        <v>55.9</v>
      </c>
      <c r="Y69" s="472">
        <v>33.799999999999997</v>
      </c>
      <c r="Z69" s="478">
        <v>50.01</v>
      </c>
      <c r="AA69" s="473">
        <v>326.10000000000002</v>
      </c>
    </row>
    <row r="70" spans="1:27" ht="12.6" customHeight="1">
      <c r="A70" s="489" t="s">
        <v>443</v>
      </c>
      <c r="B70" s="468">
        <v>16970</v>
      </c>
      <c r="C70" s="468">
        <v>2159</v>
      </c>
      <c r="D70" s="468">
        <v>10094</v>
      </c>
      <c r="E70" s="468">
        <v>4683</v>
      </c>
      <c r="F70" s="468">
        <v>34</v>
      </c>
      <c r="G70" s="469">
        <v>16927</v>
      </c>
      <c r="H70" s="468">
        <v>2267</v>
      </c>
      <c r="I70" s="468">
        <v>10058</v>
      </c>
      <c r="J70" s="468">
        <v>4568</v>
      </c>
      <c r="K70" s="470">
        <v>34</v>
      </c>
      <c r="L70" s="470"/>
      <c r="M70" s="469">
        <v>43</v>
      </c>
      <c r="N70" s="468">
        <v>-108</v>
      </c>
      <c r="O70" s="468">
        <v>36</v>
      </c>
      <c r="P70" s="468">
        <v>115</v>
      </c>
      <c r="Q70" s="468" t="s">
        <v>386</v>
      </c>
      <c r="R70" s="471">
        <v>0.3</v>
      </c>
      <c r="S70" s="472">
        <v>-4.8</v>
      </c>
      <c r="T70" s="472">
        <v>0.4</v>
      </c>
      <c r="U70" s="473">
        <v>2.5</v>
      </c>
      <c r="V70" s="472" t="s">
        <v>384</v>
      </c>
      <c r="W70" s="472">
        <v>12.7</v>
      </c>
      <c r="X70" s="472">
        <v>59.6</v>
      </c>
      <c r="Y70" s="472">
        <v>27.7</v>
      </c>
      <c r="Z70" s="478">
        <v>46.52</v>
      </c>
      <c r="AA70" s="473">
        <v>216.9</v>
      </c>
    </row>
    <row r="71" spans="1:27" ht="12.6" customHeight="1">
      <c r="A71" s="489" t="s">
        <v>444</v>
      </c>
      <c r="B71" s="468">
        <v>10950</v>
      </c>
      <c r="C71" s="468">
        <v>1048</v>
      </c>
      <c r="D71" s="468">
        <v>6305</v>
      </c>
      <c r="E71" s="468">
        <v>3593</v>
      </c>
      <c r="F71" s="468">
        <v>4</v>
      </c>
      <c r="G71" s="469">
        <v>11018</v>
      </c>
      <c r="H71" s="468">
        <v>1087</v>
      </c>
      <c r="I71" s="468">
        <v>6378</v>
      </c>
      <c r="J71" s="468">
        <v>3549</v>
      </c>
      <c r="K71" s="470">
        <v>4</v>
      </c>
      <c r="L71" s="470"/>
      <c r="M71" s="469">
        <v>-68</v>
      </c>
      <c r="N71" s="468">
        <v>-39</v>
      </c>
      <c r="O71" s="468">
        <v>-73</v>
      </c>
      <c r="P71" s="468">
        <v>44</v>
      </c>
      <c r="Q71" s="468" t="s">
        <v>386</v>
      </c>
      <c r="R71" s="471">
        <v>-0.6</v>
      </c>
      <c r="S71" s="472">
        <v>-3.6</v>
      </c>
      <c r="T71" s="472">
        <v>-1.1000000000000001</v>
      </c>
      <c r="U71" s="473">
        <v>1.2</v>
      </c>
      <c r="V71" s="472" t="s">
        <v>384</v>
      </c>
      <c r="W71" s="472">
        <v>9.6</v>
      </c>
      <c r="X71" s="472">
        <v>57.6</v>
      </c>
      <c r="Y71" s="472">
        <v>32.799999999999997</v>
      </c>
      <c r="Z71" s="478">
        <v>50.15</v>
      </c>
      <c r="AA71" s="473">
        <v>342.8</v>
      </c>
    </row>
    <row r="72" spans="1:27" ht="12.6" customHeight="1">
      <c r="A72" s="489" t="s">
        <v>445</v>
      </c>
      <c r="B72" s="468">
        <v>10115</v>
      </c>
      <c r="C72" s="468">
        <v>918</v>
      </c>
      <c r="D72" s="468">
        <v>5383</v>
      </c>
      <c r="E72" s="468">
        <v>3814</v>
      </c>
      <c r="F72" s="468">
        <v>0</v>
      </c>
      <c r="G72" s="469">
        <v>10375</v>
      </c>
      <c r="H72" s="468">
        <v>969</v>
      </c>
      <c r="I72" s="468">
        <v>5619</v>
      </c>
      <c r="J72" s="468">
        <v>3787</v>
      </c>
      <c r="K72" s="470">
        <v>0</v>
      </c>
      <c r="L72" s="470"/>
      <c r="M72" s="469">
        <v>-260</v>
      </c>
      <c r="N72" s="468">
        <v>-51</v>
      </c>
      <c r="O72" s="468">
        <v>-236</v>
      </c>
      <c r="P72" s="468">
        <v>27</v>
      </c>
      <c r="Q72" s="468" t="s">
        <v>386</v>
      </c>
      <c r="R72" s="471">
        <v>-2.5</v>
      </c>
      <c r="S72" s="472">
        <v>-5.3</v>
      </c>
      <c r="T72" s="472">
        <v>-4.2</v>
      </c>
      <c r="U72" s="473">
        <v>0.7</v>
      </c>
      <c r="V72" s="472" t="s">
        <v>384</v>
      </c>
      <c r="W72" s="472">
        <v>9.1</v>
      </c>
      <c r="X72" s="472">
        <v>53.2</v>
      </c>
      <c r="Y72" s="472">
        <v>37.700000000000003</v>
      </c>
      <c r="Z72" s="478">
        <v>52.7</v>
      </c>
      <c r="AA72" s="473">
        <v>415.5</v>
      </c>
    </row>
    <row r="73" spans="1:27" ht="12.6" customHeight="1">
      <c r="A73" s="489" t="s">
        <v>446</v>
      </c>
      <c r="B73" s="468">
        <v>17536</v>
      </c>
      <c r="C73" s="468">
        <v>2653</v>
      </c>
      <c r="D73" s="468">
        <v>10344</v>
      </c>
      <c r="E73" s="468">
        <v>4505</v>
      </c>
      <c r="F73" s="468">
        <v>34</v>
      </c>
      <c r="G73" s="469">
        <v>17349</v>
      </c>
      <c r="H73" s="468">
        <v>2659</v>
      </c>
      <c r="I73" s="468">
        <v>10264</v>
      </c>
      <c r="J73" s="468">
        <v>4392</v>
      </c>
      <c r="K73" s="470">
        <v>34</v>
      </c>
      <c r="L73" s="470"/>
      <c r="M73" s="469">
        <v>187</v>
      </c>
      <c r="N73" s="468">
        <v>-6</v>
      </c>
      <c r="O73" s="468">
        <v>80</v>
      </c>
      <c r="P73" s="468">
        <v>113</v>
      </c>
      <c r="Q73" s="468" t="s">
        <v>386</v>
      </c>
      <c r="R73" s="471">
        <v>1.1000000000000001</v>
      </c>
      <c r="S73" s="472">
        <v>-0.2</v>
      </c>
      <c r="T73" s="472">
        <v>0.8</v>
      </c>
      <c r="U73" s="473">
        <v>2.6</v>
      </c>
      <c r="V73" s="472" t="s">
        <v>384</v>
      </c>
      <c r="W73" s="472">
        <v>15.2</v>
      </c>
      <c r="X73" s="472">
        <v>59.1</v>
      </c>
      <c r="Y73" s="472">
        <v>25.7</v>
      </c>
      <c r="Z73" s="478">
        <v>45.3</v>
      </c>
      <c r="AA73" s="473">
        <v>169.8</v>
      </c>
    </row>
    <row r="74" spans="1:27" ht="12.6" customHeight="1">
      <c r="A74" s="489" t="s">
        <v>447</v>
      </c>
      <c r="B74" s="468">
        <v>11599</v>
      </c>
      <c r="C74" s="468">
        <v>810</v>
      </c>
      <c r="D74" s="468">
        <v>6387</v>
      </c>
      <c r="E74" s="468">
        <v>4148</v>
      </c>
      <c r="F74" s="468">
        <v>254</v>
      </c>
      <c r="G74" s="469">
        <v>11648</v>
      </c>
      <c r="H74" s="468">
        <v>842</v>
      </c>
      <c r="I74" s="468">
        <v>6358</v>
      </c>
      <c r="J74" s="468">
        <v>4194</v>
      </c>
      <c r="K74" s="470">
        <v>254</v>
      </c>
      <c r="L74" s="470"/>
      <c r="M74" s="469">
        <v>-49</v>
      </c>
      <c r="N74" s="468">
        <v>-32</v>
      </c>
      <c r="O74" s="468">
        <v>29</v>
      </c>
      <c r="P74" s="468">
        <v>-46</v>
      </c>
      <c r="Q74" s="468" t="s">
        <v>386</v>
      </c>
      <c r="R74" s="471">
        <v>-0.4</v>
      </c>
      <c r="S74" s="472">
        <v>-3.8</v>
      </c>
      <c r="T74" s="472">
        <v>0.5</v>
      </c>
      <c r="U74" s="473">
        <v>-1.1000000000000001</v>
      </c>
      <c r="V74" s="472" t="s">
        <v>388</v>
      </c>
      <c r="W74" s="472">
        <v>7.1</v>
      </c>
      <c r="X74" s="472">
        <v>56.3</v>
      </c>
      <c r="Y74" s="472">
        <v>36.6</v>
      </c>
      <c r="Z74" s="478">
        <v>51.8</v>
      </c>
      <c r="AA74" s="473">
        <v>512.1</v>
      </c>
    </row>
    <row r="75" spans="1:27" ht="12.6" customHeight="1">
      <c r="A75" s="489" t="s">
        <v>448</v>
      </c>
      <c r="B75" s="468">
        <v>7051</v>
      </c>
      <c r="C75" s="468">
        <v>515</v>
      </c>
      <c r="D75" s="468">
        <v>3675</v>
      </c>
      <c r="E75" s="468">
        <v>2860</v>
      </c>
      <c r="F75" s="468">
        <v>1</v>
      </c>
      <c r="G75" s="469">
        <v>7144</v>
      </c>
      <c r="H75" s="468">
        <v>540</v>
      </c>
      <c r="I75" s="468">
        <v>3756</v>
      </c>
      <c r="J75" s="468">
        <v>2847</v>
      </c>
      <c r="K75" s="470">
        <v>1</v>
      </c>
      <c r="L75" s="470"/>
      <c r="M75" s="469">
        <v>-93</v>
      </c>
      <c r="N75" s="468">
        <v>-25</v>
      </c>
      <c r="O75" s="468">
        <v>-81</v>
      </c>
      <c r="P75" s="468">
        <v>13</v>
      </c>
      <c r="Q75" s="468" t="s">
        <v>383</v>
      </c>
      <c r="R75" s="471">
        <v>-1.3</v>
      </c>
      <c r="S75" s="472">
        <v>-4.5999999999999996</v>
      </c>
      <c r="T75" s="472">
        <v>-2.2000000000000002</v>
      </c>
      <c r="U75" s="473">
        <v>0.5</v>
      </c>
      <c r="V75" s="472" t="s">
        <v>384</v>
      </c>
      <c r="W75" s="472">
        <v>7.3</v>
      </c>
      <c r="X75" s="472">
        <v>52.1</v>
      </c>
      <c r="Y75" s="472">
        <v>40.6</v>
      </c>
      <c r="Z75" s="478">
        <v>54.86</v>
      </c>
      <c r="AA75" s="473">
        <v>555.29999999999995</v>
      </c>
    </row>
    <row r="76" spans="1:27" ht="12.6" customHeight="1">
      <c r="A76" s="489" t="s">
        <v>449</v>
      </c>
      <c r="B76" s="468">
        <v>24393</v>
      </c>
      <c r="C76" s="468">
        <v>2037</v>
      </c>
      <c r="D76" s="468">
        <v>12203</v>
      </c>
      <c r="E76" s="468">
        <v>10025</v>
      </c>
      <c r="F76" s="468">
        <v>128</v>
      </c>
      <c r="G76" s="469">
        <v>24621</v>
      </c>
      <c r="H76" s="468">
        <v>2140</v>
      </c>
      <c r="I76" s="468">
        <v>12420</v>
      </c>
      <c r="J76" s="468">
        <v>9933</v>
      </c>
      <c r="K76" s="470">
        <v>128</v>
      </c>
      <c r="L76" s="470"/>
      <c r="M76" s="469">
        <v>-228</v>
      </c>
      <c r="N76" s="468">
        <v>-103</v>
      </c>
      <c r="O76" s="468">
        <v>-217</v>
      </c>
      <c r="P76" s="468">
        <v>92</v>
      </c>
      <c r="Q76" s="468" t="s">
        <v>386</v>
      </c>
      <c r="R76" s="471">
        <v>-0.9</v>
      </c>
      <c r="S76" s="472">
        <v>-4.8</v>
      </c>
      <c r="T76" s="472">
        <v>-1.7</v>
      </c>
      <c r="U76" s="473">
        <v>0.9</v>
      </c>
      <c r="V76" s="472" t="s">
        <v>384</v>
      </c>
      <c r="W76" s="472">
        <v>8.4</v>
      </c>
      <c r="X76" s="472">
        <v>50.3</v>
      </c>
      <c r="Y76" s="472">
        <v>41.3</v>
      </c>
      <c r="Z76" s="478">
        <v>54.49</v>
      </c>
      <c r="AA76" s="473">
        <v>492.1</v>
      </c>
    </row>
    <row r="77" spans="1:27" ht="9" customHeight="1">
      <c r="A77" s="489"/>
      <c r="B77" s="468"/>
      <c r="C77" s="468"/>
      <c r="D77" s="468"/>
      <c r="E77" s="468"/>
      <c r="F77" s="468"/>
      <c r="G77" s="469"/>
      <c r="H77" s="468"/>
      <c r="I77" s="468"/>
      <c r="J77" s="468"/>
      <c r="K77" s="470"/>
      <c r="L77" s="470"/>
      <c r="M77" s="469"/>
      <c r="N77" s="468"/>
      <c r="O77" s="468"/>
      <c r="P77" s="468"/>
      <c r="Q77" s="460"/>
      <c r="R77" s="471"/>
      <c r="S77" s="472"/>
      <c r="T77" s="472"/>
      <c r="U77" s="473"/>
      <c r="V77" s="472"/>
      <c r="W77" s="472"/>
      <c r="X77" s="472"/>
      <c r="Y77" s="472"/>
      <c r="Z77" s="474"/>
      <c r="AA77" s="473"/>
    </row>
    <row r="78" spans="1:27" ht="12.6" customHeight="1">
      <c r="A78" s="489"/>
      <c r="B78" s="468"/>
      <c r="C78" s="468"/>
      <c r="D78" s="468"/>
      <c r="E78" s="468"/>
      <c r="F78" s="468"/>
      <c r="G78" s="469"/>
      <c r="H78" s="468"/>
      <c r="I78" s="468"/>
      <c r="J78" s="468"/>
      <c r="K78" s="470"/>
      <c r="L78" s="470"/>
      <c r="M78" s="469"/>
      <c r="N78" s="468"/>
      <c r="O78" s="468"/>
      <c r="P78" s="468"/>
      <c r="Q78" s="460"/>
      <c r="R78" s="471"/>
      <c r="S78" s="472"/>
      <c r="T78" s="472"/>
      <c r="U78" s="473"/>
      <c r="V78" s="472"/>
      <c r="W78" s="472"/>
      <c r="X78" s="472"/>
      <c r="Y78" s="472"/>
      <c r="Z78" s="478"/>
      <c r="AA78" s="473"/>
    </row>
    <row r="79" spans="1:27" ht="12.6" customHeight="1">
      <c r="A79" s="489"/>
      <c r="B79" s="468"/>
      <c r="C79" s="468"/>
      <c r="D79" s="468"/>
      <c r="E79" s="468"/>
      <c r="F79" s="468"/>
      <c r="G79" s="469"/>
      <c r="H79" s="468"/>
      <c r="I79" s="468"/>
      <c r="J79" s="468" t="s">
        <v>450</v>
      </c>
      <c r="K79" s="470"/>
      <c r="L79" s="470"/>
      <c r="M79" s="469"/>
      <c r="N79" s="468"/>
      <c r="O79" s="468"/>
      <c r="P79" s="468"/>
      <c r="Q79" s="460"/>
      <c r="R79" s="471"/>
      <c r="S79" s="472"/>
      <c r="T79" s="472"/>
      <c r="U79" s="473"/>
      <c r="V79" s="472"/>
      <c r="W79" s="472"/>
      <c r="X79" s="472"/>
      <c r="Y79" s="472"/>
      <c r="Z79" s="478"/>
      <c r="AA79" s="473"/>
    </row>
    <row r="80" spans="1:27" ht="12.6" customHeight="1" thickBot="1">
      <c r="A80" s="491"/>
      <c r="B80" s="492"/>
      <c r="C80" s="492"/>
      <c r="D80" s="492"/>
      <c r="E80" s="492"/>
      <c r="F80" s="492"/>
      <c r="G80" s="493"/>
      <c r="H80" s="492"/>
      <c r="I80" s="492"/>
      <c r="J80" s="492"/>
      <c r="K80" s="494"/>
      <c r="L80" s="494"/>
      <c r="M80" s="493"/>
      <c r="N80" s="492"/>
      <c r="O80" s="492"/>
      <c r="P80" s="492"/>
      <c r="Q80" s="495"/>
      <c r="R80" s="496"/>
      <c r="S80" s="497"/>
      <c r="T80" s="497"/>
      <c r="U80" s="498"/>
      <c r="V80" s="497"/>
      <c r="W80" s="497"/>
      <c r="X80" s="497"/>
      <c r="Y80" s="497"/>
      <c r="Z80" s="499"/>
      <c r="AA80" s="498"/>
    </row>
    <row r="81" spans="1:1" s="427" customFormat="1" ht="15.95" customHeight="1" thickTop="1">
      <c r="A81" s="500" t="s">
        <v>451</v>
      </c>
    </row>
  </sheetData>
  <mergeCells count="1">
    <mergeCell ref="M2:P2"/>
  </mergeCells>
  <phoneticPr fontId="3"/>
  <printOptions horizontalCentered="1" gridLinesSet="0"/>
  <pageMargins left="0.78740157480314965" right="0.39370078740157483" top="0.59055118110236227" bottom="0.59055118110236227" header="0" footer="0"/>
  <pageSetup paperSize="9" scale="82" firstPageNumber="16" fitToWidth="0" orientation="portrait" blackAndWhite="1" useFirstPageNumber="1" r:id="rId1"/>
  <headerFooter>
    <oddFooter>&amp;C&amp;"ＭＳ ゴシック,太字"-&amp;P--</oddFooter>
    <evenFooter>&amp;C－17－</evenFooter>
  </headerFooter>
  <colBreaks count="1" manualBreakCount="1">
    <brk id="12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3</vt:i4>
      </vt:variant>
      <vt:variant>
        <vt:lpstr>名前付き一覧</vt:lpstr>
      </vt:variant>
      <vt:variant>
        <vt:i4>25</vt:i4>
      </vt:variant>
    </vt:vector>
  </HeadingPairs>
  <TitlesOfParts>
    <vt:vector size="58" baseType="lpstr">
      <vt:lpstr>表１･２</vt:lpstr>
      <vt:lpstr>表３</vt:lpstr>
      <vt:lpstr>表４・５</vt:lpstr>
      <vt:lpstr>表６</vt:lpstr>
      <vt:lpstr>表７</vt:lpstr>
      <vt:lpstr>表８</vt:lpstr>
      <vt:lpstr>表９</vt:lpstr>
      <vt:lpstr>表10</vt:lpstr>
      <vt:lpstr>表11-1</vt:lpstr>
      <vt:lpstr>表11-2</vt:lpstr>
      <vt:lpstr>表11-3</vt:lpstr>
      <vt:lpstr>表12</vt:lpstr>
      <vt:lpstr>表13</vt:lpstr>
      <vt:lpstr>表14-1</vt:lpstr>
      <vt:lpstr>表14-2</vt:lpstr>
      <vt:lpstr>表14-3</vt:lpstr>
      <vt:lpstr>表14-4</vt:lpstr>
      <vt:lpstr>表14-5</vt:lpstr>
      <vt:lpstr>表14-6</vt:lpstr>
      <vt:lpstr>表14-7</vt:lpstr>
      <vt:lpstr>表15-1</vt:lpstr>
      <vt:lpstr>表15-2</vt:lpstr>
      <vt:lpstr>表15-3</vt:lpstr>
      <vt:lpstr>表15-4</vt:lpstr>
      <vt:lpstr>表15-5</vt:lpstr>
      <vt:lpstr>表15-6</vt:lpstr>
      <vt:lpstr>表15-7</vt:lpstr>
      <vt:lpstr>表16-1</vt:lpstr>
      <vt:lpstr>表16-2</vt:lpstr>
      <vt:lpstr>表16-3</vt:lpstr>
      <vt:lpstr>表16-4</vt:lpstr>
      <vt:lpstr>参考資料1</vt:lpstr>
      <vt:lpstr>参考資料2</vt:lpstr>
      <vt:lpstr>参考資料1!Print_Area</vt:lpstr>
      <vt:lpstr>参考資料2!Print_Area</vt:lpstr>
      <vt:lpstr>表１･２!Print_Area</vt:lpstr>
      <vt:lpstr>'表11-1'!Print_Area</vt:lpstr>
      <vt:lpstr>'表11-2'!Print_Area</vt:lpstr>
      <vt:lpstr>'表11-3'!Print_Area</vt:lpstr>
      <vt:lpstr>表12!Print_Area</vt:lpstr>
      <vt:lpstr>表13!Print_Area</vt:lpstr>
      <vt:lpstr>'表14-1'!Print_Area</vt:lpstr>
      <vt:lpstr>'表14-2'!Print_Area</vt:lpstr>
      <vt:lpstr>'表14-3'!Print_Area</vt:lpstr>
      <vt:lpstr>'表14-4'!Print_Area</vt:lpstr>
      <vt:lpstr>'表14-5'!Print_Area</vt:lpstr>
      <vt:lpstr>'表14-6'!Print_Area</vt:lpstr>
      <vt:lpstr>'表14-7'!Print_Area</vt:lpstr>
      <vt:lpstr>'表15-1'!Print_Area</vt:lpstr>
      <vt:lpstr>'表16-1'!Print_Area</vt:lpstr>
      <vt:lpstr>'表16-2'!Print_Area</vt:lpstr>
      <vt:lpstr>'表16-3'!Print_Area</vt:lpstr>
      <vt:lpstr>'表16-4'!Print_Area</vt:lpstr>
      <vt:lpstr>表３!Print_Area</vt:lpstr>
      <vt:lpstr>表４・５!Print_Area</vt:lpstr>
      <vt:lpstr>表６!Print_Area</vt:lpstr>
      <vt:lpstr>表８!Print_Area</vt:lpstr>
      <vt:lpstr>表９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上浦</dc:creator>
  <cp:lastModifiedBy>Windows ユーザー(人口ライン　松崎)</cp:lastModifiedBy>
  <cp:lastPrinted>2018-08-30T05:55:16Z</cp:lastPrinted>
  <dcterms:created xsi:type="dcterms:W3CDTF">2018-08-16T04:12:25Z</dcterms:created>
  <dcterms:modified xsi:type="dcterms:W3CDTF">2018-08-30T07:34:51Z</dcterms:modified>
</cp:coreProperties>
</file>